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8"/>
  <workbookPr defaultThemeVersion="166925"/>
  <mc:AlternateContent xmlns:mc="http://schemas.openxmlformats.org/markup-compatibility/2006">
    <mc:Choice Requires="x15">
      <x15ac:absPath xmlns:x15ac="http://schemas.microsoft.com/office/spreadsheetml/2010/11/ac" url="D:\吉倉デスクトップ\temp\PSP\s12\"/>
    </mc:Choice>
  </mc:AlternateContent>
  <xr:revisionPtr revIDLastSave="0" documentId="8_{233E7C07-3B32-4B4C-BE29-6EAFE1749CF9}" xr6:coauthVersionLast="36" xr6:coauthVersionMax="36" xr10:uidLastSave="{00000000-0000-0000-0000-000000000000}"/>
  <bookViews>
    <workbookView xWindow="0" yWindow="0" windowWidth="26430" windowHeight="9090"/>
  </bookViews>
  <sheets>
    <sheet name="bsuihzhf_s12 (2)" sheetId="1" r:id="rId1"/>
  </sheets>
  <calcPr calcId="0"/>
</workbook>
</file>

<file path=xl/sharedStrings.xml><?xml version="1.0" encoding="utf-8"?>
<sst xmlns="http://schemas.openxmlformats.org/spreadsheetml/2006/main" count="6859" uniqueCount="1137">
  <si>
    <t>id</t>
  </si>
  <si>
    <t>cat1</t>
  </si>
  <si>
    <t>cat2</t>
  </si>
  <si>
    <t>cat2name</t>
  </si>
  <si>
    <t>cat2flag</t>
  </si>
  <si>
    <t>flag16</t>
  </si>
  <si>
    <t>up_date</t>
  </si>
  <si>
    <t>おすすめ</t>
  </si>
  <si>
    <t>ハイボール</t>
  </si>
  <si>
    <t>ウイスキー</t>
  </si>
  <si>
    <t>サワー</t>
  </si>
  <si>
    <t>焼酎</t>
  </si>
  <si>
    <t>お酒のお供</t>
  </si>
  <si>
    <t>日本酒</t>
  </si>
  <si>
    <t>ビール</t>
  </si>
  <si>
    <t>カクテル</t>
  </si>
  <si>
    <t>果実酒</t>
  </si>
  <si>
    <t>ワイン</t>
  </si>
  <si>
    <t>ノンアルコール</t>
  </si>
  <si>
    <t>ソフトドリンク</t>
  </si>
  <si>
    <t>アラカルト</t>
  </si>
  <si>
    <t>パスタ＆ピザ</t>
  </si>
  <si>
    <t>カレー</t>
  </si>
  <si>
    <t>ご飯&amp;麺類</t>
  </si>
  <si>
    <t>お子様メニュー</t>
  </si>
  <si>
    <t>おつまみ</t>
  </si>
  <si>
    <t>スイーツ</t>
  </si>
  <si>
    <t>酒の肴</t>
  </si>
  <si>
    <t>逸品</t>
  </si>
  <si>
    <t>北海道の旨い</t>
  </si>
  <si>
    <t>北海道炙り</t>
  </si>
  <si>
    <t>幌加内そば</t>
  </si>
  <si>
    <t>サラダ</t>
  </si>
  <si>
    <t>刺身</t>
  </si>
  <si>
    <t>串</t>
  </si>
  <si>
    <t>炙り</t>
  </si>
  <si>
    <t>揚げもの</t>
  </si>
  <si>
    <t>味自慢</t>
  </si>
  <si>
    <t>鉄板</t>
  </si>
  <si>
    <t>天ぷら</t>
  </si>
  <si>
    <t>〆の食事・麺</t>
  </si>
  <si>
    <t>〆の食事・米・丼</t>
  </si>
  <si>
    <t>甘味</t>
  </si>
  <si>
    <t>こだわり寿司</t>
  </si>
  <si>
    <t>期間限定</t>
  </si>
  <si>
    <t>check_id</t>
  </si>
  <si>
    <t>room_no</t>
  </si>
  <si>
    <t>total</t>
  </si>
  <si>
    <t>room_charge</t>
  </si>
  <si>
    <t>products</t>
  </si>
  <si>
    <t>order_no</t>
  </si>
  <si>
    <t>qty</t>
  </si>
  <si>
    <t>price</t>
  </si>
  <si>
    <t>1667|1669</t>
  </si>
  <si>
    <t>1|1</t>
  </si>
  <si>
    <t>440|440</t>
  </si>
  <si>
    <t>82|121|122|143|146|141|1606|1005|1001|1601|82|1601|1005|1005</t>
  </si>
  <si>
    <t>1|1|1|1|1|1|2|1|1|1|1|1|1|2</t>
  </si>
  <si>
    <t>880|1529|1590|990|1210|880|440|440|550|440|880|440|440|440</t>
  </si>
  <si>
    <t>27432bf1f1</t>
  </si>
  <si>
    <t>43|33|48|1101|1001|1603|121|143|47|1033|1033|1101|1111</t>
  </si>
  <si>
    <t>1|1|1|1|1|1|1|1|1|1|2|1|1</t>
  </si>
  <si>
    <t>649|1419|759|550|550|440|1529|990|979|550|550|550|550</t>
  </si>
  <si>
    <t>274389b1f5</t>
  </si>
  <si>
    <t>221|203|201|202|1602</t>
  </si>
  <si>
    <t>1|1|2|1|1</t>
  </si>
  <si>
    <t>1200|1200|1200|1200|440</t>
  </si>
  <si>
    <t>2743b57516</t>
  </si>
  <si>
    <t>121|46|1605</t>
  </si>
  <si>
    <t>1|1|1</t>
  </si>
  <si>
    <t>1529|550|440</t>
  </si>
  <si>
    <t>27442fdd33</t>
  </si>
  <si>
    <t>1004|1034</t>
  </si>
  <si>
    <t>550|550</t>
  </si>
  <si>
    <t>menu_name</t>
  </si>
  <si>
    <t>unit_price</t>
  </si>
  <si>
    <t>order_send_flag</t>
  </si>
  <si>
    <t>order_time</t>
  </si>
  <si>
    <t>deliver_send</t>
  </si>
  <si>
    <t>deliver_time</t>
  </si>
  <si>
    <t>r_flag</t>
  </si>
  <si>
    <t>s_flag</t>
  </si>
  <si>
    <t>t_flag</t>
  </si>
  <si>
    <t>u_flag</t>
  </si>
  <si>
    <t>drink_free_kind8</t>
  </si>
  <si>
    <t>split</t>
  </si>
  <si>
    <t>273f0041d5</t>
  </si>
  <si>
    <t>男梅サワー</t>
  </si>
  <si>
    <t>NULL</t>
  </si>
  <si>
    <t>273fe07846</t>
  </si>
  <si>
    <t>からり芋 ロック</t>
  </si>
  <si>
    <t>273fe5f687</t>
  </si>
  <si>
    <t>ｳｨｽｷｰ　ｼﾝｸﾞﾙ ロック</t>
  </si>
  <si>
    <t>over_flag</t>
  </si>
  <si>
    <t>leave_remain_time</t>
  </si>
  <si>
    <t>entry_close_time</t>
  </si>
  <si>
    <t>people</t>
  </si>
  <si>
    <t>unit_price_kind</t>
  </si>
  <si>
    <t>drink_free_kind</t>
  </si>
  <si>
    <t>drink_free_time</t>
  </si>
  <si>
    <t>dt4_flag</t>
  </si>
  <si>
    <t>staff_call</t>
  </si>
  <si>
    <t>staff_call_time</t>
  </si>
  <si>
    <t>27448ecdbe</t>
  </si>
  <si>
    <t>27448f42ea</t>
  </si>
  <si>
    <t>2744944c05</t>
  </si>
  <si>
    <t>274494a9bf</t>
  </si>
  <si>
    <t>274498dfd6</t>
  </si>
  <si>
    <t>273adfa5a5</t>
  </si>
  <si>
    <t>273be4c162</t>
  </si>
  <si>
    <t>273e7d3ec4</t>
  </si>
  <si>
    <t>s273f98f98d</t>
  </si>
  <si>
    <t>273fa43a63</t>
  </si>
  <si>
    <t>273fb30f44</t>
  </si>
  <si>
    <t>274085bc7a</t>
  </si>
  <si>
    <t>27408a0686</t>
  </si>
  <si>
    <t>27409de477</t>
  </si>
  <si>
    <t>27409ac796</t>
  </si>
  <si>
    <t>27409e1389</t>
  </si>
  <si>
    <t>2740ed5c4a</t>
  </si>
  <si>
    <t>2740f33841</t>
  </si>
  <si>
    <t>2740f4229b</t>
  </si>
  <si>
    <t>2740f1d8a6</t>
  </si>
  <si>
    <t>2740fa8b38</t>
  </si>
  <si>
    <t>2740fc5ffb</t>
  </si>
  <si>
    <t>2740eda29a</t>
  </si>
  <si>
    <t>2740f92bb2</t>
  </si>
  <si>
    <t>2740fb8d11</t>
  </si>
  <si>
    <t>274116bdf8</t>
  </si>
  <si>
    <t>27410c07c6</t>
  </si>
  <si>
    <t>27416da025</t>
  </si>
  <si>
    <t>27416da02a</t>
  </si>
  <si>
    <t>27416da02b</t>
  </si>
  <si>
    <t>27416da02c</t>
  </si>
  <si>
    <t>27416db79d</t>
  </si>
  <si>
    <t>27416db79e</t>
  </si>
  <si>
    <t>27416db79f</t>
  </si>
  <si>
    <t>27416db7a0</t>
  </si>
  <si>
    <t>274197d4d6</t>
  </si>
  <si>
    <t>274182ddac</t>
  </si>
  <si>
    <t>2741a5a7e6</t>
  </si>
  <si>
    <t>2741f89a48</t>
  </si>
  <si>
    <t>2741fe011d</t>
  </si>
  <si>
    <t>2741f73abe</t>
  </si>
  <si>
    <t>2741fd16b8</t>
  </si>
  <si>
    <t>2741f594d6</t>
  </si>
  <si>
    <t>27420ff2e5</t>
  </si>
  <si>
    <t>2741f75253</t>
  </si>
  <si>
    <t>27421745dd</t>
  </si>
  <si>
    <t>s2742305e6f</t>
  </si>
  <si>
    <t>274279248c</t>
  </si>
  <si>
    <t>s2742ecce45</t>
  </si>
  <si>
    <t>27428c2f86</t>
  </si>
  <si>
    <t>2742796ad7</t>
  </si>
  <si>
    <t>27428fd909</t>
  </si>
  <si>
    <t>274279248b</t>
  </si>
  <si>
    <t>2742793bfd</t>
  </si>
  <si>
    <t>274279248a</t>
  </si>
  <si>
    <t>2742844fef</t>
  </si>
  <si>
    <t>2742a10f42</t>
  </si>
  <si>
    <t>27429e679c</t>
  </si>
  <si>
    <t>27429cd935</t>
  </si>
  <si>
    <t>s2742f0e71b</t>
  </si>
  <si>
    <t>s2742f14795</t>
  </si>
  <si>
    <t>2742fc5676</t>
  </si>
  <si>
    <t>2742fc5677</t>
  </si>
  <si>
    <t>2742fc5678</t>
  </si>
  <si>
    <t>2742fc6de9</t>
  </si>
  <si>
    <t>27432b4de6</t>
  </si>
  <si>
    <t>2743226c72</t>
  </si>
  <si>
    <t>27431368bc</t>
  </si>
  <si>
    <t>2742fce31d</t>
  </si>
  <si>
    <t>27432d97d2</t>
  </si>
  <si>
    <t>27432babdd</t>
  </si>
  <si>
    <t>27433cf956</t>
  </si>
  <si>
    <t>274380a1ac</t>
  </si>
  <si>
    <t>s27439821a6</t>
  </si>
  <si>
    <t>27438d5b76</t>
  </si>
  <si>
    <t>274389c96d</t>
  </si>
  <si>
    <t>2743a95f56</t>
  </si>
  <si>
    <t>27438c711f</t>
  </si>
  <si>
    <t>274397fa37</t>
  </si>
  <si>
    <t>274394dd6a</t>
  </si>
  <si>
    <t>27439bbb53</t>
  </si>
  <si>
    <t>2743a48525</t>
  </si>
  <si>
    <t>274399fdd2</t>
  </si>
  <si>
    <t>27438f015e</t>
  </si>
  <si>
    <t>2743acab1d</t>
  </si>
  <si>
    <t>2743b83431</t>
  </si>
  <si>
    <t>s2743b89d47</t>
  </si>
  <si>
    <t>2744233aa6</t>
  </si>
  <si>
    <t>27441a9f86</t>
  </si>
  <si>
    <t>27442f0a16</t>
  </si>
  <si>
    <t>27443645de</t>
  </si>
  <si>
    <t>27443098c7</t>
  </si>
  <si>
    <t>274430df0d</t>
  </si>
  <si>
    <t>27448bdfb8</t>
  </si>
  <si>
    <t>27448ffe66</t>
  </si>
  <si>
    <t>debug_room_no</t>
  </si>
  <si>
    <t>debug_check_id</t>
  </si>
  <si>
    <t>debug_unit_price_kind</t>
  </si>
  <si>
    <t>debug_drink_free_kind</t>
  </si>
  <si>
    <t>REMOTE_ADDR</t>
  </si>
  <si>
    <t>USER_AGENT</t>
  </si>
  <si>
    <t>access_time</t>
  </si>
  <si>
    <t>::1</t>
  </si>
  <si>
    <t>Mozilla/5.0 (Windows NT 10.0; Win64; x64) AppleWeb</t>
  </si>
  <si>
    <t>106.154.128.97</t>
  </si>
  <si>
    <t>106.180.10.163</t>
  </si>
  <si>
    <t>180.34.221.19</t>
  </si>
  <si>
    <t>106.180.11.40</t>
  </si>
  <si>
    <t>124.144.173.191</t>
  </si>
  <si>
    <t>Mozilla/5.0 (Linux; Android 11; SC-42A) AppleWebKi</t>
  </si>
  <si>
    <t>180.34.221.234</t>
  </si>
  <si>
    <t>106.154.129.171</t>
  </si>
  <si>
    <t>Mozilla/5.0 (Linux; Android 11; XQ-AS42) AppleWebK</t>
  </si>
  <si>
    <t>106.180.10.193</t>
  </si>
  <si>
    <t>126.182.110.73</t>
  </si>
  <si>
    <t>Mozilla/5.0 (iPhone; CPU iPhone OS 15_3 like Mac O</t>
  </si>
  <si>
    <t>115.163.16.23</t>
  </si>
  <si>
    <t>Mozilla/5.0 (iPhone; CPU iPhone OS 15_4 like Mac O</t>
  </si>
  <si>
    <t>126.254.19.246</t>
  </si>
  <si>
    <t>106.131.26.83</t>
  </si>
  <si>
    <t>Mozilla/5.0 (Linux; Android 11; SCV41) AppleWebKit</t>
  </si>
  <si>
    <t>52.33.96.46</t>
  </si>
  <si>
    <t>Mozilla/5.0 (Windows NT 6.1; Win64; x64) AppleWebK</t>
  </si>
  <si>
    <t>121.116.179.28</t>
  </si>
  <si>
    <t>Mozilla/5.0 (iPhone; CPU iPhone OS 15_3_1 like Mac</t>
  </si>
  <si>
    <t>220.150.141.59</t>
  </si>
  <si>
    <t>126.182.153.250</t>
  </si>
  <si>
    <t>Mozilla/5.0 (iPhone; CPU iPhone OS 14_7_1 like Mac</t>
  </si>
  <si>
    <t>153.220.3.169</t>
  </si>
  <si>
    <t>27.121.54.68</t>
  </si>
  <si>
    <t>210.139.253.200</t>
  </si>
  <si>
    <t>220.148.241.73</t>
  </si>
  <si>
    <t>106.180.13.39</t>
  </si>
  <si>
    <t>133.106.36.63</t>
  </si>
  <si>
    <t>106.180.11.189</t>
  </si>
  <si>
    <t>133.106.35.49</t>
  </si>
  <si>
    <t>133.32.176.182</t>
  </si>
  <si>
    <t>111.239.255.92</t>
  </si>
  <si>
    <t>114.181.238.67</t>
  </si>
  <si>
    <t>Mozilla/5.0 (iPhone; CPU iPhone OS 14_8_1 like Mac</t>
  </si>
  <si>
    <t>111.239.254.148</t>
  </si>
  <si>
    <t>59.146.230.65</t>
  </si>
  <si>
    <t>Mozilla/5.0 (Macintosh; Intel Mac OS X 10_15_6) Ap</t>
  </si>
  <si>
    <t>157.112.165.238</t>
  </si>
  <si>
    <t>Mozilla/5.0 (iPhone; CPU iPhone OS 14_8 like Mac O</t>
  </si>
  <si>
    <t>49.96.19.162</t>
  </si>
  <si>
    <t>111.239.254.223</t>
  </si>
  <si>
    <t>113.40.143.66</t>
  </si>
  <si>
    <t>60.114.120.106</t>
  </si>
  <si>
    <t>Mozilla/5.0 (Linux; Android 12; Pixel 5) AppleWebK</t>
  </si>
  <si>
    <t>221.242.19.26</t>
  </si>
  <si>
    <t>126.254.81.239</t>
  </si>
  <si>
    <t>111.239.255.77</t>
  </si>
  <si>
    <t>111.239.254.12</t>
  </si>
  <si>
    <t>1.75.4.224</t>
  </si>
  <si>
    <t>124.87.182.205</t>
  </si>
  <si>
    <t>Mozilla/5.0 (Windows NT 6.1) AppleWebKit/537.36 (K</t>
  </si>
  <si>
    <t>106.72.195.194</t>
  </si>
  <si>
    <t>Mozilla/5.0 (Linux; Android 10; K) AppleWebKit/537</t>
  </si>
  <si>
    <t>126.21.140.243</t>
  </si>
  <si>
    <t>1.72.8.86</t>
  </si>
  <si>
    <t>126.233.112.147</t>
  </si>
  <si>
    <t>1.72.8.118</t>
  </si>
  <si>
    <t>1.72.8.42</t>
  </si>
  <si>
    <t>1.72.2.135</t>
  </si>
  <si>
    <t>1.72.3.80</t>
  </si>
  <si>
    <t>106.154.127.129</t>
  </si>
  <si>
    <t>1.72.1.143</t>
  </si>
  <si>
    <t>60.38.28.232</t>
  </si>
  <si>
    <t>1.72.4.92</t>
  </si>
  <si>
    <t>60.38.28.37</t>
  </si>
  <si>
    <t>133.106.60.110</t>
  </si>
  <si>
    <t>Mozilla/5.0 (iPhone; CPU iPhone OS 15_2_1 like Mac</t>
  </si>
  <si>
    <t>14.9.151.0</t>
  </si>
  <si>
    <t>126.33.168.211</t>
  </si>
  <si>
    <t>126.245.41.119</t>
  </si>
  <si>
    <t>153.208.65.223</t>
  </si>
  <si>
    <t>118.236.88.154</t>
  </si>
  <si>
    <t>123.218.232.161</t>
  </si>
  <si>
    <t>49.98.148.49</t>
  </si>
  <si>
    <t>153.132.41.184</t>
  </si>
  <si>
    <t>49.98.145.65</t>
  </si>
  <si>
    <t>180.35.72.15</t>
  </si>
  <si>
    <t>122.24.13.136</t>
  </si>
  <si>
    <t>153.213.81.55</t>
  </si>
  <si>
    <t>Mozilla/5.0 (Linux; Android 8.0.0; ASUS_Z017DA) Ap</t>
  </si>
  <si>
    <t>1.72.6.220</t>
  </si>
  <si>
    <t>153.234.7.30</t>
  </si>
  <si>
    <t>1.72.0.201</t>
  </si>
  <si>
    <t>114.170.196.215</t>
  </si>
  <si>
    <t>1.66.96.32</t>
  </si>
  <si>
    <t>153.171.187.83</t>
  </si>
  <si>
    <t>114.150.112.53</t>
  </si>
  <si>
    <t>49.97.100.11</t>
  </si>
  <si>
    <t>153.213.100.149</t>
  </si>
  <si>
    <t>180.2.70.124</t>
  </si>
  <si>
    <t>49.98.157.124</t>
  </si>
  <si>
    <t>180.34.45.235</t>
  </si>
  <si>
    <t>153.211.22.25</t>
  </si>
  <si>
    <t>Mozilla/5.0 (iPhone; CPU iPhone OS 16_0 like Mac O</t>
  </si>
  <si>
    <t>114.149.51.29</t>
  </si>
  <si>
    <t>133.106.49.6</t>
  </si>
  <si>
    <t>Mozilla/5.0 (iPhone; CPU iPhone OS 15_7 like Mac O</t>
  </si>
  <si>
    <t>106.180.8.1</t>
  </si>
  <si>
    <t>61.118.66.215</t>
  </si>
  <si>
    <t>221.184.200.177</t>
  </si>
  <si>
    <t>180.235.54.144</t>
  </si>
  <si>
    <t>Mozilla/5.0 (iPhone; CPU iPhone OS 15_6_1 like Mac</t>
  </si>
  <si>
    <t>114.149.45.156</t>
  </si>
  <si>
    <t>106.180.9.115</t>
  </si>
  <si>
    <t>114.149.45.251</t>
  </si>
  <si>
    <t>210.161.134.37</t>
  </si>
  <si>
    <t>221.254.236.231</t>
  </si>
  <si>
    <t>153.220.143.170</t>
  </si>
  <si>
    <t>207.65.208.41</t>
  </si>
  <si>
    <t>210.161.134.38</t>
  </si>
  <si>
    <t>49.98.17.57</t>
  </si>
  <si>
    <t>Mozilla/5.0 (Linux; Android 9; F-01K Build/V75R060</t>
  </si>
  <si>
    <t>153.213.100.219</t>
  </si>
  <si>
    <t>124.84.30.231</t>
  </si>
  <si>
    <t>1.72.0.81</t>
  </si>
  <si>
    <t>Mozilla/5.0 (iPhone; CPU iPhone OS 16_1_1 like Mac</t>
  </si>
  <si>
    <t>180.28.62.95</t>
  </si>
  <si>
    <t>60.38.104.210</t>
  </si>
  <si>
    <t>210.132.201.252</t>
  </si>
  <si>
    <t>153.140.209.75</t>
  </si>
  <si>
    <t>Mozilla/5.0 (iPhone; CPU iPhone OS 16_3_1 like Mac</t>
  </si>
  <si>
    <t>106.73.12.193</t>
  </si>
  <si>
    <t>114.149.32.204</t>
  </si>
  <si>
    <t>180.39.98.153</t>
  </si>
  <si>
    <t>180.39.105.94</t>
  </si>
  <si>
    <t>126.254.53.112</t>
  </si>
  <si>
    <t>1.75.245.151</t>
  </si>
  <si>
    <t>180.39.103.191</t>
  </si>
  <si>
    <t>153.173.68.4</t>
  </si>
  <si>
    <t>Mozilla/5.0 (Linux; Android 12; XQ-AS42) AppleWebK</t>
  </si>
  <si>
    <t>49.98.130.208</t>
  </si>
  <si>
    <t>153.217.205.80</t>
  </si>
  <si>
    <t>133.32.177.54</t>
  </si>
  <si>
    <t>Mozilla/5.0 (iPhone; CPU iPhone OS 15_6 like Mac O</t>
  </si>
  <si>
    <t>106.154.120.128</t>
  </si>
  <si>
    <t>111.98.57.2</t>
  </si>
  <si>
    <t>Mozilla/5.0 (iPhone; CPU iPhone OS 16_4_1 like Mac</t>
  </si>
  <si>
    <t>106.154.120.24</t>
  </si>
  <si>
    <t>106.154.120.220</t>
  </si>
  <si>
    <t>Mozilla/5.0 (iPad; CPU OS 12_5_5 like Mac OS X) Ap</t>
  </si>
  <si>
    <t>153.250.28.233</t>
  </si>
  <si>
    <t>106.154.121.129</t>
  </si>
  <si>
    <t>106.154.120.88</t>
  </si>
  <si>
    <t>118.1.175.12</t>
  </si>
  <si>
    <t>180.46.158.120</t>
  </si>
  <si>
    <t>106.154.121.7</t>
  </si>
  <si>
    <t>Mozilla/5.0 (Linux; Android 12; SH-41A) AppleWebKi</t>
  </si>
  <si>
    <t>item</t>
  </si>
  <si>
    <t>kind</t>
  </si>
  <si>
    <t>name</t>
  </si>
  <si>
    <t>value</t>
  </si>
  <si>
    <t>unit</t>
  </si>
  <si>
    <t>mode</t>
  </si>
  <si>
    <t>販売</t>
  </si>
  <si>
    <t>パーセント</t>
  </si>
  <si>
    <t>飲食1割引</t>
  </si>
  <si>
    <t>%</t>
  </si>
  <si>
    <t>室料</t>
  </si>
  <si>
    <t>室料1割引</t>
  </si>
  <si>
    <t>全体</t>
  </si>
  <si>
    <t>全体割引チケット</t>
  </si>
  <si>
    <t>金額</t>
  </si>
  <si>
    <t>値引券500円</t>
  </si>
  <si>
    <t>円</t>
  </si>
  <si>
    <t>飲食券1000円</t>
  </si>
  <si>
    <t>特別値引</t>
  </si>
  <si>
    <t>member_no</t>
  </si>
  <si>
    <t>memo</t>
  </si>
  <si>
    <t>grade</t>
  </si>
  <si>
    <t>birthday</t>
  </si>
  <si>
    <t>expiration</t>
  </si>
  <si>
    <t>visits</t>
  </si>
  <si>
    <t>last_visit</t>
  </si>
  <si>
    <t>point</t>
  </si>
  <si>
    <t>table1</t>
  </si>
  <si>
    <t>table2</t>
  </si>
  <si>
    <t>table3</t>
  </si>
  <si>
    <t>A001</t>
  </si>
  <si>
    <t>田中　一郎</t>
  </si>
  <si>
    <t>メモ</t>
  </si>
  <si>
    <t>通常</t>
  </si>
  <si>
    <t>menu_flag</t>
  </si>
  <si>
    <t>product_name</t>
  </si>
  <si>
    <t>ｷﾘﾝ一番搾り</t>
  </si>
  <si>
    <t>ｷﾘﾝ一番搾りﾋﾟｯﾁｬｰ</t>
  </si>
  <si>
    <t>ｽﾐﾉﾌｱｲｽ</t>
  </si>
  <si>
    <t>ｼﾞｰﾏ</t>
  </si>
  <si>
    <t>ｷﾘﾝ零ICHI</t>
  </si>
  <si>
    <t>淡麗</t>
  </si>
  <si>
    <t>淡麗ﾋﾟｯﾁｬｰ</t>
  </si>
  <si>
    <t>スプリングバレー豊潤496</t>
  </si>
  <si>
    <t>スプリングバレーon the cloud</t>
  </si>
  <si>
    <t>500円クラフト豊潤</t>
  </si>
  <si>
    <t>ﾚﾓﾝｻﾜｰ</t>
  </si>
  <si>
    <t>ｸﾞﾚｰﾌﾟﾌﾙｰﾂｻﾜｰ</t>
  </si>
  <si>
    <t>ｳｰﾛﾝﾊｲ</t>
  </si>
  <si>
    <t>ゆずｻﾜｰ</t>
  </si>
  <si>
    <t>ｺｰｸｻﾜｰ</t>
  </si>
  <si>
    <t>ｶﾙﾋﾟｽｻﾜｰ</t>
  </si>
  <si>
    <t>トマトサワー</t>
  </si>
  <si>
    <t>男梅ｻﾜｰ</t>
  </si>
  <si>
    <t>氷結　レモン</t>
  </si>
  <si>
    <t>こだわり酒場のﾚﾓﾝｻﾜｰ</t>
  </si>
  <si>
    <t>ﾚｯﾄﾞﾌﾞﾙｻﾜｰ</t>
  </si>
  <si>
    <t>プレーンサワー</t>
  </si>
  <si>
    <t>メガこだわり酒場のレモンサワー</t>
  </si>
  <si>
    <t>ﾊｲﾎﾞｰﾙ</t>
  </si>
  <si>
    <t>ｺｰｸﾊｲﾎﾞｰﾙ</t>
  </si>
  <si>
    <t>ｼﾞﾝｼﾞｬｰﾊｲﾎﾞｰﾙ</t>
  </si>
  <si>
    <t>ﾚｯﾄﾞﾌﾞﾙﾊｲﾎﾞｰﾙ</t>
  </si>
  <si>
    <t>ﾊｲﾎﾞｰﾙ　濃いめ</t>
  </si>
  <si>
    <t>角ﾊｲﾎﾞｰﾙ</t>
  </si>
  <si>
    <t>角ｺｰｸﾊｲﾎﾞｰﾙ</t>
  </si>
  <si>
    <t>角ｼﾞﾝｼﾞｬｰﾊｲﾎﾞｰﾙ</t>
  </si>
  <si>
    <t>角ﾊｲﾎﾞｰﾙ　濃いめ</t>
  </si>
  <si>
    <t>メガハイボール</t>
  </si>
  <si>
    <t>メガ角ハイボール</t>
  </si>
  <si>
    <t>メガコークハイボール</t>
  </si>
  <si>
    <t>メガジンジャーハイボール</t>
  </si>
  <si>
    <t>メガ角コークハイボール</t>
  </si>
  <si>
    <t>メガ角ジンジャーハイボール</t>
  </si>
  <si>
    <t>ﾓｽｺﾐｭｰﾙ</t>
  </si>
  <si>
    <t>ﾌﾞﾗｯﾃﾞｨﾒｱﾘｰ</t>
  </si>
  <si>
    <t>ｽｸﾘｭｰﾄﾞﾗｲﾊﾞｰ</t>
  </si>
  <si>
    <t>ｶｼｽｿｰﾀﾞ</t>
  </si>
  <si>
    <t>ｶｼｽｵﾚﾝｼﾞ</t>
  </si>
  <si>
    <t>ｶｼｽｳｰﾛﾝ</t>
  </si>
  <si>
    <t>ﾋﾟｰﾁﾌｨｽﾞ</t>
  </si>
  <si>
    <t>ﾌｧｼﾞｰﾈｰﾌﾞﾙ</t>
  </si>
  <si>
    <t>ﾚｹﾞｴﾊﾟﾝﾁ</t>
  </si>
  <si>
    <t>ﾃｷｰﾗｿｰﾀﾞ</t>
  </si>
  <si>
    <t>ﾃｷｰﾗｼﾞﾝｼﾞｬｰ</t>
  </si>
  <si>
    <t>ﾒｷｼｺｰｸ</t>
  </si>
  <si>
    <t>ﾚｯﾄﾞｱｲ</t>
  </si>
  <si>
    <t>ｼｬﾝﾃﾞｨｰｶﾞﾌ</t>
  </si>
  <si>
    <t>ﾚｯﾄﾞﾌﾞﾙｳｫｯｶ</t>
  </si>
  <si>
    <t>ﾚｯﾄﾞﾌﾞﾙｶｼｽ</t>
  </si>
  <si>
    <t>ﾚｯﾄﾞﾌﾞﾙﾃｷｰﾗ</t>
  </si>
  <si>
    <t>ﾚｯﾄﾞﾌﾞﾙ梅酒</t>
  </si>
  <si>
    <t>ﾃｷｰﾗ（ｼｮｯﾄ）</t>
  </si>
  <si>
    <t>二階堂(麦) ロック</t>
  </si>
  <si>
    <t>二階堂(麦) 水割り</t>
  </si>
  <si>
    <t>二階堂(麦) お湯割り</t>
  </si>
  <si>
    <t>二階堂(麦) ソーダ割</t>
  </si>
  <si>
    <t>二階堂(麦) ﾎﾞﾄﾙ900ｍｌ</t>
  </si>
  <si>
    <t>黒霧島(芋) ロック</t>
  </si>
  <si>
    <t>黒霧島(芋) 水割</t>
  </si>
  <si>
    <t>黒霧島(芋) お湯割り</t>
  </si>
  <si>
    <t>黒霧島(芋) ソーダ割</t>
  </si>
  <si>
    <t>黒霧島(芋) ﾎﾞﾄﾙ900ｍｌ</t>
  </si>
  <si>
    <t>ﾚﾓﾝ</t>
  </si>
  <si>
    <t>南高梅干</t>
  </si>
  <si>
    <t>焼酎(麦) ロック</t>
  </si>
  <si>
    <t>焼酎(麦) 水割</t>
  </si>
  <si>
    <t>焼酎(麦) お湯割り</t>
  </si>
  <si>
    <t>焼酎(麦) ソーダ割</t>
  </si>
  <si>
    <t>焼酎(芋) ロック</t>
  </si>
  <si>
    <t>焼酎(芋) 水割</t>
  </si>
  <si>
    <t>焼酎(芋) お湯割り</t>
  </si>
  <si>
    <t>焼酎(芋) ソーダ割</t>
  </si>
  <si>
    <t>松竹梅　豪快 (冷)</t>
  </si>
  <si>
    <t>松竹梅　豪快 (熱)</t>
  </si>
  <si>
    <t>八海山　清酒 (冷)</t>
  </si>
  <si>
    <t>八海山　清酒 (熱)</t>
  </si>
  <si>
    <t>松竹梅　天 (冷)</t>
  </si>
  <si>
    <t>松竹梅　天 (熱)</t>
  </si>
  <si>
    <t>ｵｰｼｬﾝﾗｯｷｰｺﾞｰﾙﾄﾞ ﾛｯｸ</t>
  </si>
  <si>
    <t>ｵｰｼｬﾝﾗｯｷｰｺﾞｰﾙﾄﾞ 水割</t>
  </si>
  <si>
    <t>角　　ロック</t>
  </si>
  <si>
    <t>角　　水割り</t>
  </si>
  <si>
    <t>知多　ロック</t>
  </si>
  <si>
    <t>知多　水割り</t>
  </si>
  <si>
    <t>翠ジンソーダ</t>
  </si>
  <si>
    <t>ﾊｳｽﾜｲﾝ(赤)ｸﾞﾗｽ</t>
  </si>
  <si>
    <t>ﾊｳｽﾜｲﾝ(白)ｸﾞﾗｽ</t>
  </si>
  <si>
    <t>ﾊｳｽﾜｲﾝ(赤)ﾃﾞｷｬﾝﾀ</t>
  </si>
  <si>
    <t>ﾊｳｽﾜｲﾝ(白)ﾃﾞｷｬﾝﾀ</t>
  </si>
  <si>
    <t>ｱﾛﾓ ｶﾍﾞﾙﾈ ｿｰﾋﾞﾆｮﾝ(赤)</t>
  </si>
  <si>
    <t>ｱﾛﾓ ｼｬﾙﾄﾞﾈ（白）</t>
  </si>
  <si>
    <t>ｱﾝｼﾞｭｴｰﾙ ﾌﾞﾘｭｯﾄ</t>
  </si>
  <si>
    <t>梅酒 　　　ロック</t>
  </si>
  <si>
    <t>梅酒 　　　水割り</t>
  </si>
  <si>
    <t>梅酒 　　　お湯割り</t>
  </si>
  <si>
    <t>梅酒 　　　ｿｰﾀﾞ割り</t>
  </si>
  <si>
    <t>梅酒 　　　ｼﾞﾝｼﾞｬｰ割</t>
  </si>
  <si>
    <t>ゆず梅酒 　ロック</t>
  </si>
  <si>
    <t>ゆず梅酒 　水割り</t>
  </si>
  <si>
    <t>ゆず梅酒 　お湯割り</t>
  </si>
  <si>
    <t>ゆず梅酒 　ｿｰﾀﾞ割り</t>
  </si>
  <si>
    <t>ゆず梅酒 　ｼﾞﾝｼﾞｬｰ割</t>
  </si>
  <si>
    <t>みかん梅酒 ロック</t>
  </si>
  <si>
    <t>みかん梅酒 水割り</t>
  </si>
  <si>
    <t>みかん梅酒 お湯割り</t>
  </si>
  <si>
    <t>みかん梅酒 ｿｰﾀﾞ割り</t>
  </si>
  <si>
    <t>みかん梅酒 ｼﾞﾝｼﾞｬｰ割</t>
  </si>
  <si>
    <t>ジンジャエール</t>
  </si>
  <si>
    <t>トマトジュース</t>
  </si>
  <si>
    <t>ﾚｯﾄﾞﾌﾞﾙ</t>
  </si>
  <si>
    <t>ｸﾘｰﾑｿｰﾀﾞ</t>
  </si>
  <si>
    <t>ｺｰﾋｰﾌﾛｰﾄ</t>
  </si>
  <si>
    <t>ｺｰﾗﾌﾛｰﾄ</t>
  </si>
  <si>
    <t>Stars Shine</t>
  </si>
  <si>
    <t>Skys the limit</t>
  </si>
  <si>
    <t>ひと夏のラブストリー</t>
  </si>
  <si>
    <t>ふたりの絆</t>
  </si>
  <si>
    <t>舞い上がる紅いphoenix</t>
  </si>
  <si>
    <t>味もしないモヒート</t>
  </si>
  <si>
    <t>枝豆ﾚｷﾞｭﾗｰ</t>
  </si>
  <si>
    <t>枝豆ﾋﾞｯｸﾞ</t>
  </si>
  <si>
    <t>たこ焼ﾚｷﾞｭﾗｰ</t>
  </si>
  <si>
    <t>たこ焼ﾋﾞｯｸﾞ</t>
  </si>
  <si>
    <t>ﾌﾗｲﾄﾞﾊﾟｽﾀ(ｿﾙﾄ)</t>
  </si>
  <si>
    <t>ﾌﾗｲﾄﾞﾊﾟｽﾀ(ｺﾝｿﾒ)</t>
  </si>
  <si>
    <t>砂肝焼き</t>
  </si>
  <si>
    <t>6種のｿｰｾｰｼﾞ</t>
  </si>
  <si>
    <t>山芋ふわふわお好み焼</t>
  </si>
  <si>
    <t>焼き枝豆</t>
  </si>
  <si>
    <t>ヤンニョムチキン</t>
  </si>
  <si>
    <t>ヤンニョム骨付きチキン</t>
  </si>
  <si>
    <t>たません</t>
  </si>
  <si>
    <t>たまたこせん</t>
  </si>
  <si>
    <t>お好み焼き＆焼きそばセット</t>
  </si>
  <si>
    <t>ﾎﾟﾃﾄﾁｯﾌﾟｽ</t>
  </si>
  <si>
    <t>ﾅﾁｮﾁｰｽﾞﾁｯﾌﾟｽ</t>
  </si>
  <si>
    <t>ﾎﾟｯｷｰ</t>
  </si>
  <si>
    <t>ﾎﾟｯﾌﾟｺｰﾝﾊﾞﾀｰ醤油味</t>
  </si>
  <si>
    <t>生ﾁｮｺﾚｰﾄ</t>
  </si>
  <si>
    <t>えびせん</t>
  </si>
  <si>
    <t>細切りフライドポテトレギュラー</t>
  </si>
  <si>
    <t>細切りフライドポテトビッグ</t>
  </si>
  <si>
    <t>皮付きﾌﾗｲﾄﾞﾎﾟﾃﾄﾚｷﾞｭﾗｰ</t>
  </si>
  <si>
    <t>皮付きﾌﾗｲﾄﾞﾎﾟﾃﾄﾋﾞｯｸﾞ</t>
  </si>
  <si>
    <t>ﾌﾗｲﾄﾞﾎﾟﾃﾄ2種盛り</t>
  </si>
  <si>
    <t>ﾌﾚｰﾊﾞｰﾎﾟﾃﾄ(ｺﾝｿﾒ)</t>
  </si>
  <si>
    <t>ﾎﾟﾃｶﾗｺﾝﾎﾞ</t>
  </si>
  <si>
    <t>夏休み限定・細切りポテト2倍</t>
  </si>
  <si>
    <t>夏休み限定・皮付きポテト2倍</t>
  </si>
  <si>
    <t>採点景品ポテカラコンボ無料</t>
  </si>
  <si>
    <t>ポテト無料クーポン</t>
  </si>
  <si>
    <t>採点景品ポテト無料</t>
  </si>
  <si>
    <t>LINE友達登録ﾎﾟﾃﾄ無料</t>
  </si>
  <si>
    <t>若鶏の唐揚げ</t>
  </si>
  <si>
    <t>ﾊﾞｯﾌｧﾛｰﾁｷﾝ</t>
  </si>
  <si>
    <t>ﾋｻﾞとﾔｹﾞﾝのW軟骨唐揚</t>
  </si>
  <si>
    <t>たこの唐揚げ</t>
  </si>
  <si>
    <t>ｵﾆｵﾝﾘﾝｸﾞ</t>
  </si>
  <si>
    <t>ぽてともち(ｶﾏﾝﾍﾞｰﾙ入)</t>
  </si>
  <si>
    <t>こだわり本格炒飯</t>
  </si>
  <si>
    <t>昔ながらのｵﾑﾗｲｽ</t>
  </si>
  <si>
    <t>ﾒｷｼｶﾝｼﾞｬﾝﾊﾞﾗﾔ</t>
  </si>
  <si>
    <t>温玉のせ唐揚げ丼</t>
  </si>
  <si>
    <t>牛カルビ飯</t>
  </si>
  <si>
    <t>東京風しょうゆﾗｰﾒﾝ</t>
  </si>
  <si>
    <t>博多風とんこつﾗｰﾒﾝ</t>
  </si>
  <si>
    <t>札幌風みそﾗｰﾒﾝ</t>
  </si>
  <si>
    <t>ｿｰｽ焼きそば</t>
  </si>
  <si>
    <t>濃厚ｶﾙﾎﾞﾅｰﾗ</t>
  </si>
  <si>
    <t>ﾅﾎﾟﾘﾀﾝ</t>
  </si>
  <si>
    <t>ﾏﾙｹﾞﾘｰﾀPIZZA</t>
  </si>
  <si>
    <t>ﾏﾙｹﾞﾘｰﾀPIZZAﾊｰﾌ</t>
  </si>
  <si>
    <t>ﾎﾞﾛﾆｱｿｰｾｰｼﾞPIZZA</t>
  </si>
  <si>
    <t>ﾎﾞﾛﾆｱｿｰｾｰｼﾞPIZZAﾊｰﾌ</t>
  </si>
  <si>
    <t>人気おつまみﾌﾟﾚｰﾄ</t>
  </si>
  <si>
    <t>盛り盛りｽﾅｯｸﾊﾞｽｹｯﾄ</t>
  </si>
  <si>
    <t>ﾊﾞﾆﾗｱｲｽ</t>
  </si>
  <si>
    <t>ﾁｮｺｱｲｽ</t>
  </si>
  <si>
    <t>バニラ＆ﾁｮｺｱｲｽ</t>
  </si>
  <si>
    <t>photo_no</t>
  </si>
  <si>
    <t>unitprice1</t>
  </si>
  <si>
    <t>unitprice2</t>
  </si>
  <si>
    <t>unitprice3</t>
  </si>
  <si>
    <t>unitprice4</t>
  </si>
  <si>
    <t>unitprice5</t>
  </si>
  <si>
    <t>unitprice6</t>
  </si>
  <si>
    <t>unitprice7</t>
  </si>
  <si>
    <t>unitprice8</t>
  </si>
  <si>
    <t>unitprice9</t>
  </si>
  <si>
    <t>unitprice10</t>
  </si>
  <si>
    <t>ｸﾗｼｯｸ</t>
  </si>
  <si>
    <t>中瓶　黒ラベル</t>
  </si>
  <si>
    <t>ｵﾚﾝｼﾞｼﾞｭｰｽ</t>
  </si>
  <si>
    <t>若鶏ザンギ</t>
  </si>
  <si>
    <t>UTA猿プレート</t>
  </si>
  <si>
    <t>UTA猿ミックスピザ</t>
  </si>
  <si>
    <t>いか炙り焼き</t>
  </si>
  <si>
    <t>おつまみ胡瓜</t>
  </si>
  <si>
    <t>山盛り枝豆</t>
  </si>
  <si>
    <t>ﾛｼｱﾝたこやき</t>
  </si>
  <si>
    <t>シロクマパフェ</t>
  </si>
  <si>
    <t>シューアイスタワー</t>
  </si>
  <si>
    <t>マイクトラブル</t>
  </si>
  <si>
    <t>デンモク不具合</t>
  </si>
  <si>
    <t>機械不具合</t>
  </si>
  <si>
    <t>注文問合せ</t>
  </si>
  <si>
    <t>お皿片付け</t>
  </si>
  <si>
    <t>ﾃﾞｭﾜｰｽﾞﾊｲﾎﾞｰﾙ</t>
  </si>
  <si>
    <t>ﾃﾞｭﾜｰｽﾞ12年ﾊｲﾎﾞｰﾙ</t>
  </si>
  <si>
    <t>ﾒｶﾞﾃﾞｭﾜｰｽﾞﾊｲﾎﾞｰﾙ</t>
  </si>
  <si>
    <t>角ハイﾎﾞｰﾙ</t>
  </si>
  <si>
    <t>角ハイｺｰﾗ</t>
  </si>
  <si>
    <t>角ハイｼﾞﾝｼﾞｬｰ</t>
  </si>
  <si>
    <t>ｼﾞﾑﾋﾞｰﾑﾊｲﾎﾞｰﾙ</t>
  </si>
  <si>
    <t>ｼﾞﾑﾋﾞｰﾑｺｰﾗ</t>
  </si>
  <si>
    <t>ｼﾞﾑﾋﾞｰﾑｼﾞﾝｼﾞｬｰ</t>
  </si>
  <si>
    <t>純ハイボール</t>
  </si>
  <si>
    <t>純ハイレモン</t>
  </si>
  <si>
    <t>ｳｨｽｷｰ　ｼﾝｸﾞﾙ 水割</t>
  </si>
  <si>
    <t>ｳｨｽｷｰ　ｼﾝｸﾞﾙ お湯割</t>
  </si>
  <si>
    <t>ｳｨｽｷｰ　ﾀﾞﾌﾞﾙ ロック</t>
  </si>
  <si>
    <t>ｳｨｽｷｰ　ﾀﾞﾌﾞﾙ 水割</t>
  </si>
  <si>
    <t>ｳｨｽｷｰ　ﾀﾞﾌﾞﾙ お湯割</t>
  </si>
  <si>
    <t>ﾃﾞｭﾜｰｽﾞ12年ｼﾝｸﾞﾙ ロック</t>
  </si>
  <si>
    <t>ﾃﾞｭﾜｰｽﾞ12年ｼﾝｸﾞﾙ 水割</t>
  </si>
  <si>
    <t>ﾃﾞｭﾜｰｽﾞ12年ｼﾝｸﾞﾙ お湯割</t>
  </si>
  <si>
    <t>ﾃﾞｭﾜｰｽﾞ12年ﾀﾞﾌﾞﾙ ロック</t>
  </si>
  <si>
    <t>ﾃﾞｭﾜｰｽﾞ12年ﾀﾞﾌﾞﾙ 水割</t>
  </si>
  <si>
    <t>ﾃﾞｭﾜｰｽﾞ12年ﾀﾞﾌﾞﾙ お湯割</t>
  </si>
  <si>
    <t>ゆずサワー</t>
  </si>
  <si>
    <t>ｷｳｲサワー</t>
  </si>
  <si>
    <t>北海道メロンサワー</t>
  </si>
  <si>
    <t>バリキングｻﾜｰ</t>
  </si>
  <si>
    <t>洋梨ｻﾜｰ</t>
  </si>
  <si>
    <t>ﾗｲﾑｻﾜｰ</t>
  </si>
  <si>
    <t>巨峰サワー</t>
  </si>
  <si>
    <t>ﾎﾜｲﾄｻﾜｰ</t>
  </si>
  <si>
    <t>優しいりんご酢サワー</t>
  </si>
  <si>
    <t>ﾋﾟﾝｸｸﾞﾚｰﾌﾟﾌﾙｰﾂｻﾜｰ</t>
  </si>
  <si>
    <t>ｳｰﾛﾝハイ</t>
  </si>
  <si>
    <t>緑茶ﾊｲ</t>
  </si>
  <si>
    <t>濃いめ抹茶ハイ</t>
  </si>
  <si>
    <t>濃いめのﾚﾓﾝｻﾜｰ</t>
  </si>
  <si>
    <t>ﾊﾟﾝﾁﾚﾓﾝｻﾜｰ</t>
  </si>
  <si>
    <t>塩レモンサワー</t>
  </si>
  <si>
    <t>からり芋 水割</t>
  </si>
  <si>
    <t>からり芋 お湯割</t>
  </si>
  <si>
    <t>からり芋 ｿｰﾀﾞ割り</t>
  </si>
  <si>
    <t>一刻者 ロック</t>
  </si>
  <si>
    <t>一刻者 水割</t>
  </si>
  <si>
    <t>一刻者 お湯割</t>
  </si>
  <si>
    <t>一刻者 ｿｰﾀﾞ割り</t>
  </si>
  <si>
    <t>一刻者　赤 ロック</t>
  </si>
  <si>
    <t>一刻者　赤 水割</t>
  </si>
  <si>
    <t>一刻者　赤 お湯割</t>
  </si>
  <si>
    <t>一刻者　赤 ｿｰﾀﾞ割り</t>
  </si>
  <si>
    <t>和ら麦 ロック</t>
  </si>
  <si>
    <t>和ら麦 水割</t>
  </si>
  <si>
    <t>和ら麦 お湯割</t>
  </si>
  <si>
    <t>和ら麦 ｿｰﾀﾞ割り</t>
  </si>
  <si>
    <t>知心剣 ロック</t>
  </si>
  <si>
    <t>知心剣 水割</t>
  </si>
  <si>
    <t>知心剣 お湯割</t>
  </si>
  <si>
    <t>知心剣 ｿｰﾀﾞ割り</t>
  </si>
  <si>
    <t>鍛高譚 ロック</t>
  </si>
  <si>
    <t>鍛高譚 水割</t>
  </si>
  <si>
    <t>鍛高譚 お湯割</t>
  </si>
  <si>
    <t>鍛高譚 ｿｰﾀﾞ割り</t>
  </si>
  <si>
    <t>甲類焼酎 シングル ロック</t>
  </si>
  <si>
    <t>甲類焼酎 シングル 水割</t>
  </si>
  <si>
    <t>甲類焼酎 シングル お湯割</t>
  </si>
  <si>
    <t>甲類焼酎 シングル ｿｰﾀﾞ割り</t>
  </si>
  <si>
    <t>甲類焼酎 ダブル ロック</t>
  </si>
  <si>
    <t>甲類焼酎 ダブル 水割</t>
  </si>
  <si>
    <t>甲類焼酎 ダブル お湯割</t>
  </si>
  <si>
    <t>甲類焼酎 ダブル ｿｰﾀﾞ割り</t>
  </si>
  <si>
    <t>からり芋 ボトル</t>
  </si>
  <si>
    <t>一刻者 ボトル</t>
  </si>
  <si>
    <t>一刻者・赤 ボトル</t>
  </si>
  <si>
    <t>和ら麦 ボトル</t>
  </si>
  <si>
    <t>知心剣 ボトル</t>
  </si>
  <si>
    <t>鍛高譚 ボトル</t>
  </si>
  <si>
    <t>甲類焼酎 ボトル</t>
  </si>
  <si>
    <t>生レモン（5切れ）</t>
  </si>
  <si>
    <t>梅干し（2粒）</t>
  </si>
  <si>
    <t>ウーロン茶ピッチャー</t>
  </si>
  <si>
    <t>緑茶ピッチャー</t>
  </si>
  <si>
    <t>豪快 1合 燗</t>
  </si>
  <si>
    <t>豪快 2合 燗</t>
  </si>
  <si>
    <t>豪快にごり 1合 燗</t>
  </si>
  <si>
    <t>豪快にごり 2合 燗</t>
  </si>
  <si>
    <t>白壁蔵 1合 燗</t>
  </si>
  <si>
    <t>白壁蔵 2合 燗</t>
  </si>
  <si>
    <t>国士無双 1合 燗</t>
  </si>
  <si>
    <t>国士無双 2合 燗</t>
  </si>
  <si>
    <t>白壁蔵 澪 燗</t>
  </si>
  <si>
    <t>白壁蔵 澪 ブリュット 燗</t>
  </si>
  <si>
    <t>豪快 1合 冷</t>
  </si>
  <si>
    <t>豪快 2合 冷</t>
  </si>
  <si>
    <t>豪快にごり 1合 冷</t>
  </si>
  <si>
    <t>豪快にごり 2合 冷</t>
  </si>
  <si>
    <t>白壁蔵 1合 冷</t>
  </si>
  <si>
    <t>白壁蔵 2合 冷</t>
  </si>
  <si>
    <t>国士無双 1合 冷</t>
  </si>
  <si>
    <t>国士無双 2合 冷</t>
  </si>
  <si>
    <t>白壁蔵 澪 冷</t>
  </si>
  <si>
    <t>白壁蔵 澪 ブリュット 冷</t>
  </si>
  <si>
    <t>ｴﾋﾞｽ</t>
  </si>
  <si>
    <t>ﾌﾟﾚﾐｱﾑｱﾙｺｰﾙﾌﾘｰ</t>
  </si>
  <si>
    <t>モヒート</t>
  </si>
  <si>
    <t>巨峰モヒート</t>
  </si>
  <si>
    <t>ﾋﾟﾝｸｸﾞﾚｰﾌﾟﾌﾙｰﾂﾓﾋｰﾄ</t>
  </si>
  <si>
    <t>ゆずモヒート</t>
  </si>
  <si>
    <t>ｶｼｽｸﾞﾚｰﾌﾟ</t>
  </si>
  <si>
    <t>ｶｼｽｱｯﾌﾟﾙ</t>
  </si>
  <si>
    <t>ファジーネーブル</t>
  </si>
  <si>
    <t>ﾋﾟｰﾁｸﾞﾚｰﾌﾟﾌﾙｰﾂ</t>
  </si>
  <si>
    <t>ﾋﾟｰﾁｱｯﾌﾟﾙ</t>
  </si>
  <si>
    <t>クーニャン</t>
  </si>
  <si>
    <t>ﾋﾟｰﾁｿｰﾀﾞ</t>
  </si>
  <si>
    <t>ﾗｲﾁｵﾚﾝｼﾞ</t>
  </si>
  <si>
    <t>ﾗｲﾁｸﾞﾚｰﾌﾟﾌﾙｰﾂ</t>
  </si>
  <si>
    <t>ﾗｲﾁｱｯﾌﾟﾙ</t>
  </si>
  <si>
    <t>ﾗｲﾁｳｰﾛﾝ</t>
  </si>
  <si>
    <t>ﾗｲﾁｿｰﾀﾞ</t>
  </si>
  <si>
    <t>ｶｼｽﾖｰｸﾞﾙﾄ</t>
  </si>
  <si>
    <t>ﾋﾟｰﾁﾖｰｸﾞﾙﾄ</t>
  </si>
  <si>
    <t>ﾗｲﾁｰｸﾞﾙﾄ</t>
  </si>
  <si>
    <t>ｶﾙｰｱﾐﾙｸ</t>
  </si>
  <si>
    <t>ボンベイジンソーダ</t>
  </si>
  <si>
    <t>梅酒 ロック</t>
  </si>
  <si>
    <t>梅酒 水割</t>
  </si>
  <si>
    <t>梅酒 お湯割</t>
  </si>
  <si>
    <t>梅酒 ｿｰﾀﾞ割り</t>
  </si>
  <si>
    <t>杏子酒 ロック</t>
  </si>
  <si>
    <t>杏子酒 水割</t>
  </si>
  <si>
    <t>杏子酒 お湯割</t>
  </si>
  <si>
    <t>杏子酒 ｿｰﾀﾞ割り</t>
  </si>
  <si>
    <t>和三盆梅酒 ロック</t>
  </si>
  <si>
    <t>和三盆梅酒 水割</t>
  </si>
  <si>
    <t>和三盆梅酒 お湯割</t>
  </si>
  <si>
    <t>和三盆梅酒 ｿｰﾀﾞ割り</t>
  </si>
  <si>
    <t>ｳﾒｶｸｸﾞﾚｰﾌﾟﾌﾙｰﾂ ロック</t>
  </si>
  <si>
    <t>ｳﾒｶｸｸﾞﾚｰﾌﾟﾌﾙｰﾂ 水割</t>
  </si>
  <si>
    <t>ｳﾒｶｸｸﾞﾚｰﾌﾟﾌﾙｰﾂ お湯割</t>
  </si>
  <si>
    <t>ｳﾒｶｸｸﾞﾚｰﾌﾟﾌﾙｰﾂ ｿｰﾀﾞ割り</t>
  </si>
  <si>
    <t>ｳﾒｶｸ　ﾓﾓ ロック</t>
  </si>
  <si>
    <t>ｳﾒｶｸ　ﾓﾓ 水割</t>
  </si>
  <si>
    <t>ｳﾒｶｸ　ﾓﾓ お湯割</t>
  </si>
  <si>
    <t>ｳﾒｶｸ　ﾓﾓ ｿｰﾀﾞ割り</t>
  </si>
  <si>
    <t>黒糖　黒梅酒 ロック</t>
  </si>
  <si>
    <t>黒糖　黒梅酒 水割</t>
  </si>
  <si>
    <t>黒糖　黒梅酒 お湯割</t>
  </si>
  <si>
    <t>黒糖　黒梅酒 ｿｰﾀﾞ割り</t>
  </si>
  <si>
    <t>3種の赤梅酒 ロック</t>
  </si>
  <si>
    <t>3種の赤梅酒 水割</t>
  </si>
  <si>
    <t>3種の赤梅酒 お湯割</t>
  </si>
  <si>
    <t>3種の赤梅酒 ｿｰﾀﾞ割り</t>
  </si>
  <si>
    <t>みかんのお酒 ロック</t>
  </si>
  <si>
    <t>みかんのお酒 水割</t>
  </si>
  <si>
    <t>みかんのお酒 お湯割</t>
  </si>
  <si>
    <t>みかんのお酒 ｿｰﾀﾞ割り</t>
  </si>
  <si>
    <t>沖縄パイン ロック</t>
  </si>
  <si>
    <t>沖縄パイン 水割</t>
  </si>
  <si>
    <t>沖縄パイン お湯割</t>
  </si>
  <si>
    <t>沖縄パイン ｿｰﾀﾞ割り</t>
  </si>
  <si>
    <t>ｼｬｲﾝﾏｽｶｯﾄ ロック</t>
  </si>
  <si>
    <t>ｼｬｲﾝﾏｽｶｯﾄ 水割</t>
  </si>
  <si>
    <t>ｼｬｲﾝﾏｽｶｯﾄ お湯割</t>
  </si>
  <si>
    <t>ｼｬｲﾝﾏｽｶｯﾄ ｿｰﾀﾞ割り</t>
  </si>
  <si>
    <t>ｸﾞﾗｽﾜｲﾝ赤</t>
  </si>
  <si>
    <t>ｸﾞﾗｽﾜｲﾝ白</t>
  </si>
  <si>
    <t>ﾃﾞｷｬﾝﾀ　赤ﾜｲﾝ</t>
  </si>
  <si>
    <t>ﾃﾞｷｬﾝﾀ　白ﾜｲﾝ</t>
  </si>
  <si>
    <t>赤玉ﾊﾟﾝﾁ</t>
  </si>
  <si>
    <t>赤玉ｵﾚﾝｼﾞ</t>
  </si>
  <si>
    <t>ｲﾁｺﾞﾐﾙｸ</t>
  </si>
  <si>
    <t>ｲﾁｺﾞﾖｰｸﾞﾙﾄ</t>
  </si>
  <si>
    <t>さわやかスカッシュ</t>
  </si>
  <si>
    <t>ﾒﾛﾝミルク</t>
  </si>
  <si>
    <t>ﾒﾛﾝヨーグルト</t>
  </si>
  <si>
    <t>ﾊﾟﾝﾁレモンｿｰﾀﾞ</t>
  </si>
  <si>
    <t>素敵なりんご酢ｿｰﾀﾞ</t>
  </si>
  <si>
    <t>柚子&amp;ｷｳｲｿｰﾀﾞ</t>
  </si>
  <si>
    <t>瀬戸内レモンソーダ</t>
  </si>
  <si>
    <t>洋梨ﾎﾜｲﾄｿｰﾀﾞ</t>
  </si>
  <si>
    <t>巨峰ﾎﾜｲﾄｿｰﾀﾞ</t>
  </si>
  <si>
    <t>ウーロン茶</t>
  </si>
  <si>
    <t>緑茶</t>
  </si>
  <si>
    <t>濃いめの宇治抹茶</t>
  </si>
  <si>
    <t>コーラ</t>
  </si>
  <si>
    <t>ｼﾞﾝｼﾞｬｰｴｰﾙ</t>
  </si>
  <si>
    <t>ﾎﾜｲﾄｳｫｰﾀｰ</t>
  </si>
  <si>
    <t>ﾎﾜｲﾄｿｰﾀﾞ</t>
  </si>
  <si>
    <t>ｸﾞﾚｰﾌﾟﾌﾙｰﾂｼﾞｭｰｽ</t>
  </si>
  <si>
    <t>アップルｼﾞｭｰｽ</t>
  </si>
  <si>
    <t>飲むヨーグルト</t>
  </si>
  <si>
    <t>特保 からだ健やか茶</t>
  </si>
  <si>
    <t>水</t>
  </si>
  <si>
    <t>ﾒﾛﾝｸﾘｰﾑｿｰﾀﾞ</t>
  </si>
  <si>
    <t>ﾌﾞﾙｰﾊﾜｲｸﾘｰﾑｿｰﾀﾞ</t>
  </si>
  <si>
    <t>ｺｰﾗｸﾘｰﾑｿｰﾀﾞ</t>
  </si>
  <si>
    <t>フライドポテト（ﾚｷﾞｭﾗｰ）</t>
  </si>
  <si>
    <t>フライドポテト（ビッグ）</t>
  </si>
  <si>
    <t>ﾎﾟﾃﾄ＆ﾁｷﾝﾅｹﾞｯﾄ</t>
  </si>
  <si>
    <t>ｵﾆｵﾝ＆ﾎﾟﾃﾄ</t>
  </si>
  <si>
    <t>お手軽ﾊﾟｰﾃｨｾｯﾄ</t>
  </si>
  <si>
    <t>ﾁｷﾝﾅｹﾞｯﾄ</t>
  </si>
  <si>
    <t>ｶﾏﾝﾍﾞｰﾙﾁｰｽﾞﾌﾗｲ</t>
  </si>
  <si>
    <t>ﾎﾟｯﾌﾟｺｰﾝﾁｷﾝ ﾌﾟﾚｰﾝ</t>
  </si>
  <si>
    <t>ﾎﾟｯﾌﾟｺｰﾝﾁｷﾝ チーズ</t>
  </si>
  <si>
    <t>揚げたこ焼き</t>
  </si>
  <si>
    <t>揚げたこ焼き（明太チーズ）</t>
  </si>
  <si>
    <t>皆でオードブル</t>
  </si>
  <si>
    <t>ﾁｮｺﾚｰﾄ盛り合わせ</t>
  </si>
  <si>
    <t>ポテりこ サラダ</t>
  </si>
  <si>
    <t>ｶﾙﾋﾞｰポテトｺﾝｿﾒ</t>
  </si>
  <si>
    <t>ｶﾙﾋﾞｰポテトうすしお</t>
  </si>
  <si>
    <t>ｶﾙﾋﾞｰポテトのりしお</t>
  </si>
  <si>
    <t>照焼きチキンピザ</t>
  </si>
  <si>
    <t>マルゲリータ</t>
  </si>
  <si>
    <t>和風明太ﾊﾟｽﾀ</t>
  </si>
  <si>
    <t>定番カルボナーラ</t>
  </si>
  <si>
    <t>アボカドチーズピザ</t>
  </si>
  <si>
    <t>ビスク風ﾄﾏﾄｸﾘｰﾑﾊﾟｽﾀ</t>
  </si>
  <si>
    <t>カツカレー</t>
  </si>
  <si>
    <t>まかないカレー</t>
  </si>
  <si>
    <t>中華そば</t>
  </si>
  <si>
    <t>ﾁｷﾝのﾋﾟｻﾞライス</t>
  </si>
  <si>
    <t>黄金ﾁｬｰｼｭｰ炒飯</t>
  </si>
  <si>
    <t>あんかけ焼きそば</t>
  </si>
  <si>
    <t>ざるそば</t>
  </si>
  <si>
    <t>お子様ｾｯﾄAオレンジ</t>
  </si>
  <si>
    <t>お子様ｾｯﾄAアップル</t>
  </si>
  <si>
    <t>お子様ｾｯﾄAカルピス</t>
  </si>
  <si>
    <t>お子様ｾｯﾄAﾒﾛﾝｿｰﾀﾞ</t>
  </si>
  <si>
    <t>お子様ｾｯﾄBオレンジ</t>
  </si>
  <si>
    <t>お子様ｾｯﾄBアップル</t>
  </si>
  <si>
    <t>お子様ｾｯﾄBカルピス</t>
  </si>
  <si>
    <t>お子様ｾｯﾄBﾒﾛﾝｿｰﾀﾞ</t>
  </si>
  <si>
    <t>お子様ｾｯﾄCオレンジ</t>
  </si>
  <si>
    <t>お子様ｾｯﾄCアップル</t>
  </si>
  <si>
    <t>お子様ｾｯﾄCカルピス</t>
  </si>
  <si>
    <t>お子様ｾｯﾄCﾒﾛﾝｿｰﾀﾞ</t>
  </si>
  <si>
    <t>アメリカンドッグ</t>
  </si>
  <si>
    <t>おこさまおつまみ</t>
  </si>
  <si>
    <t>おこさまｽﾃｰｷ&amp;ﾎﾟﾃﾄﾌﾗｲ</t>
  </si>
  <si>
    <t>おこさまポテトフライ</t>
  </si>
  <si>
    <t>おこさま細巻き</t>
  </si>
  <si>
    <t>おこさまそば</t>
  </si>
  <si>
    <t>おこさまうどん</t>
  </si>
  <si>
    <t>おこさまラーメン</t>
  </si>
  <si>
    <t>バニラアイス</t>
  </si>
  <si>
    <t>チョコアイス</t>
  </si>
  <si>
    <t>ｽﾄﾛﾍﾞﾘｰｱｲｽ</t>
  </si>
  <si>
    <t>鉄板ｿｰｾｰｼﾞ盛り合わせ</t>
  </si>
  <si>
    <t>生ハム</t>
  </si>
  <si>
    <t>ﾏｽｶﾙﾎﾟｰﾈﾁｰｽﾞ黒胡椒ﾊﾁﾐﾂかけ</t>
  </si>
  <si>
    <t>ｽﾃｨｯｸｶﾞｰﾘｯｸﾄｰｽﾄ</t>
  </si>
  <si>
    <t>3種のアイス盛り</t>
  </si>
  <si>
    <t>ｶﾗｵｹバニラアイス</t>
  </si>
  <si>
    <t>ｶﾗｵｹチョコレートアイス</t>
  </si>
  <si>
    <t>ｶﾗｵｹストロベリーアイス</t>
  </si>
  <si>
    <t>カタラーナ</t>
  </si>
  <si>
    <t>ﾍﾞﾘｰﾅｯﾂｸﾚｰﾌﾟ</t>
  </si>
  <si>
    <t>ﾁｮｺﾊﾞﾅﾅﾊﾆｰﾄｰｽﾄ</t>
  </si>
  <si>
    <t>雪見だいふく汁粉</t>
  </si>
  <si>
    <t>ｶｽﾀｰﾄﾞﾌﾚﾝﾁﾄｰｽﾄ</t>
  </si>
  <si>
    <t>ｱｯﾌﾟﾙﾊﾟｲのｱｲｽ添え</t>
  </si>
  <si>
    <t>ｶﾙﾋﾞｰﾁｭﾛｽ</t>
  </si>
  <si>
    <t>濃厚プリン</t>
  </si>
  <si>
    <t>おつまみ長芋</t>
  </si>
  <si>
    <t>奈良漬クリームチーズ</t>
  </si>
  <si>
    <t>ピリ辛ネギ砂肝</t>
  </si>
  <si>
    <t>塩昆布ｷｬﾍﾞﾂ</t>
  </si>
  <si>
    <t>ガツポン</t>
  </si>
  <si>
    <t>なめろう</t>
  </si>
  <si>
    <t>ひねポン酢</t>
  </si>
  <si>
    <t>うずらどんぐり</t>
  </si>
  <si>
    <t>蒸し鶏キムチ</t>
  </si>
  <si>
    <t>こだわりのポテサラ</t>
  </si>
  <si>
    <t>青南蛮明太子</t>
  </si>
  <si>
    <t>焼き茄子とｱｼﾞのﾀﾙﾀﾙ</t>
  </si>
  <si>
    <t>出汁巻き玉子</t>
  </si>
  <si>
    <t>明太出汁巻き玉子</t>
  </si>
  <si>
    <t>茄子の柚子胡椒揚げ浸し</t>
  </si>
  <si>
    <t>牛すじの洋風煮込み</t>
  </si>
  <si>
    <t>明太じゃがチーズ焼き</t>
  </si>
  <si>
    <t>じゃがWチーズ焼き</t>
  </si>
  <si>
    <t>キムチじゃがチーズ焼き</t>
  </si>
  <si>
    <t>マヨコーンじゃがﾁｰｽﾞ焼き</t>
  </si>
  <si>
    <t>ﾁｰｽﾞたっぷり自家製ﾗｻﾞﾆｱ</t>
  </si>
  <si>
    <t>三元豚ｼﾞｬﾝﾎﾞ餃子キムチ</t>
  </si>
  <si>
    <t>北海道平田牧場三元豚ｼﾞｬﾝﾎﾞ餃子</t>
  </si>
  <si>
    <t>北海道ザンギ５個</t>
  </si>
  <si>
    <t>十勝とうきびバター醤油</t>
  </si>
  <si>
    <t>とうきびかき揚げ</t>
  </si>
  <si>
    <t>いくら丼</t>
  </si>
  <si>
    <t>にんぺん出汁のだし巻き玉子</t>
  </si>
  <si>
    <t>いか丸焼き</t>
  </si>
  <si>
    <t>真ホッケ</t>
  </si>
  <si>
    <t>真ホッケハーフ</t>
  </si>
  <si>
    <t>札幌つくね　金</t>
  </si>
  <si>
    <t>室蘭焼き鳥（2本）</t>
  </si>
  <si>
    <t>中札内ﾁｰｽﾞつくね</t>
  </si>
  <si>
    <t>帆立炙り</t>
  </si>
  <si>
    <t>ラムソーセージ炙り焼き</t>
  </si>
  <si>
    <t>セイロそば</t>
  </si>
  <si>
    <t>セイロそばハーフ</t>
  </si>
  <si>
    <t>シーザーサラダ</t>
  </si>
  <si>
    <t>おつまみ葱サラダ</t>
  </si>
  <si>
    <t>四川風コブサラダ</t>
  </si>
  <si>
    <t>B.L.T.Aサラダ</t>
  </si>
  <si>
    <t>チョレギサラダ</t>
  </si>
  <si>
    <t>サーモン刺し</t>
  </si>
  <si>
    <t>マグロ刺し</t>
  </si>
  <si>
    <t>帆立刺し</t>
  </si>
  <si>
    <t>タコ刺し</t>
  </si>
  <si>
    <t>金華しめさば刺し</t>
  </si>
  <si>
    <t>ツブ</t>
  </si>
  <si>
    <t>刺身2名盛り</t>
  </si>
  <si>
    <t>刺身3名盛り</t>
  </si>
  <si>
    <t>刺身5名盛り</t>
  </si>
  <si>
    <t>山の猿カルパッチョ</t>
  </si>
  <si>
    <t>札幌つくね盛り合わせ</t>
  </si>
  <si>
    <t>もちベーコン巻き（2本）</t>
  </si>
  <si>
    <t>ｶﾁｮｶﾊﾞﾛﾁｰｽﾞﾍﾞｰｺﾝ巻き串2本</t>
  </si>
  <si>
    <t>特選牛串</t>
  </si>
  <si>
    <t>おまかせ6本盛り　塩</t>
  </si>
  <si>
    <t>おまかせ6本盛り　タレ</t>
  </si>
  <si>
    <t>アスパラベーコン巻き（2本）</t>
  </si>
  <si>
    <t>鶏串　塩</t>
  </si>
  <si>
    <t>鶏串　タレ</t>
  </si>
  <si>
    <t>鶏レバー　塩</t>
  </si>
  <si>
    <t>鶏レバー　タレ</t>
  </si>
  <si>
    <t>札幌つくね　銀</t>
  </si>
  <si>
    <t>札幌つくね　黒</t>
  </si>
  <si>
    <t>札幌つくね　赤</t>
  </si>
  <si>
    <t>月見つくね</t>
  </si>
  <si>
    <t>札幌つくね　塩</t>
  </si>
  <si>
    <t>豚串　塩</t>
  </si>
  <si>
    <t>豚串　タレ</t>
  </si>
  <si>
    <t>砂肝串　塩</t>
  </si>
  <si>
    <t>砂肝串　タレ</t>
  </si>
  <si>
    <t>皮串　塩</t>
  </si>
  <si>
    <t>皮串　タレ</t>
  </si>
  <si>
    <t>ポンポチ串　塩</t>
  </si>
  <si>
    <t>ポンポチ　タレ</t>
  </si>
  <si>
    <t>ハツ　塩</t>
  </si>
  <si>
    <t>ハツ串　タレ</t>
  </si>
  <si>
    <t>ししとう串</t>
  </si>
  <si>
    <t>茄子田楽串</t>
  </si>
  <si>
    <t>砂肝　はっさり味噌</t>
  </si>
  <si>
    <t>豚串　ししとう味噌</t>
  </si>
  <si>
    <t>ささみ　塩</t>
  </si>
  <si>
    <t>ささみ　タレ</t>
  </si>
  <si>
    <t>エイヒレ炙り</t>
  </si>
  <si>
    <t>長なす炙り</t>
  </si>
  <si>
    <t>土佐甘長とうがらし</t>
  </si>
  <si>
    <t>炙りタコ</t>
  </si>
  <si>
    <t>カルビーポテト(コンソメ)</t>
  </si>
  <si>
    <t>カルビーポテト(のり塩)</t>
  </si>
  <si>
    <t>カルビーポテト(うすしお)</t>
  </si>
  <si>
    <t>北海道ザンギ</t>
  </si>
  <si>
    <t>でっかいどうザンギ</t>
  </si>
  <si>
    <t>ｽﾊﾟｲｼｰ長芋</t>
  </si>
  <si>
    <t>ピリ辛軟骨唐揚げ</t>
  </si>
  <si>
    <t>手羽先から揚げ</t>
  </si>
  <si>
    <t>軟骨唐揚げ</t>
  </si>
  <si>
    <t>イカから揚げ</t>
  </si>
  <si>
    <t>タコザンギ</t>
  </si>
  <si>
    <t>ごぼうの甘辛揚げ</t>
  </si>
  <si>
    <t>馬刺し</t>
  </si>
  <si>
    <t>馬肉ﾕｯｹ</t>
  </si>
  <si>
    <t>3種貝のｶﾞﾝｶﾞﾝ焼き</t>
  </si>
  <si>
    <t>牛フィレステーキ</t>
  </si>
  <si>
    <t>大海老四川豆板醤炒め</t>
  </si>
  <si>
    <t>とんぺい焼き</t>
  </si>
  <si>
    <t>とんぺい焼き（明太マヨ）</t>
  </si>
  <si>
    <t>とんぺい焼き（ﾁｰｽﾞﾀﾙﾀﾙ）</t>
  </si>
  <si>
    <t>塩ホルモン焼き</t>
  </si>
  <si>
    <t>天ぷら盛り合わせ</t>
  </si>
  <si>
    <t>単品　大海老天</t>
  </si>
  <si>
    <t>単品　舞茸天</t>
  </si>
  <si>
    <t>単品　茄子天</t>
  </si>
  <si>
    <t>単品　きす天</t>
  </si>
  <si>
    <t>真タラフライ</t>
  </si>
  <si>
    <t>帆立ﾌﾗｲ</t>
  </si>
  <si>
    <t>エビフライ</t>
  </si>
  <si>
    <t>つくねチーズ（ﾌﾗｲ）</t>
  </si>
  <si>
    <t>昔ながらの中華そば</t>
  </si>
  <si>
    <t>ピリ辛あんかけ焼きそば</t>
  </si>
  <si>
    <t>ミートソース</t>
  </si>
  <si>
    <t>蟹ｸﾘｰﾑ雑炊</t>
  </si>
  <si>
    <t>おにぎり　鮭</t>
  </si>
  <si>
    <t>おにぎり　明太マヨチーズ</t>
  </si>
  <si>
    <t>お茶漬け　鮭</t>
  </si>
  <si>
    <t>ご飯セット</t>
  </si>
  <si>
    <t>黄金チャーシュー炒飯</t>
  </si>
  <si>
    <t>とろ玉石焼きカレー</t>
  </si>
  <si>
    <t>鮭といくらの親子茶漬け</t>
  </si>
  <si>
    <t>肉盛り豚丼</t>
  </si>
  <si>
    <t>焼鳥親子丼</t>
  </si>
  <si>
    <t>天丼</t>
  </si>
  <si>
    <t>ミニポキ丼</t>
  </si>
  <si>
    <t>ｼﾛｸﾏﾎﾜｲﾄﾊﾟﾌｪ</t>
  </si>
  <si>
    <t>居酒屋チョコアイス</t>
  </si>
  <si>
    <t>居酒屋バニラアイス</t>
  </si>
  <si>
    <t>ｱｯﾌﾟﾙﾊﾟｲ&amp;ﾊﾞﾆﾗｱｲｽ</t>
  </si>
  <si>
    <t>北海道産小豆おしるこ</t>
  </si>
  <si>
    <t>カルビー　チュロス</t>
  </si>
  <si>
    <t>金華しめさば棒寿司</t>
  </si>
  <si>
    <t>炙りサーモン棒寿司</t>
  </si>
  <si>
    <t>握り鮪3貫</t>
  </si>
  <si>
    <t>握りｻｰﾓﾝ3貫</t>
  </si>
  <si>
    <t>寿司盛り3貫</t>
  </si>
  <si>
    <t>サーモン寿司一貫</t>
  </si>
  <si>
    <t>甘えび  寿司一貫</t>
  </si>
  <si>
    <t>いくら  寿司一貫</t>
  </si>
  <si>
    <t>ｻﾋﾞ抜　炙りｻｰﾓﾝ棒寿司</t>
  </si>
  <si>
    <t>ｻﾋﾞ抜き　鮪3貫</t>
  </si>
  <si>
    <t>ｻﾋﾞ抜き　サーモン3貫</t>
  </si>
  <si>
    <t>ｻﾋﾞ抜き　寿司盛り3貫</t>
  </si>
  <si>
    <t>ｻﾋﾞ抜き　サーモン握り</t>
  </si>
  <si>
    <t>ｻﾋﾞ抜き　甘ｴﾋﾞ握り</t>
  </si>
  <si>
    <t>春鰊刺身</t>
  </si>
  <si>
    <t>ﾋﾟｰﾅｯﾂもやしのｽﾀﾐﾅ炒め</t>
  </si>
  <si>
    <t>猿払産つぶのｶﾞｰﾘｯｸﾄｰｽﾄ</t>
  </si>
  <si>
    <t>串揚げ3種盛</t>
  </si>
  <si>
    <t>やりいか刺身</t>
  </si>
  <si>
    <t>ｽﾅｯﾌﾟｴﾝﾄﾞｳのﾁｰｽﾞｻﾗﾀﾞ</t>
  </si>
  <si>
    <t>ホタルイカの炙り串</t>
  </si>
  <si>
    <t>アスパラ天ぷら</t>
  </si>
  <si>
    <t>アスパラ生ハム温サラダ</t>
  </si>
  <si>
    <t>アスパラ炙り焼き</t>
  </si>
  <si>
    <t>アスパラフライ</t>
  </si>
  <si>
    <t>store_id</t>
  </si>
  <si>
    <t>log_time</t>
  </si>
  <si>
    <t>263cd964b5</t>
  </si>
  <si>
    <t>plan</t>
  </si>
  <si>
    <t>comment</t>
  </si>
  <si>
    <t>通常　ソフト飲放</t>
  </si>
  <si>
    <t>ソフトD飲み放題</t>
  </si>
  <si>
    <t>通常　飲み放題</t>
  </si>
  <si>
    <t>アルコール飲み放題</t>
  </si>
  <si>
    <t>3時間</t>
  </si>
  <si>
    <t>3時間　ソフト飲放</t>
  </si>
  <si>
    <t>3時間　飲み放題</t>
  </si>
  <si>
    <t>ランチパック</t>
  </si>
  <si>
    <t>食べ放題</t>
  </si>
  <si>
    <t>昼フリータイム</t>
  </si>
  <si>
    <t>夜フリータイム</t>
  </si>
  <si>
    <t>GroupID</t>
  </si>
  <si>
    <t>GroupName</t>
  </si>
  <si>
    <t>RoomID</t>
  </si>
  <si>
    <t>RoomName</t>
  </si>
  <si>
    <t>OrderNo</t>
  </si>
  <si>
    <t>status</t>
  </si>
  <si>
    <t>Room1</t>
  </si>
  <si>
    <t>Room2</t>
  </si>
  <si>
    <t>Room3</t>
  </si>
  <si>
    <t>Room4</t>
  </si>
  <si>
    <t>Room5</t>
  </si>
  <si>
    <t>Room6</t>
  </si>
  <si>
    <t>Room7</t>
  </si>
  <si>
    <t>Room8</t>
  </si>
  <si>
    <t>Room9</t>
  </si>
  <si>
    <t>Room10</t>
  </si>
  <si>
    <t>Room11</t>
  </si>
  <si>
    <t>Room12</t>
  </si>
  <si>
    <t>Room13</t>
  </si>
  <si>
    <t>Room14</t>
  </si>
  <si>
    <t>Room15</t>
  </si>
  <si>
    <t>room_id</t>
  </si>
  <si>
    <t>general</t>
  </si>
  <si>
    <t>member</t>
  </si>
  <si>
    <t>member2</t>
  </si>
  <si>
    <t>free</t>
  </si>
  <si>
    <t>male</t>
  </si>
  <si>
    <t>female</t>
  </si>
  <si>
    <t>children</t>
  </si>
  <si>
    <t>sales</t>
  </si>
  <si>
    <t>discount_id</t>
  </si>
  <si>
    <t>discount</t>
  </si>
  <si>
    <t>premium_id</t>
  </si>
  <si>
    <t>premium</t>
  </si>
  <si>
    <t>other</t>
  </si>
  <si>
    <t>tax</t>
  </si>
  <si>
    <t>avance_payment</t>
  </si>
  <si>
    <t>f07f8defb4f</t>
  </si>
  <si>
    <t>flag</t>
  </si>
  <si>
    <t>ﾏﾈｰｼﾞｬｰ</t>
  </si>
  <si>
    <t>チーフ</t>
  </si>
  <si>
    <t>鈴木</t>
  </si>
  <si>
    <t>田中</t>
  </si>
  <si>
    <t>佐藤</t>
  </si>
  <si>
    <t>斉藤</t>
  </si>
  <si>
    <t>渡辺</t>
  </si>
  <si>
    <t>阿部</t>
  </si>
  <si>
    <t>store_name</t>
  </si>
  <si>
    <t>open_time</t>
  </si>
  <si>
    <t>close_time</t>
  </si>
  <si>
    <t>max_room_no</t>
  </si>
  <si>
    <t>tel</t>
  </si>
  <si>
    <t>msg1</t>
  </si>
  <si>
    <t>msg2</t>
  </si>
  <si>
    <t>msg3</t>
  </si>
  <si>
    <t>msg4</t>
  </si>
  <si>
    <t>msg5</t>
  </si>
  <si>
    <t>msg6</t>
  </si>
  <si>
    <t>msg7</t>
  </si>
  <si>
    <t>msg8</t>
  </si>
  <si>
    <t>msg9</t>
  </si>
  <si>
    <t>msg10</t>
  </si>
  <si>
    <t>msg11</t>
  </si>
  <si>
    <t>U</t>
  </si>
  <si>
    <t>0154-55-5670</t>
  </si>
  <si>
    <t>いらっしゃいませ</t>
  </si>
  <si>
    <t>ご来店ありがとうございます</t>
  </si>
  <si>
    <t>ごゆっくりどうぞ</t>
  </si>
  <si>
    <t>ありがとうございました</t>
  </si>
  <si>
    <t>またのご来店をお待ちしております</t>
  </si>
  <si>
    <t>TOP</t>
  </si>
  <si>
    <t>戻る</t>
  </si>
  <si>
    <t>データ設定</t>
  </si>
  <si>
    <t>明細</t>
  </si>
  <si>
    <t>呼出</t>
  </si>
  <si>
    <t>　注文受付は終了です。　</t>
  </si>
  <si>
    <t>飲み放題受付は終了です。</t>
  </si>
  <si>
    <t>終了のお時間です。&lt;br&gt;ご精算はフロントにてお願い致します。&lt;br&gt;お忘れ物等ご注意下さい。</t>
  </si>
  <si>
    <t>飲み放題注文数が多過ぎます。&lt;br&gt;人数分の数量に変更下さい。</t>
  </si>
  <si>
    <t>受付用スマホ・QRコード</t>
  </si>
  <si>
    <t>cat_name</t>
  </si>
  <si>
    <t>ソフト&lt;br&gt;ドリンク</t>
  </si>
  <si>
    <t>パスタ&amp;ピザ</t>
  </si>
  <si>
    <t>ご飯</t>
  </si>
  <si>
    <t>とりの介&lt;br&gt;16時以降</t>
  </si>
  <si>
    <t>名物＜br＞16時以降</t>
  </si>
  <si>
    <t>刺身＜br＞16時以降</t>
  </si>
  <si>
    <t>逸品＜br＞16時以降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14" fontId="0" fillId="0" borderId="0" xfId="0" applyNumberFormat="1">
      <alignment vertical="center"/>
    </xf>
    <xf numFmtId="21" fontId="0" fillId="0" borderId="0" xfId="0" applyNumberFormat="1">
      <alignment vertical="center"/>
    </xf>
    <xf numFmtId="20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6020"/>
  <sheetViews>
    <sheetView tabSelected="1" workbookViewId="0">
      <selection activeCell="G5" sqref="G5"/>
    </sheetView>
  </sheetViews>
  <sheetFormatPr defaultRowHeight="18.75" x14ac:dyDescent="0.4"/>
  <cols>
    <col min="4" max="4" width="27.125" customWidth="1"/>
    <col min="7" max="7" width="16.375" customWidth="1"/>
  </cols>
  <sheetData>
    <row r="1" spans="1:7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4">
      <c r="A2">
        <v>1</v>
      </c>
      <c r="B2">
        <v>1</v>
      </c>
      <c r="C2">
        <v>0</v>
      </c>
      <c r="D2" t="s">
        <v>7</v>
      </c>
      <c r="E2">
        <v>0</v>
      </c>
      <c r="F2">
        <v>0</v>
      </c>
      <c r="G2" s="1">
        <v>45072.765972222223</v>
      </c>
    </row>
    <row r="3" spans="1:7" x14ac:dyDescent="0.4">
      <c r="A3">
        <v>2</v>
      </c>
      <c r="B3">
        <v>1</v>
      </c>
      <c r="C3">
        <v>1</v>
      </c>
      <c r="D3" t="s">
        <v>7</v>
      </c>
      <c r="E3">
        <v>0</v>
      </c>
      <c r="F3">
        <v>0</v>
      </c>
      <c r="G3" s="1">
        <v>45072.765972222223</v>
      </c>
    </row>
    <row r="4" spans="1:7" x14ac:dyDescent="0.4">
      <c r="A4">
        <v>3</v>
      </c>
      <c r="B4">
        <v>2</v>
      </c>
      <c r="C4">
        <v>0</v>
      </c>
      <c r="D4" t="s">
        <v>8</v>
      </c>
      <c r="E4">
        <v>0</v>
      </c>
      <c r="F4">
        <v>0</v>
      </c>
      <c r="G4" s="1">
        <v>45072.765972222223</v>
      </c>
    </row>
    <row r="5" spans="1:7" x14ac:dyDescent="0.4">
      <c r="A5">
        <v>4</v>
      </c>
      <c r="B5">
        <v>2</v>
      </c>
      <c r="C5">
        <v>1</v>
      </c>
      <c r="D5" t="s">
        <v>8</v>
      </c>
      <c r="E5">
        <v>0</v>
      </c>
      <c r="F5">
        <v>0</v>
      </c>
      <c r="G5" s="1">
        <v>45072.765972222223</v>
      </c>
    </row>
    <row r="6" spans="1:7" x14ac:dyDescent="0.4">
      <c r="A6">
        <v>5</v>
      </c>
      <c r="B6">
        <v>3</v>
      </c>
      <c r="C6">
        <v>0</v>
      </c>
      <c r="D6" t="s">
        <v>9</v>
      </c>
      <c r="E6">
        <v>0</v>
      </c>
      <c r="F6">
        <v>0</v>
      </c>
      <c r="G6" s="1">
        <v>45072.765972222223</v>
      </c>
    </row>
    <row r="7" spans="1:7" x14ac:dyDescent="0.4">
      <c r="A7">
        <v>6</v>
      </c>
      <c r="B7">
        <v>3</v>
      </c>
      <c r="C7">
        <v>1</v>
      </c>
      <c r="D7" t="s">
        <v>9</v>
      </c>
      <c r="E7">
        <v>0</v>
      </c>
      <c r="F7">
        <v>0</v>
      </c>
      <c r="G7" s="1">
        <v>45072.765972222223</v>
      </c>
    </row>
    <row r="8" spans="1:7" x14ac:dyDescent="0.4">
      <c r="A8">
        <v>7</v>
      </c>
      <c r="B8">
        <v>4</v>
      </c>
      <c r="C8">
        <v>0</v>
      </c>
      <c r="D8" t="s">
        <v>10</v>
      </c>
      <c r="E8">
        <v>0</v>
      </c>
      <c r="F8">
        <v>0</v>
      </c>
      <c r="G8" s="1">
        <v>45072.765972222223</v>
      </c>
    </row>
    <row r="9" spans="1:7" x14ac:dyDescent="0.4">
      <c r="A9">
        <v>8</v>
      </c>
      <c r="B9">
        <v>4</v>
      </c>
      <c r="C9">
        <v>1</v>
      </c>
      <c r="D9" t="s">
        <v>10</v>
      </c>
      <c r="E9">
        <v>0</v>
      </c>
      <c r="F9">
        <v>0</v>
      </c>
      <c r="G9" s="1">
        <v>45072.765972222223</v>
      </c>
    </row>
    <row r="10" spans="1:7" x14ac:dyDescent="0.4">
      <c r="A10">
        <v>9</v>
      </c>
      <c r="B10">
        <v>5</v>
      </c>
      <c r="C10">
        <v>0</v>
      </c>
      <c r="D10" t="s">
        <v>11</v>
      </c>
      <c r="E10">
        <v>0</v>
      </c>
      <c r="F10">
        <v>0</v>
      </c>
      <c r="G10" s="1">
        <v>45072.765972222223</v>
      </c>
    </row>
    <row r="11" spans="1:7" x14ac:dyDescent="0.4">
      <c r="A11">
        <v>10</v>
      </c>
      <c r="B11">
        <v>5</v>
      </c>
      <c r="C11">
        <v>1</v>
      </c>
      <c r="D11" t="s">
        <v>11</v>
      </c>
      <c r="E11">
        <v>0</v>
      </c>
      <c r="F11">
        <v>0</v>
      </c>
      <c r="G11" s="1">
        <v>45072.765972222223</v>
      </c>
    </row>
    <row r="12" spans="1:7" x14ac:dyDescent="0.4">
      <c r="A12">
        <v>11</v>
      </c>
      <c r="B12">
        <v>6</v>
      </c>
      <c r="C12">
        <v>0</v>
      </c>
      <c r="D12" t="s">
        <v>12</v>
      </c>
      <c r="E12">
        <v>0</v>
      </c>
      <c r="F12">
        <v>0</v>
      </c>
      <c r="G12" s="1">
        <v>45072.765972222223</v>
      </c>
    </row>
    <row r="13" spans="1:7" x14ac:dyDescent="0.4">
      <c r="A13">
        <v>12</v>
      </c>
      <c r="B13">
        <v>6</v>
      </c>
      <c r="C13">
        <v>1</v>
      </c>
      <c r="D13" t="s">
        <v>12</v>
      </c>
      <c r="E13">
        <v>0</v>
      </c>
      <c r="F13">
        <v>0</v>
      </c>
      <c r="G13" s="1">
        <v>45072.765972222223</v>
      </c>
    </row>
    <row r="14" spans="1:7" x14ac:dyDescent="0.4">
      <c r="A14">
        <v>13</v>
      </c>
      <c r="B14">
        <v>7</v>
      </c>
      <c r="C14">
        <v>0</v>
      </c>
      <c r="D14" t="s">
        <v>13</v>
      </c>
      <c r="E14">
        <v>0</v>
      </c>
      <c r="F14">
        <v>0</v>
      </c>
      <c r="G14" s="1">
        <v>45072.765972222223</v>
      </c>
    </row>
    <row r="15" spans="1:7" x14ac:dyDescent="0.4">
      <c r="A15">
        <v>14</v>
      </c>
      <c r="B15">
        <v>7</v>
      </c>
      <c r="C15">
        <v>1</v>
      </c>
      <c r="D15" t="s">
        <v>13</v>
      </c>
      <c r="E15">
        <v>0</v>
      </c>
      <c r="F15">
        <v>0</v>
      </c>
      <c r="G15" s="1">
        <v>45072.765972222223</v>
      </c>
    </row>
    <row r="16" spans="1:7" x14ac:dyDescent="0.4">
      <c r="A16">
        <v>15</v>
      </c>
      <c r="B16">
        <v>8</v>
      </c>
      <c r="C16">
        <v>0</v>
      </c>
      <c r="D16" t="s">
        <v>14</v>
      </c>
      <c r="E16">
        <v>0</v>
      </c>
      <c r="F16">
        <v>0</v>
      </c>
      <c r="G16" s="1">
        <v>45072.765972222223</v>
      </c>
    </row>
    <row r="17" spans="1:7" x14ac:dyDescent="0.4">
      <c r="A17">
        <v>16</v>
      </c>
      <c r="B17">
        <v>8</v>
      </c>
      <c r="C17">
        <v>1</v>
      </c>
      <c r="D17" t="s">
        <v>14</v>
      </c>
      <c r="E17">
        <v>0</v>
      </c>
      <c r="F17">
        <v>0</v>
      </c>
      <c r="G17" s="1">
        <v>45072.765972222223</v>
      </c>
    </row>
    <row r="18" spans="1:7" x14ac:dyDescent="0.4">
      <c r="A18">
        <v>17</v>
      </c>
      <c r="B18">
        <v>9</v>
      </c>
      <c r="C18">
        <v>0</v>
      </c>
      <c r="D18" t="s">
        <v>15</v>
      </c>
      <c r="E18">
        <v>0</v>
      </c>
      <c r="F18">
        <v>0</v>
      </c>
      <c r="G18" s="1">
        <v>45072.765972222223</v>
      </c>
    </row>
    <row r="19" spans="1:7" x14ac:dyDescent="0.4">
      <c r="A19">
        <v>18</v>
      </c>
      <c r="B19">
        <v>9</v>
      </c>
      <c r="C19">
        <v>1</v>
      </c>
      <c r="D19" t="s">
        <v>15</v>
      </c>
      <c r="E19">
        <v>0</v>
      </c>
      <c r="F19">
        <v>0</v>
      </c>
      <c r="G19" s="1">
        <v>45072.765972222223</v>
      </c>
    </row>
    <row r="20" spans="1:7" x14ac:dyDescent="0.4">
      <c r="A20">
        <v>19</v>
      </c>
      <c r="B20">
        <v>10</v>
      </c>
      <c r="C20">
        <v>0</v>
      </c>
      <c r="D20" t="s">
        <v>16</v>
      </c>
      <c r="E20">
        <v>0</v>
      </c>
      <c r="F20">
        <v>0</v>
      </c>
      <c r="G20" s="1">
        <v>45072.765972222223</v>
      </c>
    </row>
    <row r="21" spans="1:7" x14ac:dyDescent="0.4">
      <c r="A21">
        <v>20</v>
      </c>
      <c r="B21">
        <v>10</v>
      </c>
      <c r="C21">
        <v>1</v>
      </c>
      <c r="D21" t="s">
        <v>16</v>
      </c>
      <c r="E21">
        <v>0</v>
      </c>
      <c r="F21">
        <v>0</v>
      </c>
      <c r="G21" s="1">
        <v>45072.765972222223</v>
      </c>
    </row>
    <row r="22" spans="1:7" x14ac:dyDescent="0.4">
      <c r="A22">
        <v>21</v>
      </c>
      <c r="B22">
        <v>11</v>
      </c>
      <c r="C22">
        <v>0</v>
      </c>
      <c r="D22" t="s">
        <v>17</v>
      </c>
      <c r="E22">
        <v>0</v>
      </c>
      <c r="F22">
        <v>0</v>
      </c>
      <c r="G22" s="1">
        <v>45072.765972222223</v>
      </c>
    </row>
    <row r="23" spans="1:7" x14ac:dyDescent="0.4">
      <c r="A23">
        <v>22</v>
      </c>
      <c r="B23">
        <v>11</v>
      </c>
      <c r="C23">
        <v>1</v>
      </c>
      <c r="D23" t="s">
        <v>17</v>
      </c>
      <c r="E23">
        <v>0</v>
      </c>
      <c r="F23">
        <v>0</v>
      </c>
      <c r="G23" s="1">
        <v>45072.765972222223</v>
      </c>
    </row>
    <row r="24" spans="1:7" x14ac:dyDescent="0.4">
      <c r="A24">
        <v>23</v>
      </c>
      <c r="B24">
        <v>12</v>
      </c>
      <c r="C24">
        <v>0</v>
      </c>
      <c r="D24" t="s">
        <v>18</v>
      </c>
      <c r="E24">
        <v>0</v>
      </c>
      <c r="F24">
        <v>0</v>
      </c>
      <c r="G24" s="1">
        <v>45072.765972222223</v>
      </c>
    </row>
    <row r="25" spans="1:7" x14ac:dyDescent="0.4">
      <c r="A25">
        <v>24</v>
      </c>
      <c r="B25">
        <v>12</v>
      </c>
      <c r="C25">
        <v>1</v>
      </c>
      <c r="D25" t="s">
        <v>18</v>
      </c>
      <c r="E25">
        <v>0</v>
      </c>
      <c r="F25">
        <v>0</v>
      </c>
      <c r="G25" s="1">
        <v>45072.765972222223</v>
      </c>
    </row>
    <row r="26" spans="1:7" x14ac:dyDescent="0.4">
      <c r="A26">
        <v>25</v>
      </c>
      <c r="B26">
        <v>13</v>
      </c>
      <c r="C26">
        <v>0</v>
      </c>
      <c r="D26" t="s">
        <v>19</v>
      </c>
      <c r="E26">
        <v>0</v>
      </c>
      <c r="F26">
        <v>0</v>
      </c>
      <c r="G26" s="1">
        <v>45072.765972222223</v>
      </c>
    </row>
    <row r="27" spans="1:7" x14ac:dyDescent="0.4">
      <c r="A27">
        <v>26</v>
      </c>
      <c r="B27">
        <v>13</v>
      </c>
      <c r="C27">
        <v>1</v>
      </c>
      <c r="D27" t="s">
        <v>19</v>
      </c>
      <c r="E27">
        <v>0</v>
      </c>
      <c r="F27">
        <v>0</v>
      </c>
      <c r="G27" s="1">
        <v>45072.765972222223</v>
      </c>
    </row>
    <row r="28" spans="1:7" x14ac:dyDescent="0.4">
      <c r="A28">
        <v>27</v>
      </c>
      <c r="B28">
        <v>14</v>
      </c>
      <c r="C28">
        <v>0</v>
      </c>
      <c r="D28" t="s">
        <v>20</v>
      </c>
      <c r="E28">
        <v>0</v>
      </c>
      <c r="F28">
        <v>0</v>
      </c>
      <c r="G28" s="1">
        <v>45072.765972222223</v>
      </c>
    </row>
    <row r="29" spans="1:7" x14ac:dyDescent="0.4">
      <c r="A29">
        <v>28</v>
      </c>
      <c r="B29">
        <v>14</v>
      </c>
      <c r="C29">
        <v>1</v>
      </c>
      <c r="D29" t="s">
        <v>20</v>
      </c>
      <c r="E29">
        <v>0</v>
      </c>
      <c r="F29">
        <v>0</v>
      </c>
      <c r="G29" s="1">
        <v>45072.765972222223</v>
      </c>
    </row>
    <row r="30" spans="1:7" x14ac:dyDescent="0.4">
      <c r="A30">
        <v>29</v>
      </c>
      <c r="B30">
        <v>15</v>
      </c>
      <c r="C30">
        <v>0</v>
      </c>
      <c r="D30" t="s">
        <v>21</v>
      </c>
      <c r="E30">
        <v>0</v>
      </c>
      <c r="F30">
        <v>0</v>
      </c>
      <c r="G30" s="1">
        <v>45072.765972222223</v>
      </c>
    </row>
    <row r="31" spans="1:7" x14ac:dyDescent="0.4">
      <c r="A31">
        <v>30</v>
      </c>
      <c r="B31">
        <v>15</v>
      </c>
      <c r="C31">
        <v>1</v>
      </c>
      <c r="D31" t="s">
        <v>21</v>
      </c>
      <c r="E31">
        <v>0</v>
      </c>
      <c r="F31">
        <v>0</v>
      </c>
      <c r="G31" s="1">
        <v>45072.765972222223</v>
      </c>
    </row>
    <row r="32" spans="1:7" x14ac:dyDescent="0.4">
      <c r="A32">
        <v>31</v>
      </c>
      <c r="B32">
        <v>16</v>
      </c>
      <c r="C32">
        <v>0</v>
      </c>
      <c r="D32" t="s">
        <v>22</v>
      </c>
      <c r="E32">
        <v>0</v>
      </c>
      <c r="F32">
        <v>0</v>
      </c>
      <c r="G32" s="1">
        <v>45072.765972222223</v>
      </c>
    </row>
    <row r="33" spans="1:7" x14ac:dyDescent="0.4">
      <c r="A33">
        <v>32</v>
      </c>
      <c r="B33">
        <v>16</v>
      </c>
      <c r="C33">
        <v>1</v>
      </c>
      <c r="D33" t="s">
        <v>22</v>
      </c>
      <c r="E33">
        <v>0</v>
      </c>
      <c r="F33">
        <v>0</v>
      </c>
      <c r="G33" s="1">
        <v>45072.765972222223</v>
      </c>
    </row>
    <row r="34" spans="1:7" x14ac:dyDescent="0.4">
      <c r="A34">
        <v>33</v>
      </c>
      <c r="B34">
        <v>17</v>
      </c>
      <c r="C34">
        <v>0</v>
      </c>
      <c r="D34" t="s">
        <v>23</v>
      </c>
      <c r="E34">
        <v>0</v>
      </c>
      <c r="F34">
        <v>0</v>
      </c>
      <c r="G34" s="1">
        <v>45072.765972222223</v>
      </c>
    </row>
    <row r="35" spans="1:7" x14ac:dyDescent="0.4">
      <c r="A35">
        <v>34</v>
      </c>
      <c r="B35">
        <v>17</v>
      </c>
      <c r="C35">
        <v>1</v>
      </c>
      <c r="D35" t="s">
        <v>23</v>
      </c>
      <c r="E35">
        <v>0</v>
      </c>
      <c r="F35">
        <v>0</v>
      </c>
      <c r="G35" s="1">
        <v>45072.765972222223</v>
      </c>
    </row>
    <row r="36" spans="1:7" x14ac:dyDescent="0.4">
      <c r="A36">
        <v>35</v>
      </c>
      <c r="B36">
        <v>18</v>
      </c>
      <c r="C36">
        <v>0</v>
      </c>
      <c r="D36" t="s">
        <v>24</v>
      </c>
      <c r="E36">
        <v>0</v>
      </c>
      <c r="F36">
        <v>0</v>
      </c>
      <c r="G36" s="1">
        <v>45072.765972222223</v>
      </c>
    </row>
    <row r="37" spans="1:7" x14ac:dyDescent="0.4">
      <c r="A37">
        <v>36</v>
      </c>
      <c r="B37">
        <v>18</v>
      </c>
      <c r="C37">
        <v>1</v>
      </c>
      <c r="D37" t="s">
        <v>24</v>
      </c>
      <c r="E37">
        <v>0</v>
      </c>
      <c r="F37">
        <v>0</v>
      </c>
      <c r="G37" s="1">
        <v>45072.765972222223</v>
      </c>
    </row>
    <row r="38" spans="1:7" x14ac:dyDescent="0.4">
      <c r="A38">
        <v>37</v>
      </c>
      <c r="B38">
        <v>19</v>
      </c>
      <c r="C38">
        <v>0</v>
      </c>
      <c r="D38" t="s">
        <v>25</v>
      </c>
      <c r="E38">
        <v>0</v>
      </c>
      <c r="F38">
        <v>0</v>
      </c>
      <c r="G38" s="1">
        <v>45072.765972222223</v>
      </c>
    </row>
    <row r="39" spans="1:7" x14ac:dyDescent="0.4">
      <c r="A39">
        <v>38</v>
      </c>
      <c r="B39">
        <v>19</v>
      </c>
      <c r="C39">
        <v>1</v>
      </c>
      <c r="D39" t="s">
        <v>25</v>
      </c>
      <c r="E39">
        <v>0</v>
      </c>
      <c r="F39">
        <v>0</v>
      </c>
      <c r="G39" s="1">
        <v>45072.765972222223</v>
      </c>
    </row>
    <row r="40" spans="1:7" x14ac:dyDescent="0.4">
      <c r="A40">
        <v>39</v>
      </c>
      <c r="B40">
        <v>20</v>
      </c>
      <c r="C40">
        <v>0</v>
      </c>
      <c r="D40" t="s">
        <v>26</v>
      </c>
      <c r="E40">
        <v>0</v>
      </c>
      <c r="F40">
        <v>0</v>
      </c>
      <c r="G40" s="1">
        <v>45072.765972222223</v>
      </c>
    </row>
    <row r="41" spans="1:7" x14ac:dyDescent="0.4">
      <c r="A41">
        <v>40</v>
      </c>
      <c r="B41">
        <v>20</v>
      </c>
      <c r="C41">
        <v>1</v>
      </c>
      <c r="D41" t="s">
        <v>26</v>
      </c>
      <c r="E41">
        <v>0</v>
      </c>
      <c r="F41">
        <v>0</v>
      </c>
      <c r="G41" s="1">
        <v>45072.765972222223</v>
      </c>
    </row>
    <row r="42" spans="1:7" x14ac:dyDescent="0.4">
      <c r="A42">
        <v>41</v>
      </c>
      <c r="B42">
        <v>21</v>
      </c>
      <c r="C42">
        <v>0</v>
      </c>
      <c r="D42" t="s">
        <v>27</v>
      </c>
      <c r="E42">
        <v>0</v>
      </c>
      <c r="F42">
        <v>1</v>
      </c>
      <c r="G42" s="1">
        <v>45072.765972222223</v>
      </c>
    </row>
    <row r="43" spans="1:7" x14ac:dyDescent="0.4">
      <c r="A43">
        <v>42</v>
      </c>
      <c r="B43">
        <v>21</v>
      </c>
      <c r="C43">
        <v>1</v>
      </c>
      <c r="E43">
        <v>0</v>
      </c>
      <c r="F43">
        <v>1</v>
      </c>
      <c r="G43" s="1">
        <v>45072.765972222223</v>
      </c>
    </row>
    <row r="44" spans="1:7" x14ac:dyDescent="0.4">
      <c r="A44">
        <v>43</v>
      </c>
      <c r="B44">
        <v>22</v>
      </c>
      <c r="C44">
        <v>0</v>
      </c>
      <c r="D44" t="s">
        <v>28</v>
      </c>
      <c r="E44">
        <v>0</v>
      </c>
      <c r="F44">
        <v>1</v>
      </c>
      <c r="G44" s="1">
        <v>45072.765972222223</v>
      </c>
    </row>
    <row r="45" spans="1:7" x14ac:dyDescent="0.4">
      <c r="A45">
        <v>44</v>
      </c>
      <c r="B45">
        <v>22</v>
      </c>
      <c r="C45">
        <v>1</v>
      </c>
      <c r="E45">
        <v>0</v>
      </c>
      <c r="F45">
        <v>1</v>
      </c>
      <c r="G45" s="1">
        <v>45072.765972222223</v>
      </c>
    </row>
    <row r="46" spans="1:7" x14ac:dyDescent="0.4">
      <c r="A46">
        <v>45</v>
      </c>
      <c r="B46">
        <v>23</v>
      </c>
      <c r="C46">
        <v>0</v>
      </c>
      <c r="D46" t="s">
        <v>29</v>
      </c>
      <c r="E46">
        <v>0</v>
      </c>
      <c r="F46">
        <v>1</v>
      </c>
      <c r="G46" s="1">
        <v>45072.765972222223</v>
      </c>
    </row>
    <row r="47" spans="1:7" x14ac:dyDescent="0.4">
      <c r="A47">
        <v>46</v>
      </c>
      <c r="B47">
        <v>23</v>
      </c>
      <c r="C47">
        <v>1</v>
      </c>
      <c r="E47">
        <v>0</v>
      </c>
      <c r="F47">
        <v>1</v>
      </c>
      <c r="G47" s="1">
        <v>45072.765972222223</v>
      </c>
    </row>
    <row r="48" spans="1:7" x14ac:dyDescent="0.4">
      <c r="A48">
        <v>47</v>
      </c>
      <c r="B48">
        <v>24</v>
      </c>
      <c r="C48">
        <v>0</v>
      </c>
      <c r="D48" t="s">
        <v>30</v>
      </c>
      <c r="E48">
        <v>0</v>
      </c>
      <c r="F48">
        <v>1</v>
      </c>
      <c r="G48" s="1">
        <v>45072.765972222223</v>
      </c>
    </row>
    <row r="49" spans="1:7" x14ac:dyDescent="0.4">
      <c r="A49">
        <v>48</v>
      </c>
      <c r="B49">
        <v>24</v>
      </c>
      <c r="C49">
        <v>1</v>
      </c>
      <c r="E49">
        <v>0</v>
      </c>
      <c r="F49">
        <v>1</v>
      </c>
      <c r="G49" s="1">
        <v>45072.765972222223</v>
      </c>
    </row>
    <row r="50" spans="1:7" x14ac:dyDescent="0.4">
      <c r="A50">
        <v>49</v>
      </c>
      <c r="B50">
        <v>25</v>
      </c>
      <c r="C50">
        <v>0</v>
      </c>
      <c r="D50" t="s">
        <v>31</v>
      </c>
      <c r="E50">
        <v>0</v>
      </c>
      <c r="F50">
        <v>1</v>
      </c>
      <c r="G50" s="1">
        <v>45072.765972222223</v>
      </c>
    </row>
    <row r="51" spans="1:7" x14ac:dyDescent="0.4">
      <c r="A51">
        <v>50</v>
      </c>
      <c r="B51">
        <v>25</v>
      </c>
      <c r="C51">
        <v>1</v>
      </c>
      <c r="E51">
        <v>0</v>
      </c>
      <c r="F51">
        <v>1</v>
      </c>
      <c r="G51" s="1">
        <v>45072.765972222223</v>
      </c>
    </row>
    <row r="52" spans="1:7" x14ac:dyDescent="0.4">
      <c r="A52">
        <v>51</v>
      </c>
      <c r="B52">
        <v>26</v>
      </c>
      <c r="C52">
        <v>0</v>
      </c>
      <c r="D52" t="s">
        <v>32</v>
      </c>
      <c r="E52">
        <v>0</v>
      </c>
      <c r="F52">
        <v>1</v>
      </c>
      <c r="G52" s="1">
        <v>45072.765972222223</v>
      </c>
    </row>
    <row r="53" spans="1:7" x14ac:dyDescent="0.4">
      <c r="A53">
        <v>52</v>
      </c>
      <c r="B53">
        <v>26</v>
      </c>
      <c r="C53">
        <v>1</v>
      </c>
      <c r="E53">
        <v>0</v>
      </c>
      <c r="F53">
        <v>1</v>
      </c>
      <c r="G53" s="1">
        <v>45072.765972222223</v>
      </c>
    </row>
    <row r="54" spans="1:7" x14ac:dyDescent="0.4">
      <c r="A54">
        <v>53</v>
      </c>
      <c r="B54">
        <v>27</v>
      </c>
      <c r="C54">
        <v>0</v>
      </c>
      <c r="D54" t="s">
        <v>33</v>
      </c>
      <c r="E54">
        <v>0</v>
      </c>
      <c r="F54">
        <v>1</v>
      </c>
      <c r="G54" s="1">
        <v>45072.765972222223</v>
      </c>
    </row>
    <row r="55" spans="1:7" x14ac:dyDescent="0.4">
      <c r="A55">
        <v>54</v>
      </c>
      <c r="B55">
        <v>27</v>
      </c>
      <c r="C55">
        <v>1</v>
      </c>
      <c r="E55">
        <v>0</v>
      </c>
      <c r="F55">
        <v>1</v>
      </c>
      <c r="G55" s="1">
        <v>45072.765972222223</v>
      </c>
    </row>
    <row r="56" spans="1:7" x14ac:dyDescent="0.4">
      <c r="A56">
        <v>55</v>
      </c>
      <c r="B56">
        <v>28</v>
      </c>
      <c r="C56">
        <v>0</v>
      </c>
      <c r="D56" t="s">
        <v>34</v>
      </c>
      <c r="E56">
        <v>0</v>
      </c>
      <c r="F56">
        <v>1</v>
      </c>
      <c r="G56" s="1">
        <v>45072.765972222223</v>
      </c>
    </row>
    <row r="57" spans="1:7" x14ac:dyDescent="0.4">
      <c r="A57">
        <v>56</v>
      </c>
      <c r="B57">
        <v>28</v>
      </c>
      <c r="C57">
        <v>1</v>
      </c>
      <c r="E57">
        <v>0</v>
      </c>
      <c r="F57">
        <v>1</v>
      </c>
      <c r="G57" s="1">
        <v>45072.765972222223</v>
      </c>
    </row>
    <row r="58" spans="1:7" x14ac:dyDescent="0.4">
      <c r="A58">
        <v>57</v>
      </c>
      <c r="B58">
        <v>29</v>
      </c>
      <c r="C58">
        <v>0</v>
      </c>
      <c r="D58" t="s">
        <v>35</v>
      </c>
      <c r="E58">
        <v>0</v>
      </c>
      <c r="F58">
        <v>1</v>
      </c>
      <c r="G58" s="1">
        <v>45072.765972222223</v>
      </c>
    </row>
    <row r="59" spans="1:7" x14ac:dyDescent="0.4">
      <c r="A59">
        <v>58</v>
      </c>
      <c r="B59">
        <v>29</v>
      </c>
      <c r="C59">
        <v>1</v>
      </c>
      <c r="E59">
        <v>0</v>
      </c>
      <c r="F59">
        <v>1</v>
      </c>
      <c r="G59" s="1">
        <v>45072.765972222223</v>
      </c>
    </row>
    <row r="60" spans="1:7" x14ac:dyDescent="0.4">
      <c r="A60">
        <v>59</v>
      </c>
      <c r="B60">
        <v>30</v>
      </c>
      <c r="C60">
        <v>0</v>
      </c>
      <c r="D60" t="s">
        <v>36</v>
      </c>
      <c r="E60">
        <v>0</v>
      </c>
      <c r="F60">
        <v>1</v>
      </c>
      <c r="G60" s="1">
        <v>45072.765972222223</v>
      </c>
    </row>
    <row r="61" spans="1:7" x14ac:dyDescent="0.4">
      <c r="A61">
        <v>60</v>
      </c>
      <c r="B61">
        <v>30</v>
      </c>
      <c r="C61">
        <v>1</v>
      </c>
      <c r="E61">
        <v>0</v>
      </c>
      <c r="F61">
        <v>1</v>
      </c>
      <c r="G61" s="1">
        <v>45072.765972222223</v>
      </c>
    </row>
    <row r="62" spans="1:7" x14ac:dyDescent="0.4">
      <c r="A62">
        <v>61</v>
      </c>
      <c r="B62">
        <v>31</v>
      </c>
      <c r="C62">
        <v>0</v>
      </c>
      <c r="D62" t="s">
        <v>37</v>
      </c>
      <c r="E62">
        <v>0</v>
      </c>
      <c r="F62">
        <v>1</v>
      </c>
      <c r="G62" s="1">
        <v>45072.765972222223</v>
      </c>
    </row>
    <row r="63" spans="1:7" x14ac:dyDescent="0.4">
      <c r="A63">
        <v>62</v>
      </c>
      <c r="B63">
        <v>31</v>
      </c>
      <c r="C63">
        <v>1</v>
      </c>
      <c r="E63">
        <v>0</v>
      </c>
      <c r="F63">
        <v>1</v>
      </c>
      <c r="G63" s="1">
        <v>45072.765972222223</v>
      </c>
    </row>
    <row r="64" spans="1:7" x14ac:dyDescent="0.4">
      <c r="A64">
        <v>63</v>
      </c>
      <c r="B64">
        <v>32</v>
      </c>
      <c r="C64">
        <v>0</v>
      </c>
      <c r="D64" t="s">
        <v>38</v>
      </c>
      <c r="E64">
        <v>0</v>
      </c>
      <c r="F64">
        <v>1</v>
      </c>
      <c r="G64" s="1">
        <v>45072.765972222223</v>
      </c>
    </row>
    <row r="65" spans="1:7" x14ac:dyDescent="0.4">
      <c r="A65">
        <v>64</v>
      </c>
      <c r="B65">
        <v>32</v>
      </c>
      <c r="C65">
        <v>1</v>
      </c>
      <c r="E65">
        <v>0</v>
      </c>
      <c r="F65">
        <v>1</v>
      </c>
      <c r="G65" s="1">
        <v>45072.765972222223</v>
      </c>
    </row>
    <row r="66" spans="1:7" x14ac:dyDescent="0.4">
      <c r="A66">
        <v>65</v>
      </c>
      <c r="B66">
        <v>33</v>
      </c>
      <c r="C66">
        <v>0</v>
      </c>
      <c r="D66" t="s">
        <v>39</v>
      </c>
      <c r="E66">
        <v>0</v>
      </c>
      <c r="F66">
        <v>1</v>
      </c>
      <c r="G66" s="1">
        <v>45072.765972222223</v>
      </c>
    </row>
    <row r="67" spans="1:7" x14ac:dyDescent="0.4">
      <c r="A67">
        <v>66</v>
      </c>
      <c r="B67">
        <v>33</v>
      </c>
      <c r="C67">
        <v>1</v>
      </c>
      <c r="E67">
        <v>0</v>
      </c>
      <c r="F67">
        <v>1</v>
      </c>
      <c r="G67" s="1">
        <v>45072.765972222223</v>
      </c>
    </row>
    <row r="68" spans="1:7" x14ac:dyDescent="0.4">
      <c r="A68">
        <v>67</v>
      </c>
      <c r="B68">
        <v>34</v>
      </c>
      <c r="C68">
        <v>0</v>
      </c>
      <c r="D68" t="s">
        <v>40</v>
      </c>
      <c r="E68">
        <v>0</v>
      </c>
      <c r="F68">
        <v>1</v>
      </c>
      <c r="G68" s="1">
        <v>45072.765972222223</v>
      </c>
    </row>
    <row r="69" spans="1:7" x14ac:dyDescent="0.4">
      <c r="A69">
        <v>68</v>
      </c>
      <c r="B69">
        <v>34</v>
      </c>
      <c r="C69">
        <v>1</v>
      </c>
      <c r="E69">
        <v>0</v>
      </c>
      <c r="F69">
        <v>1</v>
      </c>
      <c r="G69" s="1">
        <v>45072.765972222223</v>
      </c>
    </row>
    <row r="70" spans="1:7" x14ac:dyDescent="0.4">
      <c r="A70">
        <v>69</v>
      </c>
      <c r="B70">
        <v>35</v>
      </c>
      <c r="C70">
        <v>0</v>
      </c>
      <c r="D70" t="s">
        <v>41</v>
      </c>
      <c r="E70">
        <v>0</v>
      </c>
      <c r="F70">
        <v>1</v>
      </c>
      <c r="G70" s="1">
        <v>45072.765972222223</v>
      </c>
    </row>
    <row r="71" spans="1:7" x14ac:dyDescent="0.4">
      <c r="A71">
        <v>70</v>
      </c>
      <c r="B71">
        <v>35</v>
      </c>
      <c r="C71">
        <v>1</v>
      </c>
      <c r="E71">
        <v>0</v>
      </c>
      <c r="F71">
        <v>1</v>
      </c>
      <c r="G71" s="1">
        <v>45072.765972222223</v>
      </c>
    </row>
    <row r="72" spans="1:7" x14ac:dyDescent="0.4">
      <c r="A72">
        <v>71</v>
      </c>
      <c r="B72">
        <v>36</v>
      </c>
      <c r="C72">
        <v>0</v>
      </c>
      <c r="D72" t="s">
        <v>42</v>
      </c>
      <c r="E72">
        <v>0</v>
      </c>
      <c r="F72">
        <v>1</v>
      </c>
      <c r="G72" s="1">
        <v>45072.765972222223</v>
      </c>
    </row>
    <row r="73" spans="1:7" x14ac:dyDescent="0.4">
      <c r="A73">
        <v>72</v>
      </c>
      <c r="B73">
        <v>36</v>
      </c>
      <c r="C73">
        <v>1</v>
      </c>
      <c r="E73">
        <v>0</v>
      </c>
      <c r="F73">
        <v>1</v>
      </c>
      <c r="G73" s="1">
        <v>45072.765972222223</v>
      </c>
    </row>
    <row r="74" spans="1:7" x14ac:dyDescent="0.4">
      <c r="A74">
        <v>73</v>
      </c>
      <c r="B74">
        <v>37</v>
      </c>
      <c r="C74">
        <v>0</v>
      </c>
      <c r="D74" t="s">
        <v>43</v>
      </c>
      <c r="E74">
        <v>0</v>
      </c>
      <c r="F74">
        <v>1</v>
      </c>
      <c r="G74" s="1">
        <v>45072.765972222223</v>
      </c>
    </row>
    <row r="75" spans="1:7" x14ac:dyDescent="0.4">
      <c r="A75">
        <v>74</v>
      </c>
      <c r="B75">
        <v>37</v>
      </c>
      <c r="C75">
        <v>1</v>
      </c>
      <c r="E75">
        <v>0</v>
      </c>
      <c r="F75">
        <v>1</v>
      </c>
      <c r="G75" s="1">
        <v>45072.765972222223</v>
      </c>
    </row>
    <row r="76" spans="1:7" x14ac:dyDescent="0.4">
      <c r="A76">
        <v>75</v>
      </c>
      <c r="B76">
        <v>38</v>
      </c>
      <c r="C76">
        <v>0</v>
      </c>
      <c r="D76" t="s">
        <v>44</v>
      </c>
      <c r="E76">
        <v>0</v>
      </c>
      <c r="F76">
        <v>1</v>
      </c>
      <c r="G76" s="1">
        <v>45072.765972222223</v>
      </c>
    </row>
    <row r="77" spans="1:7" x14ac:dyDescent="0.4">
      <c r="A77">
        <v>76</v>
      </c>
      <c r="B77">
        <v>38</v>
      </c>
      <c r="C77">
        <v>1</v>
      </c>
      <c r="E77">
        <v>0</v>
      </c>
      <c r="F77">
        <v>1</v>
      </c>
      <c r="G77" s="1">
        <v>45072.765972222223</v>
      </c>
    </row>
    <row r="78" spans="1:7" x14ac:dyDescent="0.4">
      <c r="A78">
        <v>77</v>
      </c>
      <c r="B78">
        <v>39</v>
      </c>
      <c r="C78">
        <v>0</v>
      </c>
      <c r="D78" t="s">
        <v>7</v>
      </c>
      <c r="E78">
        <v>0</v>
      </c>
      <c r="F78">
        <v>1</v>
      </c>
      <c r="G78" s="1">
        <v>45072.765972222223</v>
      </c>
    </row>
    <row r="79" spans="1:7" x14ac:dyDescent="0.4">
      <c r="A79">
        <v>78</v>
      </c>
      <c r="B79">
        <v>39</v>
      </c>
      <c r="C79">
        <v>1</v>
      </c>
      <c r="E79">
        <v>0</v>
      </c>
      <c r="F79">
        <v>1</v>
      </c>
      <c r="G79" s="1">
        <v>45072.765972222223</v>
      </c>
    </row>
    <row r="80" spans="1:7" x14ac:dyDescent="0.4">
      <c r="A80" t="s">
        <v>0</v>
      </c>
      <c r="B80" t="s">
        <v>1</v>
      </c>
      <c r="C80" t="s">
        <v>2</v>
      </c>
      <c r="D80" t="s">
        <v>5</v>
      </c>
    </row>
    <row r="81" spans="1:17" x14ac:dyDescent="0.4">
      <c r="A81" t="s">
        <v>0</v>
      </c>
      <c r="B81" t="s">
        <v>45</v>
      </c>
      <c r="C81" t="s">
        <v>46</v>
      </c>
      <c r="D81" t="s">
        <v>47</v>
      </c>
      <c r="E81" t="s">
        <v>48</v>
      </c>
      <c r="F81" t="s">
        <v>49</v>
      </c>
      <c r="G81" t="s">
        <v>50</v>
      </c>
      <c r="H81" t="s">
        <v>51</v>
      </c>
      <c r="I81" t="s">
        <v>52</v>
      </c>
      <c r="J81" t="s">
        <v>6</v>
      </c>
    </row>
    <row r="82" spans="1:17" x14ac:dyDescent="0.4">
      <c r="A82" t="s">
        <v>0</v>
      </c>
      <c r="B82" t="s">
        <v>45</v>
      </c>
      <c r="C82" t="s">
        <v>46</v>
      </c>
      <c r="D82" t="s">
        <v>47</v>
      </c>
      <c r="E82" t="s">
        <v>48</v>
      </c>
      <c r="F82" t="s">
        <v>49</v>
      </c>
      <c r="G82" t="s">
        <v>50</v>
      </c>
      <c r="H82" t="s">
        <v>51</v>
      </c>
      <c r="I82" t="s">
        <v>52</v>
      </c>
      <c r="J82" t="s">
        <v>6</v>
      </c>
    </row>
    <row r="83" spans="1:17" x14ac:dyDescent="0.4">
      <c r="A83">
        <v>1</v>
      </c>
      <c r="C83">
        <v>15</v>
      </c>
      <c r="D83">
        <v>880</v>
      </c>
      <c r="E83">
        <v>0</v>
      </c>
      <c r="F83">
        <v>2</v>
      </c>
      <c r="G83" t="s">
        <v>53</v>
      </c>
      <c r="H83" t="s">
        <v>54</v>
      </c>
      <c r="I83" t="s">
        <v>55</v>
      </c>
      <c r="J83" s="1">
        <v>45083.566793981481</v>
      </c>
    </row>
    <row r="84" spans="1:17" x14ac:dyDescent="0.4">
      <c r="A84">
        <v>2</v>
      </c>
      <c r="C84">
        <v>14</v>
      </c>
      <c r="D84">
        <v>0</v>
      </c>
      <c r="E84">
        <v>0</v>
      </c>
      <c r="F84">
        <v>0</v>
      </c>
      <c r="J84" s="1">
        <v>45085.530011574076</v>
      </c>
    </row>
    <row r="85" spans="1:17" x14ac:dyDescent="0.4">
      <c r="A85">
        <v>3</v>
      </c>
      <c r="B85">
        <v>2743283133</v>
      </c>
      <c r="C85">
        <v>51</v>
      </c>
      <c r="D85">
        <v>14009</v>
      </c>
      <c r="E85">
        <v>1980</v>
      </c>
      <c r="F85">
        <v>14</v>
      </c>
      <c r="G85" t="s">
        <v>56</v>
      </c>
      <c r="H85" t="s">
        <v>57</v>
      </c>
      <c r="I85" t="s">
        <v>58</v>
      </c>
      <c r="J85" s="1">
        <v>45086.85324074074</v>
      </c>
    </row>
    <row r="86" spans="1:17" x14ac:dyDescent="0.4">
      <c r="A86">
        <v>4</v>
      </c>
      <c r="B86" t="s">
        <v>59</v>
      </c>
      <c r="C86">
        <v>1</v>
      </c>
      <c r="D86">
        <v>11935</v>
      </c>
      <c r="E86">
        <v>1320</v>
      </c>
      <c r="F86">
        <v>13</v>
      </c>
      <c r="G86" t="s">
        <v>60</v>
      </c>
      <c r="H86" t="s">
        <v>61</v>
      </c>
      <c r="I86" t="s">
        <v>62</v>
      </c>
      <c r="J86" s="1">
        <v>45086.855567129627</v>
      </c>
    </row>
    <row r="87" spans="1:17" x14ac:dyDescent="0.4">
      <c r="A87">
        <v>5</v>
      </c>
      <c r="B87" t="s">
        <v>63</v>
      </c>
      <c r="C87">
        <v>5</v>
      </c>
      <c r="D87">
        <v>6440</v>
      </c>
      <c r="E87">
        <v>0</v>
      </c>
      <c r="F87">
        <v>5</v>
      </c>
      <c r="G87" t="s">
        <v>64</v>
      </c>
      <c r="H87" t="s">
        <v>65</v>
      </c>
      <c r="I87" t="s">
        <v>66</v>
      </c>
      <c r="J87" s="1">
        <v>45087.562754629631</v>
      </c>
    </row>
    <row r="88" spans="1:17" x14ac:dyDescent="0.4">
      <c r="A88">
        <v>6</v>
      </c>
      <c r="B88" t="s">
        <v>67</v>
      </c>
      <c r="C88">
        <v>6</v>
      </c>
      <c r="D88">
        <v>2519</v>
      </c>
      <c r="E88">
        <v>0</v>
      </c>
      <c r="F88">
        <v>3</v>
      </c>
      <c r="G88" t="s">
        <v>68</v>
      </c>
      <c r="H88" t="s">
        <v>69</v>
      </c>
      <c r="I88" t="s">
        <v>70</v>
      </c>
      <c r="J88" s="1">
        <v>45087.863078703704</v>
      </c>
    </row>
    <row r="89" spans="1:17" x14ac:dyDescent="0.4">
      <c r="A89">
        <v>7</v>
      </c>
      <c r="B89" t="s">
        <v>71</v>
      </c>
      <c r="C89">
        <v>51</v>
      </c>
      <c r="D89">
        <v>1760</v>
      </c>
      <c r="E89">
        <v>660</v>
      </c>
      <c r="F89">
        <v>2</v>
      </c>
      <c r="G89" t="s">
        <v>72</v>
      </c>
      <c r="H89" t="s">
        <v>54</v>
      </c>
      <c r="I89" t="s">
        <v>73</v>
      </c>
      <c r="J89" s="1">
        <v>45088.807881944442</v>
      </c>
    </row>
    <row r="90" spans="1:17" x14ac:dyDescent="0.4">
      <c r="A90" t="s">
        <v>0</v>
      </c>
      <c r="B90" t="s">
        <v>45</v>
      </c>
      <c r="C90" t="s">
        <v>46</v>
      </c>
      <c r="D90" t="s">
        <v>50</v>
      </c>
      <c r="E90" t="s">
        <v>74</v>
      </c>
      <c r="F90" t="s">
        <v>51</v>
      </c>
      <c r="G90" t="s">
        <v>75</v>
      </c>
      <c r="H90" t="s">
        <v>76</v>
      </c>
      <c r="I90" t="s">
        <v>77</v>
      </c>
      <c r="J90" t="s">
        <v>78</v>
      </c>
      <c r="K90" t="s">
        <v>79</v>
      </c>
      <c r="L90" t="s">
        <v>80</v>
      </c>
      <c r="M90" t="s">
        <v>81</v>
      </c>
      <c r="N90" t="s">
        <v>82</v>
      </c>
      <c r="O90" t="s">
        <v>83</v>
      </c>
      <c r="P90" t="s">
        <v>84</v>
      </c>
      <c r="Q90" t="s">
        <v>85</v>
      </c>
    </row>
    <row r="91" spans="1:17" x14ac:dyDescent="0.4">
      <c r="A91" t="s">
        <v>0</v>
      </c>
      <c r="B91" t="s">
        <v>45</v>
      </c>
      <c r="C91" t="s">
        <v>46</v>
      </c>
      <c r="D91" t="s">
        <v>50</v>
      </c>
      <c r="E91" t="s">
        <v>74</v>
      </c>
      <c r="F91" t="s">
        <v>51</v>
      </c>
      <c r="G91" t="s">
        <v>75</v>
      </c>
      <c r="H91" t="s">
        <v>76</v>
      </c>
      <c r="I91" t="s">
        <v>77</v>
      </c>
      <c r="J91" t="s">
        <v>78</v>
      </c>
      <c r="K91" t="s">
        <v>79</v>
      </c>
      <c r="L91" t="s">
        <v>80</v>
      </c>
      <c r="M91" t="s">
        <v>81</v>
      </c>
      <c r="N91" t="s">
        <v>82</v>
      </c>
      <c r="O91" t="s">
        <v>83</v>
      </c>
      <c r="P91" t="s">
        <v>84</v>
      </c>
      <c r="Q91" t="s">
        <v>85</v>
      </c>
    </row>
    <row r="92" spans="1:17" x14ac:dyDescent="0.4">
      <c r="A92">
        <v>1</v>
      </c>
      <c r="B92" t="s">
        <v>86</v>
      </c>
      <c r="C92">
        <v>5</v>
      </c>
      <c r="D92">
        <v>91</v>
      </c>
      <c r="E92" t="s">
        <v>87</v>
      </c>
      <c r="F92">
        <v>1</v>
      </c>
      <c r="G92">
        <v>495</v>
      </c>
      <c r="H92">
        <v>0</v>
      </c>
      <c r="I92" s="1">
        <v>45078.72047453704</v>
      </c>
      <c r="J92">
        <v>0</v>
      </c>
      <c r="K92" t="s">
        <v>88</v>
      </c>
      <c r="L92">
        <v>0</v>
      </c>
      <c r="M92">
        <v>0</v>
      </c>
      <c r="N92">
        <v>0</v>
      </c>
      <c r="O92">
        <v>0</v>
      </c>
      <c r="P92">
        <v>12000000</v>
      </c>
      <c r="Q92">
        <v>0</v>
      </c>
    </row>
    <row r="93" spans="1:17" x14ac:dyDescent="0.4">
      <c r="A93">
        <v>2</v>
      </c>
      <c r="B93" t="s">
        <v>89</v>
      </c>
      <c r="C93">
        <v>6</v>
      </c>
      <c r="D93">
        <v>161</v>
      </c>
      <c r="E93" t="s">
        <v>90</v>
      </c>
      <c r="F93">
        <v>1</v>
      </c>
      <c r="G93">
        <v>593</v>
      </c>
      <c r="H93">
        <v>0</v>
      </c>
      <c r="I93" s="1">
        <v>45080.419398148151</v>
      </c>
      <c r="J93">
        <v>0</v>
      </c>
      <c r="K93" t="s">
        <v>88</v>
      </c>
      <c r="L93">
        <v>0</v>
      </c>
      <c r="M93">
        <v>0</v>
      </c>
      <c r="N93">
        <v>0</v>
      </c>
      <c r="O93">
        <v>0</v>
      </c>
      <c r="P93">
        <v>12000000</v>
      </c>
      <c r="Q93">
        <v>0</v>
      </c>
    </row>
    <row r="94" spans="1:17" x14ac:dyDescent="0.4">
      <c r="A94">
        <v>3</v>
      </c>
      <c r="B94" t="s">
        <v>91</v>
      </c>
      <c r="C94">
        <v>7</v>
      </c>
      <c r="D94">
        <v>51</v>
      </c>
      <c r="E94" t="s">
        <v>92</v>
      </c>
      <c r="F94">
        <v>1</v>
      </c>
      <c r="G94">
        <v>526</v>
      </c>
      <c r="H94">
        <v>0</v>
      </c>
      <c r="I94" s="1">
        <v>45080.556111111109</v>
      </c>
      <c r="J94">
        <v>0</v>
      </c>
      <c r="K94" t="s">
        <v>88</v>
      </c>
      <c r="L94">
        <v>0</v>
      </c>
      <c r="M94">
        <v>0</v>
      </c>
      <c r="N94">
        <v>0</v>
      </c>
      <c r="O94">
        <v>0</v>
      </c>
      <c r="P94">
        <v>12000000</v>
      </c>
      <c r="Q94">
        <v>0</v>
      </c>
    </row>
    <row r="95" spans="1:17" x14ac:dyDescent="0.4">
      <c r="A95" t="s">
        <v>0</v>
      </c>
      <c r="B95" t="s">
        <v>45</v>
      </c>
      <c r="C95" t="s">
        <v>46</v>
      </c>
      <c r="D95" t="s">
        <v>93</v>
      </c>
      <c r="E95" t="s">
        <v>94</v>
      </c>
      <c r="F95" t="s">
        <v>95</v>
      </c>
      <c r="G95" t="s">
        <v>96</v>
      </c>
      <c r="H95" t="s">
        <v>97</v>
      </c>
      <c r="I95" t="s">
        <v>98</v>
      </c>
      <c r="J95" t="s">
        <v>99</v>
      </c>
      <c r="K95" t="s">
        <v>100</v>
      </c>
      <c r="L95" t="s">
        <v>101</v>
      </c>
      <c r="M95" t="s">
        <v>102</v>
      </c>
      <c r="N95" t="s">
        <v>6</v>
      </c>
    </row>
    <row r="96" spans="1:17" x14ac:dyDescent="0.4">
      <c r="A96">
        <v>2</v>
      </c>
      <c r="B96" t="s">
        <v>103</v>
      </c>
      <c r="C96">
        <v>14</v>
      </c>
      <c r="D96">
        <v>2</v>
      </c>
      <c r="E96">
        <v>290</v>
      </c>
      <c r="F96">
        <v>1071</v>
      </c>
      <c r="G96">
        <v>2</v>
      </c>
      <c r="H96">
        <v>0</v>
      </c>
      <c r="I96">
        <v>0</v>
      </c>
      <c r="J96">
        <v>0</v>
      </c>
      <c r="K96">
        <v>0</v>
      </c>
      <c r="L96">
        <v>0</v>
      </c>
      <c r="M96" t="s">
        <v>88</v>
      </c>
      <c r="N96" s="1">
        <v>45089.50675925926</v>
      </c>
    </row>
    <row r="97" spans="1:14" x14ac:dyDescent="0.4">
      <c r="A97">
        <v>3</v>
      </c>
      <c r="B97" t="s">
        <v>104</v>
      </c>
      <c r="C97">
        <v>10</v>
      </c>
      <c r="D97">
        <v>2</v>
      </c>
      <c r="E97">
        <v>285</v>
      </c>
      <c r="F97">
        <v>1066</v>
      </c>
      <c r="G97">
        <v>1</v>
      </c>
      <c r="H97">
        <v>0</v>
      </c>
      <c r="I97">
        <v>0</v>
      </c>
      <c r="J97">
        <v>0</v>
      </c>
      <c r="K97">
        <v>1</v>
      </c>
      <c r="L97">
        <v>0</v>
      </c>
      <c r="M97" t="s">
        <v>88</v>
      </c>
      <c r="N97" s="1">
        <v>45089.530694444446</v>
      </c>
    </row>
    <row r="98" spans="1:14" x14ac:dyDescent="0.4">
      <c r="A98">
        <v>5</v>
      </c>
      <c r="B98" t="s">
        <v>105</v>
      </c>
      <c r="C98">
        <v>21</v>
      </c>
      <c r="D98">
        <v>2</v>
      </c>
      <c r="E98">
        <v>111</v>
      </c>
      <c r="F98">
        <v>1011</v>
      </c>
      <c r="G98">
        <v>1</v>
      </c>
      <c r="H98">
        <v>0</v>
      </c>
      <c r="I98">
        <v>0</v>
      </c>
      <c r="J98">
        <v>0</v>
      </c>
      <c r="K98">
        <v>1</v>
      </c>
      <c r="L98">
        <v>0</v>
      </c>
      <c r="M98" t="s">
        <v>88</v>
      </c>
      <c r="N98" s="1">
        <v>45089.617152777777</v>
      </c>
    </row>
    <row r="99" spans="1:14" x14ac:dyDescent="0.4">
      <c r="A99">
        <v>6</v>
      </c>
      <c r="B99">
        <v>2744946376</v>
      </c>
      <c r="C99">
        <v>22</v>
      </c>
      <c r="D99">
        <v>2</v>
      </c>
      <c r="E99">
        <v>409</v>
      </c>
      <c r="F99">
        <v>1010</v>
      </c>
      <c r="G99">
        <v>1</v>
      </c>
      <c r="H99">
        <v>0</v>
      </c>
      <c r="I99">
        <v>0</v>
      </c>
      <c r="J99">
        <v>0</v>
      </c>
      <c r="K99">
        <v>1</v>
      </c>
      <c r="L99">
        <v>0</v>
      </c>
      <c r="M99" t="s">
        <v>88</v>
      </c>
      <c r="N99" s="1">
        <v>45089.576365740744</v>
      </c>
    </row>
    <row r="100" spans="1:14" x14ac:dyDescent="0.4">
      <c r="A100">
        <v>7</v>
      </c>
      <c r="B100" t="s">
        <v>106</v>
      </c>
      <c r="C100">
        <v>15</v>
      </c>
      <c r="D100">
        <v>2</v>
      </c>
      <c r="E100">
        <v>227</v>
      </c>
      <c r="F100">
        <v>1007</v>
      </c>
      <c r="G100">
        <v>1</v>
      </c>
      <c r="H100">
        <v>0</v>
      </c>
      <c r="I100">
        <v>0</v>
      </c>
      <c r="J100">
        <v>0</v>
      </c>
      <c r="K100">
        <v>1</v>
      </c>
      <c r="L100">
        <v>0</v>
      </c>
      <c r="M100" t="s">
        <v>88</v>
      </c>
      <c r="N100" s="1">
        <v>45089.596331018518</v>
      </c>
    </row>
    <row r="101" spans="1:14" x14ac:dyDescent="0.4">
      <c r="A101">
        <v>8</v>
      </c>
      <c r="B101">
        <v>2744972288</v>
      </c>
      <c r="C101">
        <v>8</v>
      </c>
      <c r="D101">
        <v>2</v>
      </c>
      <c r="E101">
        <v>199</v>
      </c>
      <c r="F101">
        <v>980</v>
      </c>
      <c r="G101">
        <v>1</v>
      </c>
      <c r="H101">
        <v>0</v>
      </c>
      <c r="I101">
        <v>0</v>
      </c>
      <c r="J101">
        <v>0</v>
      </c>
      <c r="K101">
        <v>1</v>
      </c>
      <c r="L101">
        <v>0</v>
      </c>
      <c r="M101" t="s">
        <v>88</v>
      </c>
      <c r="N101" s="1">
        <v>45089.594490740739</v>
      </c>
    </row>
    <row r="102" spans="1:14" x14ac:dyDescent="0.4">
      <c r="A102">
        <v>9</v>
      </c>
      <c r="B102" t="s">
        <v>107</v>
      </c>
      <c r="C102">
        <v>6</v>
      </c>
      <c r="D102">
        <v>2</v>
      </c>
      <c r="E102">
        <v>179</v>
      </c>
      <c r="F102">
        <v>961</v>
      </c>
      <c r="G102">
        <v>1</v>
      </c>
      <c r="H102">
        <v>0</v>
      </c>
      <c r="I102">
        <v>0</v>
      </c>
      <c r="J102">
        <v>0</v>
      </c>
      <c r="K102">
        <v>1</v>
      </c>
      <c r="L102">
        <v>0</v>
      </c>
      <c r="M102" t="s">
        <v>88</v>
      </c>
      <c r="N102" s="1">
        <v>45089.61346064815</v>
      </c>
    </row>
    <row r="103" spans="1:14" x14ac:dyDescent="0.4">
      <c r="A103" t="s">
        <v>0</v>
      </c>
      <c r="B103" t="s">
        <v>45</v>
      </c>
      <c r="C103" t="s">
        <v>46</v>
      </c>
      <c r="D103" t="s">
        <v>93</v>
      </c>
      <c r="E103" t="s">
        <v>94</v>
      </c>
      <c r="F103" t="s">
        <v>95</v>
      </c>
      <c r="G103" t="s">
        <v>96</v>
      </c>
      <c r="H103" t="s">
        <v>97</v>
      </c>
      <c r="I103" t="s">
        <v>98</v>
      </c>
      <c r="J103" t="s">
        <v>99</v>
      </c>
      <c r="K103" t="s">
        <v>100</v>
      </c>
      <c r="L103" t="s">
        <v>101</v>
      </c>
      <c r="M103" t="s">
        <v>102</v>
      </c>
      <c r="N103" t="s">
        <v>6</v>
      </c>
    </row>
    <row r="104" spans="1:14" x14ac:dyDescent="0.4">
      <c r="A104">
        <v>1</v>
      </c>
      <c r="B104" t="s">
        <v>108</v>
      </c>
      <c r="C104">
        <v>5</v>
      </c>
      <c r="D104">
        <v>2</v>
      </c>
      <c r="E104">
        <v>239</v>
      </c>
      <c r="F104">
        <v>730</v>
      </c>
      <c r="G104">
        <v>2</v>
      </c>
      <c r="H104">
        <v>0</v>
      </c>
      <c r="I104">
        <v>0</v>
      </c>
      <c r="J104">
        <v>0</v>
      </c>
      <c r="K104">
        <v>1</v>
      </c>
      <c r="L104">
        <v>0</v>
      </c>
      <c r="M104" t="s">
        <v>88</v>
      </c>
      <c r="N104" s="1">
        <v>45070.87740740741</v>
      </c>
    </row>
    <row r="105" spans="1:14" x14ac:dyDescent="0.4">
      <c r="A105">
        <v>2</v>
      </c>
      <c r="B105" t="s">
        <v>109</v>
      </c>
      <c r="C105">
        <v>2</v>
      </c>
      <c r="D105">
        <v>2</v>
      </c>
      <c r="E105">
        <v>239</v>
      </c>
      <c r="F105">
        <v>758</v>
      </c>
      <c r="G105">
        <v>2</v>
      </c>
      <c r="H105">
        <v>0</v>
      </c>
      <c r="I105">
        <v>0</v>
      </c>
      <c r="J105">
        <v>0</v>
      </c>
      <c r="K105">
        <v>1</v>
      </c>
      <c r="L105">
        <v>0</v>
      </c>
      <c r="M105" t="s">
        <v>88</v>
      </c>
      <c r="N105" s="1">
        <v>45072.913761574076</v>
      </c>
    </row>
    <row r="106" spans="1:14" x14ac:dyDescent="0.4">
      <c r="A106">
        <v>3</v>
      </c>
      <c r="B106" t="s">
        <v>110</v>
      </c>
      <c r="C106">
        <v>4</v>
      </c>
      <c r="D106">
        <v>2</v>
      </c>
      <c r="E106">
        <v>240</v>
      </c>
      <c r="F106">
        <v>700</v>
      </c>
      <c r="G106">
        <v>2</v>
      </c>
      <c r="H106">
        <v>0</v>
      </c>
      <c r="I106">
        <v>0</v>
      </c>
      <c r="J106">
        <v>0</v>
      </c>
      <c r="K106">
        <v>0</v>
      </c>
      <c r="L106">
        <v>0</v>
      </c>
      <c r="M106" t="s">
        <v>88</v>
      </c>
      <c r="N106" s="1">
        <v>45077.722222222219</v>
      </c>
    </row>
    <row r="107" spans="1:14" x14ac:dyDescent="0.4">
      <c r="A107">
        <v>4</v>
      </c>
      <c r="B107" t="s">
        <v>86</v>
      </c>
      <c r="C107">
        <v>5</v>
      </c>
      <c r="D107">
        <v>2</v>
      </c>
      <c r="E107">
        <v>239</v>
      </c>
      <c r="F107">
        <v>709</v>
      </c>
      <c r="G107">
        <v>3</v>
      </c>
      <c r="H107">
        <v>0</v>
      </c>
      <c r="I107">
        <v>0</v>
      </c>
      <c r="J107">
        <v>0</v>
      </c>
      <c r="K107">
        <v>0</v>
      </c>
      <c r="L107">
        <v>0</v>
      </c>
      <c r="M107" t="s">
        <v>88</v>
      </c>
      <c r="N107" s="1">
        <v>45078.71597222222</v>
      </c>
    </row>
    <row r="108" spans="1:14" x14ac:dyDescent="0.4">
      <c r="A108">
        <v>5</v>
      </c>
      <c r="B108" t="s">
        <v>111</v>
      </c>
      <c r="C108">
        <v>9</v>
      </c>
      <c r="D108">
        <v>2</v>
      </c>
      <c r="E108">
        <v>120</v>
      </c>
      <c r="F108">
        <v>480</v>
      </c>
      <c r="G108">
        <v>3</v>
      </c>
      <c r="H108">
        <v>0</v>
      </c>
      <c r="I108">
        <v>1</v>
      </c>
      <c r="J108">
        <v>60</v>
      </c>
      <c r="K108">
        <v>0</v>
      </c>
      <c r="L108">
        <v>0</v>
      </c>
      <c r="M108" t="s">
        <v>88</v>
      </c>
      <c r="N108" s="1">
        <v>45079.874432870369</v>
      </c>
    </row>
    <row r="109" spans="1:14" x14ac:dyDescent="0.4">
      <c r="A109">
        <v>6</v>
      </c>
      <c r="B109" t="s">
        <v>112</v>
      </c>
      <c r="C109">
        <v>3</v>
      </c>
      <c r="D109">
        <v>2</v>
      </c>
      <c r="E109">
        <v>60</v>
      </c>
      <c r="F109">
        <v>358</v>
      </c>
      <c r="G109">
        <v>2</v>
      </c>
      <c r="H109">
        <v>0</v>
      </c>
      <c r="I109">
        <v>0</v>
      </c>
      <c r="J109">
        <v>0</v>
      </c>
      <c r="K109">
        <v>1</v>
      </c>
      <c r="L109">
        <v>0</v>
      </c>
      <c r="M109" t="s">
        <v>88</v>
      </c>
      <c r="N109" s="1">
        <v>45080.094664351855</v>
      </c>
    </row>
    <row r="110" spans="1:14" x14ac:dyDescent="0.4">
      <c r="A110">
        <v>7</v>
      </c>
      <c r="B110" t="s">
        <v>113</v>
      </c>
      <c r="C110">
        <v>4</v>
      </c>
      <c r="D110">
        <v>2</v>
      </c>
      <c r="E110">
        <v>179</v>
      </c>
      <c r="F110">
        <v>196</v>
      </c>
      <c r="G110">
        <v>3</v>
      </c>
      <c r="H110">
        <v>0</v>
      </c>
      <c r="I110">
        <v>0</v>
      </c>
      <c r="J110">
        <v>0</v>
      </c>
      <c r="K110">
        <v>1</v>
      </c>
      <c r="L110">
        <v>0</v>
      </c>
      <c r="M110" t="s">
        <v>88</v>
      </c>
      <c r="N110" s="1">
        <v>45080.094699074078</v>
      </c>
    </row>
    <row r="111" spans="1:14" x14ac:dyDescent="0.4">
      <c r="A111">
        <v>8</v>
      </c>
      <c r="B111" t="s">
        <v>89</v>
      </c>
      <c r="C111">
        <v>6</v>
      </c>
      <c r="D111">
        <v>2</v>
      </c>
      <c r="E111">
        <v>417</v>
      </c>
      <c r="F111">
        <v>1140</v>
      </c>
      <c r="G111">
        <v>3</v>
      </c>
      <c r="H111">
        <v>0</v>
      </c>
      <c r="I111">
        <v>0</v>
      </c>
      <c r="J111">
        <v>0</v>
      </c>
      <c r="K111">
        <v>0</v>
      </c>
      <c r="L111">
        <v>0</v>
      </c>
      <c r="M111" t="s">
        <v>88</v>
      </c>
      <c r="N111" s="1">
        <v>45080.418425925927</v>
      </c>
    </row>
    <row r="112" spans="1:14" x14ac:dyDescent="0.4">
      <c r="A112">
        <v>9</v>
      </c>
      <c r="B112" t="s">
        <v>114</v>
      </c>
      <c r="C112">
        <v>6</v>
      </c>
      <c r="D112">
        <v>2</v>
      </c>
      <c r="E112">
        <v>60</v>
      </c>
      <c r="F112">
        <v>360</v>
      </c>
      <c r="G112">
        <v>3</v>
      </c>
      <c r="H112">
        <v>1</v>
      </c>
      <c r="I112">
        <v>1</v>
      </c>
      <c r="J112">
        <v>60</v>
      </c>
      <c r="K112">
        <v>0</v>
      </c>
      <c r="L112">
        <v>0</v>
      </c>
      <c r="M112" t="s">
        <v>88</v>
      </c>
      <c r="N112" s="1">
        <v>45081.670243055552</v>
      </c>
    </row>
    <row r="113" spans="1:14" x14ac:dyDescent="0.4">
      <c r="A113">
        <v>10</v>
      </c>
      <c r="B113" t="s">
        <v>115</v>
      </c>
      <c r="C113">
        <v>6</v>
      </c>
      <c r="D113">
        <v>2</v>
      </c>
      <c r="E113">
        <v>119</v>
      </c>
      <c r="F113">
        <v>788</v>
      </c>
      <c r="G113">
        <v>1</v>
      </c>
      <c r="H113">
        <v>0</v>
      </c>
      <c r="I113">
        <v>0</v>
      </c>
      <c r="J113">
        <v>0</v>
      </c>
      <c r="K113">
        <v>1</v>
      </c>
      <c r="L113">
        <v>0</v>
      </c>
      <c r="M113" t="s">
        <v>88</v>
      </c>
      <c r="N113" s="1">
        <v>45081.745289351849</v>
      </c>
    </row>
    <row r="114" spans="1:14" x14ac:dyDescent="0.4">
      <c r="A114">
        <v>11</v>
      </c>
      <c r="B114" t="s">
        <v>116</v>
      </c>
      <c r="C114">
        <v>7</v>
      </c>
      <c r="D114">
        <v>2</v>
      </c>
      <c r="E114">
        <v>150</v>
      </c>
      <c r="F114">
        <v>571</v>
      </c>
      <c r="G114">
        <v>2</v>
      </c>
      <c r="H114">
        <v>0</v>
      </c>
      <c r="I114">
        <v>0</v>
      </c>
      <c r="J114">
        <v>0</v>
      </c>
      <c r="K114">
        <v>1</v>
      </c>
      <c r="L114">
        <v>0</v>
      </c>
      <c r="M114" t="s">
        <v>88</v>
      </c>
      <c r="N114" s="1">
        <v>45081.861041666663</v>
      </c>
    </row>
    <row r="115" spans="1:14" x14ac:dyDescent="0.4">
      <c r="A115">
        <v>12</v>
      </c>
      <c r="B115" t="s">
        <v>117</v>
      </c>
      <c r="C115">
        <v>6</v>
      </c>
      <c r="D115">
        <v>2</v>
      </c>
      <c r="E115">
        <v>139</v>
      </c>
      <c r="F115">
        <v>605</v>
      </c>
      <c r="G115">
        <v>2</v>
      </c>
      <c r="H115">
        <v>0</v>
      </c>
      <c r="I115">
        <v>0</v>
      </c>
      <c r="J115">
        <v>0</v>
      </c>
      <c r="K115">
        <v>1</v>
      </c>
      <c r="L115">
        <v>0</v>
      </c>
      <c r="M115" t="s">
        <v>88</v>
      </c>
      <c r="N115" s="1">
        <v>45081.899618055555</v>
      </c>
    </row>
    <row r="116" spans="1:14" x14ac:dyDescent="0.4">
      <c r="A116">
        <v>13</v>
      </c>
      <c r="B116" t="s">
        <v>118</v>
      </c>
      <c r="C116">
        <v>57</v>
      </c>
      <c r="D116">
        <v>2</v>
      </c>
      <c r="E116">
        <v>139</v>
      </c>
      <c r="F116">
        <v>569</v>
      </c>
      <c r="G116">
        <v>2</v>
      </c>
      <c r="H116">
        <v>0</v>
      </c>
      <c r="I116">
        <v>0</v>
      </c>
      <c r="J116">
        <v>0</v>
      </c>
      <c r="K116">
        <v>1</v>
      </c>
      <c r="L116">
        <v>0</v>
      </c>
      <c r="M116" t="s">
        <v>88</v>
      </c>
      <c r="N116" s="1">
        <v>45081.931284722225</v>
      </c>
    </row>
    <row r="117" spans="1:14" x14ac:dyDescent="0.4">
      <c r="A117">
        <v>14</v>
      </c>
      <c r="B117" t="s">
        <v>119</v>
      </c>
      <c r="C117">
        <v>26</v>
      </c>
      <c r="D117">
        <v>2</v>
      </c>
      <c r="E117">
        <v>542</v>
      </c>
      <c r="F117">
        <v>1143</v>
      </c>
      <c r="G117">
        <v>1</v>
      </c>
      <c r="H117">
        <v>0</v>
      </c>
      <c r="I117">
        <v>0</v>
      </c>
      <c r="J117">
        <v>0</v>
      </c>
      <c r="K117">
        <v>0</v>
      </c>
      <c r="L117">
        <v>0</v>
      </c>
      <c r="M117" t="s">
        <v>88</v>
      </c>
      <c r="N117" s="1">
        <v>45082.457233796296</v>
      </c>
    </row>
    <row r="118" spans="1:14" x14ac:dyDescent="0.4">
      <c r="A118">
        <v>15</v>
      </c>
      <c r="B118" t="s">
        <v>119</v>
      </c>
      <c r="C118">
        <v>26</v>
      </c>
      <c r="D118">
        <v>2</v>
      </c>
      <c r="E118">
        <v>438</v>
      </c>
      <c r="F118">
        <v>1143</v>
      </c>
      <c r="G118">
        <v>1</v>
      </c>
      <c r="H118">
        <v>0</v>
      </c>
      <c r="I118">
        <v>0</v>
      </c>
      <c r="J118">
        <v>0</v>
      </c>
      <c r="K118">
        <v>0</v>
      </c>
      <c r="L118">
        <v>0</v>
      </c>
      <c r="M118" t="s">
        <v>88</v>
      </c>
      <c r="N118" s="1">
        <v>45082.529224537036</v>
      </c>
    </row>
    <row r="119" spans="1:14" x14ac:dyDescent="0.4">
      <c r="A119">
        <v>16</v>
      </c>
      <c r="B119" t="s">
        <v>120</v>
      </c>
      <c r="C119">
        <v>17</v>
      </c>
      <c r="D119">
        <v>2</v>
      </c>
      <c r="E119">
        <v>298</v>
      </c>
      <c r="F119">
        <v>1079</v>
      </c>
      <c r="G119">
        <v>2</v>
      </c>
      <c r="H119">
        <v>0</v>
      </c>
      <c r="I119">
        <v>0</v>
      </c>
      <c r="J119">
        <v>0</v>
      </c>
      <c r="K119">
        <v>1</v>
      </c>
      <c r="L119">
        <v>0</v>
      </c>
      <c r="M119" t="s">
        <v>88</v>
      </c>
      <c r="N119" s="1">
        <v>45082.535219907404</v>
      </c>
    </row>
    <row r="120" spans="1:14" x14ac:dyDescent="0.4">
      <c r="A120">
        <v>17</v>
      </c>
      <c r="B120" t="s">
        <v>121</v>
      </c>
      <c r="C120">
        <v>11</v>
      </c>
      <c r="D120">
        <v>2</v>
      </c>
      <c r="E120">
        <v>288</v>
      </c>
      <c r="F120">
        <v>1069</v>
      </c>
      <c r="G120">
        <v>2</v>
      </c>
      <c r="H120">
        <v>0</v>
      </c>
      <c r="I120">
        <v>0</v>
      </c>
      <c r="J120">
        <v>0</v>
      </c>
      <c r="K120">
        <v>0</v>
      </c>
      <c r="L120">
        <v>0</v>
      </c>
      <c r="M120" t="s">
        <v>88</v>
      </c>
      <c r="N120" s="1">
        <v>45082.508263888885</v>
      </c>
    </row>
    <row r="121" spans="1:14" x14ac:dyDescent="0.4">
      <c r="A121">
        <v>18</v>
      </c>
      <c r="B121" t="s">
        <v>122</v>
      </c>
      <c r="C121">
        <v>6</v>
      </c>
      <c r="D121">
        <v>2</v>
      </c>
      <c r="E121">
        <v>313</v>
      </c>
      <c r="F121">
        <v>1094</v>
      </c>
      <c r="G121">
        <v>7</v>
      </c>
      <c r="H121">
        <v>0</v>
      </c>
      <c r="I121">
        <v>0</v>
      </c>
      <c r="J121">
        <v>0</v>
      </c>
      <c r="K121">
        <v>1</v>
      </c>
      <c r="L121">
        <v>0</v>
      </c>
      <c r="M121" t="s">
        <v>88</v>
      </c>
      <c r="N121" s="1">
        <v>45082.517407407409</v>
      </c>
    </row>
    <row r="122" spans="1:14" x14ac:dyDescent="0.4">
      <c r="A122">
        <v>19</v>
      </c>
      <c r="B122" t="s">
        <v>123</v>
      </c>
      <c r="C122">
        <v>8</v>
      </c>
      <c r="D122">
        <v>2</v>
      </c>
      <c r="E122">
        <v>219</v>
      </c>
      <c r="F122">
        <v>999</v>
      </c>
      <c r="G122">
        <v>2</v>
      </c>
      <c r="H122">
        <v>0</v>
      </c>
      <c r="I122">
        <v>0</v>
      </c>
      <c r="J122">
        <v>0</v>
      </c>
      <c r="K122">
        <v>0</v>
      </c>
      <c r="L122">
        <v>0</v>
      </c>
      <c r="M122" t="s">
        <v>88</v>
      </c>
      <c r="N122" s="1">
        <v>45082.55636574074</v>
      </c>
    </row>
    <row r="123" spans="1:14" x14ac:dyDescent="0.4">
      <c r="A123">
        <v>20</v>
      </c>
      <c r="B123" t="s">
        <v>124</v>
      </c>
      <c r="C123">
        <v>11</v>
      </c>
      <c r="D123">
        <v>2</v>
      </c>
      <c r="E123">
        <v>198</v>
      </c>
      <c r="F123">
        <v>979</v>
      </c>
      <c r="G123">
        <v>2</v>
      </c>
      <c r="H123">
        <v>0</v>
      </c>
      <c r="I123">
        <v>0</v>
      </c>
      <c r="J123">
        <v>0</v>
      </c>
      <c r="K123">
        <v>1</v>
      </c>
      <c r="L123">
        <v>0</v>
      </c>
      <c r="M123" t="s">
        <v>88</v>
      </c>
      <c r="N123" s="1">
        <v>45082.607731481483</v>
      </c>
    </row>
    <row r="124" spans="1:14" x14ac:dyDescent="0.4">
      <c r="A124">
        <v>21</v>
      </c>
      <c r="B124" t="s">
        <v>125</v>
      </c>
      <c r="C124">
        <v>26</v>
      </c>
      <c r="D124">
        <v>2</v>
      </c>
      <c r="E124">
        <v>437</v>
      </c>
      <c r="F124">
        <v>1140</v>
      </c>
      <c r="G124">
        <v>1</v>
      </c>
      <c r="H124">
        <v>0</v>
      </c>
      <c r="I124">
        <v>0</v>
      </c>
      <c r="J124">
        <v>0</v>
      </c>
      <c r="K124">
        <v>0</v>
      </c>
      <c r="L124">
        <v>0</v>
      </c>
      <c r="M124" t="s">
        <v>88</v>
      </c>
      <c r="N124" s="1">
        <v>45082.529548611114</v>
      </c>
    </row>
    <row r="125" spans="1:14" x14ac:dyDescent="0.4">
      <c r="A125">
        <v>22</v>
      </c>
      <c r="B125" t="s">
        <v>126</v>
      </c>
      <c r="C125">
        <v>18</v>
      </c>
      <c r="D125">
        <v>2</v>
      </c>
      <c r="E125">
        <v>233</v>
      </c>
      <c r="F125">
        <v>1014</v>
      </c>
      <c r="G125">
        <v>1</v>
      </c>
      <c r="H125">
        <v>0</v>
      </c>
      <c r="I125">
        <v>0</v>
      </c>
      <c r="J125">
        <v>0</v>
      </c>
      <c r="K125">
        <v>1</v>
      </c>
      <c r="L125">
        <v>0</v>
      </c>
      <c r="M125" t="s">
        <v>88</v>
      </c>
      <c r="N125" s="1">
        <v>45082.562858796293</v>
      </c>
    </row>
    <row r="126" spans="1:14" x14ac:dyDescent="0.4">
      <c r="A126">
        <v>23</v>
      </c>
      <c r="B126" t="s">
        <v>127</v>
      </c>
      <c r="C126">
        <v>17</v>
      </c>
      <c r="D126">
        <v>2</v>
      </c>
      <c r="E126">
        <v>387</v>
      </c>
      <c r="F126">
        <v>988</v>
      </c>
      <c r="G126">
        <v>1</v>
      </c>
      <c r="H126">
        <v>0</v>
      </c>
      <c r="I126">
        <v>0</v>
      </c>
      <c r="J126">
        <v>0</v>
      </c>
      <c r="K126">
        <v>1</v>
      </c>
      <c r="L126">
        <v>0</v>
      </c>
      <c r="M126" t="s">
        <v>88</v>
      </c>
      <c r="N126" s="1">
        <v>45082.619212962964</v>
      </c>
    </row>
    <row r="127" spans="1:14" x14ac:dyDescent="0.4">
      <c r="A127">
        <v>24</v>
      </c>
      <c r="B127">
        <v>2741115727</v>
      </c>
      <c r="C127">
        <v>7</v>
      </c>
      <c r="D127">
        <v>2</v>
      </c>
      <c r="E127">
        <v>324</v>
      </c>
      <c r="F127">
        <v>750</v>
      </c>
      <c r="G127">
        <v>2</v>
      </c>
      <c r="H127">
        <v>0</v>
      </c>
      <c r="I127">
        <v>0</v>
      </c>
      <c r="J127">
        <v>0</v>
      </c>
      <c r="K127">
        <v>1</v>
      </c>
      <c r="L127">
        <v>0</v>
      </c>
      <c r="M127" t="s">
        <v>88</v>
      </c>
      <c r="N127" s="1">
        <v>45082.7737037037</v>
      </c>
    </row>
    <row r="128" spans="1:14" x14ac:dyDescent="0.4">
      <c r="A128">
        <v>25</v>
      </c>
      <c r="B128" t="s">
        <v>128</v>
      </c>
      <c r="C128">
        <v>8</v>
      </c>
      <c r="D128">
        <v>2</v>
      </c>
      <c r="E128">
        <v>268</v>
      </c>
      <c r="F128">
        <v>691</v>
      </c>
      <c r="G128">
        <v>2</v>
      </c>
      <c r="H128">
        <v>0</v>
      </c>
      <c r="I128">
        <v>0</v>
      </c>
      <c r="J128">
        <v>0</v>
      </c>
      <c r="K128">
        <v>1</v>
      </c>
      <c r="L128">
        <v>0</v>
      </c>
      <c r="M128" t="s">
        <v>88</v>
      </c>
      <c r="N128" s="1">
        <v>45082.781423611108</v>
      </c>
    </row>
    <row r="129" spans="1:14" x14ac:dyDescent="0.4">
      <c r="A129">
        <v>26</v>
      </c>
      <c r="B129" t="s">
        <v>129</v>
      </c>
      <c r="C129">
        <v>6</v>
      </c>
      <c r="D129">
        <v>2</v>
      </c>
      <c r="E129">
        <v>207</v>
      </c>
      <c r="F129">
        <v>808</v>
      </c>
      <c r="G129">
        <v>1</v>
      </c>
      <c r="H129">
        <v>0</v>
      </c>
      <c r="I129">
        <v>0</v>
      </c>
      <c r="J129">
        <v>0</v>
      </c>
      <c r="K129">
        <v>1</v>
      </c>
      <c r="L129">
        <v>0</v>
      </c>
      <c r="M129" t="s">
        <v>88</v>
      </c>
      <c r="N129" s="1">
        <v>45082.834155092591</v>
      </c>
    </row>
    <row r="130" spans="1:14" x14ac:dyDescent="0.4">
      <c r="A130">
        <v>27</v>
      </c>
      <c r="B130" t="s">
        <v>130</v>
      </c>
      <c r="C130">
        <v>5</v>
      </c>
      <c r="D130">
        <v>2</v>
      </c>
      <c r="E130">
        <v>401</v>
      </c>
      <c r="F130">
        <v>1182</v>
      </c>
      <c r="G130">
        <v>1</v>
      </c>
      <c r="H130">
        <v>0</v>
      </c>
      <c r="I130">
        <v>0</v>
      </c>
      <c r="J130">
        <v>0</v>
      </c>
      <c r="K130">
        <v>0</v>
      </c>
      <c r="L130">
        <v>0</v>
      </c>
      <c r="M130" t="s">
        <v>88</v>
      </c>
      <c r="N130" s="1">
        <v>45083.429606481484</v>
      </c>
    </row>
    <row r="131" spans="1:14" x14ac:dyDescent="0.4">
      <c r="A131">
        <v>28</v>
      </c>
      <c r="B131" t="s">
        <v>131</v>
      </c>
      <c r="C131">
        <v>10</v>
      </c>
      <c r="D131">
        <v>2</v>
      </c>
      <c r="E131">
        <v>401</v>
      </c>
      <c r="F131">
        <v>1182</v>
      </c>
      <c r="G131">
        <v>1</v>
      </c>
      <c r="H131">
        <v>0</v>
      </c>
      <c r="I131">
        <v>0</v>
      </c>
      <c r="J131">
        <v>0</v>
      </c>
      <c r="K131">
        <v>0</v>
      </c>
      <c r="L131">
        <v>0</v>
      </c>
      <c r="M131" t="s">
        <v>88</v>
      </c>
      <c r="N131" s="1">
        <v>45083.429699074077</v>
      </c>
    </row>
    <row r="132" spans="1:14" x14ac:dyDescent="0.4">
      <c r="A132">
        <v>29</v>
      </c>
      <c r="B132" t="s">
        <v>132</v>
      </c>
      <c r="C132">
        <v>11</v>
      </c>
      <c r="D132">
        <v>2</v>
      </c>
      <c r="E132">
        <v>401</v>
      </c>
      <c r="F132">
        <v>1182</v>
      </c>
      <c r="G132">
        <v>1</v>
      </c>
      <c r="H132">
        <v>0</v>
      </c>
      <c r="I132">
        <v>0</v>
      </c>
      <c r="J132">
        <v>0</v>
      </c>
      <c r="K132">
        <v>0</v>
      </c>
      <c r="L132">
        <v>0</v>
      </c>
      <c r="M132" t="s">
        <v>88</v>
      </c>
      <c r="N132" s="1">
        <v>45083.429803240739</v>
      </c>
    </row>
    <row r="133" spans="1:14" x14ac:dyDescent="0.4">
      <c r="A133">
        <v>30</v>
      </c>
      <c r="B133" t="s">
        <v>133</v>
      </c>
      <c r="C133">
        <v>12</v>
      </c>
      <c r="D133">
        <v>2</v>
      </c>
      <c r="E133">
        <v>401</v>
      </c>
      <c r="F133">
        <v>1182</v>
      </c>
      <c r="G133">
        <v>1</v>
      </c>
      <c r="H133">
        <v>0</v>
      </c>
      <c r="I133">
        <v>0</v>
      </c>
      <c r="J133">
        <v>0</v>
      </c>
      <c r="K133">
        <v>0</v>
      </c>
      <c r="L133">
        <v>0</v>
      </c>
      <c r="M133" t="s">
        <v>88</v>
      </c>
      <c r="N133" s="1">
        <v>45083.429884259262</v>
      </c>
    </row>
    <row r="134" spans="1:14" x14ac:dyDescent="0.4">
      <c r="A134">
        <v>31</v>
      </c>
      <c r="B134" t="s">
        <v>134</v>
      </c>
      <c r="C134">
        <v>13</v>
      </c>
      <c r="D134">
        <v>2</v>
      </c>
      <c r="E134">
        <v>401</v>
      </c>
      <c r="F134">
        <v>1181</v>
      </c>
      <c r="G134">
        <v>1</v>
      </c>
      <c r="H134">
        <v>0</v>
      </c>
      <c r="I134">
        <v>0</v>
      </c>
      <c r="J134">
        <v>0</v>
      </c>
      <c r="K134">
        <v>0</v>
      </c>
      <c r="L134">
        <v>0</v>
      </c>
      <c r="M134" t="s">
        <v>88</v>
      </c>
      <c r="N134" s="1">
        <v>45083.429988425924</v>
      </c>
    </row>
    <row r="135" spans="1:14" x14ac:dyDescent="0.4">
      <c r="A135">
        <v>32</v>
      </c>
      <c r="B135" t="s">
        <v>135</v>
      </c>
      <c r="C135">
        <v>14</v>
      </c>
      <c r="D135">
        <v>2</v>
      </c>
      <c r="E135">
        <v>401</v>
      </c>
      <c r="F135">
        <v>1181</v>
      </c>
      <c r="G135">
        <v>1</v>
      </c>
      <c r="H135">
        <v>0</v>
      </c>
      <c r="I135">
        <v>0</v>
      </c>
      <c r="J135">
        <v>0</v>
      </c>
      <c r="K135">
        <v>0</v>
      </c>
      <c r="L135">
        <v>0</v>
      </c>
      <c r="M135" t="s">
        <v>88</v>
      </c>
      <c r="N135" s="1">
        <v>45083.430081018516</v>
      </c>
    </row>
    <row r="136" spans="1:14" x14ac:dyDescent="0.4">
      <c r="A136">
        <v>33</v>
      </c>
      <c r="B136" t="s">
        <v>136</v>
      </c>
      <c r="C136">
        <v>15</v>
      </c>
      <c r="D136">
        <v>2</v>
      </c>
      <c r="E136">
        <v>401</v>
      </c>
      <c r="F136">
        <v>1181</v>
      </c>
      <c r="G136">
        <v>1</v>
      </c>
      <c r="H136">
        <v>0</v>
      </c>
      <c r="I136">
        <v>0</v>
      </c>
      <c r="J136">
        <v>0</v>
      </c>
      <c r="K136">
        <v>0</v>
      </c>
      <c r="L136">
        <v>0</v>
      </c>
      <c r="M136" t="s">
        <v>88</v>
      </c>
      <c r="N136" s="1">
        <v>45083.430173611108</v>
      </c>
    </row>
    <row r="137" spans="1:14" x14ac:dyDescent="0.4">
      <c r="A137">
        <v>34</v>
      </c>
      <c r="B137" t="s">
        <v>137</v>
      </c>
      <c r="C137">
        <v>16</v>
      </c>
      <c r="D137">
        <v>2</v>
      </c>
      <c r="E137">
        <v>400</v>
      </c>
      <c r="F137">
        <v>1181</v>
      </c>
      <c r="G137">
        <v>1</v>
      </c>
      <c r="H137">
        <v>0</v>
      </c>
      <c r="I137">
        <v>0</v>
      </c>
      <c r="J137">
        <v>0</v>
      </c>
      <c r="K137">
        <v>0</v>
      </c>
      <c r="L137">
        <v>0</v>
      </c>
      <c r="M137" t="s">
        <v>88</v>
      </c>
      <c r="N137" s="1">
        <v>45083.430312500001</v>
      </c>
    </row>
    <row r="138" spans="1:14" x14ac:dyDescent="0.4">
      <c r="A138">
        <v>35</v>
      </c>
      <c r="B138" t="s">
        <v>133</v>
      </c>
      <c r="C138">
        <v>12</v>
      </c>
      <c r="D138">
        <v>2</v>
      </c>
      <c r="E138">
        <v>308</v>
      </c>
      <c r="F138">
        <v>1182</v>
      </c>
      <c r="G138">
        <v>1</v>
      </c>
      <c r="H138">
        <v>0</v>
      </c>
      <c r="I138">
        <v>0</v>
      </c>
      <c r="J138">
        <v>0</v>
      </c>
      <c r="K138">
        <v>1</v>
      </c>
      <c r="L138">
        <v>0</v>
      </c>
      <c r="M138" t="s">
        <v>88</v>
      </c>
      <c r="N138" s="1">
        <v>45083.509548611109</v>
      </c>
    </row>
    <row r="139" spans="1:14" x14ac:dyDescent="0.4">
      <c r="A139">
        <v>36</v>
      </c>
      <c r="B139" t="s">
        <v>138</v>
      </c>
      <c r="C139">
        <v>6</v>
      </c>
      <c r="D139">
        <v>2</v>
      </c>
      <c r="E139">
        <v>278</v>
      </c>
      <c r="F139">
        <v>721</v>
      </c>
      <c r="G139">
        <v>1</v>
      </c>
      <c r="H139">
        <v>0</v>
      </c>
      <c r="I139">
        <v>0</v>
      </c>
      <c r="J139">
        <v>0</v>
      </c>
      <c r="K139">
        <v>0</v>
      </c>
      <c r="L139">
        <v>0</v>
      </c>
      <c r="M139" t="s">
        <v>88</v>
      </c>
      <c r="N139" s="1">
        <v>45083.764999999999</v>
      </c>
    </row>
    <row r="140" spans="1:14" x14ac:dyDescent="0.4">
      <c r="A140">
        <v>37</v>
      </c>
      <c r="B140" t="s">
        <v>131</v>
      </c>
      <c r="C140">
        <v>10</v>
      </c>
      <c r="D140">
        <v>2</v>
      </c>
      <c r="E140">
        <v>308</v>
      </c>
      <c r="F140">
        <v>1182</v>
      </c>
      <c r="G140">
        <v>2</v>
      </c>
      <c r="H140">
        <v>0</v>
      </c>
      <c r="I140">
        <v>0</v>
      </c>
      <c r="J140">
        <v>0</v>
      </c>
      <c r="K140">
        <v>1</v>
      </c>
      <c r="L140">
        <v>0</v>
      </c>
      <c r="M140" t="s">
        <v>88</v>
      </c>
      <c r="N140" s="1">
        <v>45083.523472222223</v>
      </c>
    </row>
    <row r="141" spans="1:14" x14ac:dyDescent="0.4">
      <c r="A141">
        <v>38</v>
      </c>
      <c r="B141" t="s">
        <v>137</v>
      </c>
      <c r="C141">
        <v>16</v>
      </c>
      <c r="D141">
        <v>2</v>
      </c>
      <c r="E141">
        <v>213</v>
      </c>
      <c r="F141">
        <v>1181</v>
      </c>
      <c r="G141">
        <v>1</v>
      </c>
      <c r="H141">
        <v>0</v>
      </c>
      <c r="I141">
        <v>0</v>
      </c>
      <c r="J141">
        <v>0</v>
      </c>
      <c r="K141">
        <v>0</v>
      </c>
      <c r="L141">
        <v>0</v>
      </c>
      <c r="M141" t="s">
        <v>88</v>
      </c>
      <c r="N141" s="1">
        <v>45083.56040509259</v>
      </c>
    </row>
    <row r="142" spans="1:14" x14ac:dyDescent="0.4">
      <c r="A142">
        <v>39</v>
      </c>
      <c r="B142" t="s">
        <v>139</v>
      </c>
      <c r="C142">
        <v>12</v>
      </c>
      <c r="D142">
        <v>2</v>
      </c>
      <c r="E142">
        <v>349</v>
      </c>
      <c r="F142">
        <v>950</v>
      </c>
      <c r="G142">
        <v>1</v>
      </c>
      <c r="H142">
        <v>0</v>
      </c>
      <c r="I142">
        <v>0</v>
      </c>
      <c r="J142">
        <v>0</v>
      </c>
      <c r="K142">
        <v>1</v>
      </c>
      <c r="L142">
        <v>0</v>
      </c>
      <c r="M142" t="s">
        <v>88</v>
      </c>
      <c r="N142" s="1">
        <v>45083.619479166664</v>
      </c>
    </row>
    <row r="143" spans="1:14" x14ac:dyDescent="0.4">
      <c r="A143">
        <v>40</v>
      </c>
      <c r="B143" t="s">
        <v>140</v>
      </c>
      <c r="C143">
        <v>6</v>
      </c>
      <c r="D143">
        <v>2</v>
      </c>
      <c r="E143">
        <v>117</v>
      </c>
      <c r="F143">
        <v>570</v>
      </c>
      <c r="G143">
        <v>17</v>
      </c>
      <c r="H143">
        <v>1</v>
      </c>
      <c r="I143">
        <v>0</v>
      </c>
      <c r="J143">
        <v>0</v>
      </c>
      <c r="K143">
        <v>1</v>
      </c>
      <c r="L143">
        <v>0</v>
      </c>
      <c r="M143" t="s">
        <v>88</v>
      </c>
      <c r="N143" s="1">
        <v>45083.938946759263</v>
      </c>
    </row>
    <row r="144" spans="1:14" x14ac:dyDescent="0.4">
      <c r="A144">
        <v>41</v>
      </c>
      <c r="B144" t="s">
        <v>141</v>
      </c>
      <c r="C144">
        <v>8</v>
      </c>
      <c r="D144">
        <v>2</v>
      </c>
      <c r="E144">
        <v>323</v>
      </c>
      <c r="F144">
        <v>1104</v>
      </c>
      <c r="G144">
        <v>1</v>
      </c>
      <c r="H144">
        <v>0</v>
      </c>
      <c r="I144">
        <v>0</v>
      </c>
      <c r="J144">
        <v>0</v>
      </c>
      <c r="K144">
        <v>0</v>
      </c>
      <c r="L144">
        <v>0</v>
      </c>
      <c r="M144" t="s">
        <v>88</v>
      </c>
      <c r="N144" s="1">
        <v>45084.483773148146</v>
      </c>
    </row>
    <row r="145" spans="1:14" x14ac:dyDescent="0.4">
      <c r="A145">
        <v>42</v>
      </c>
      <c r="B145" t="s">
        <v>142</v>
      </c>
      <c r="C145">
        <v>13</v>
      </c>
      <c r="D145">
        <v>2</v>
      </c>
      <c r="E145">
        <v>265</v>
      </c>
      <c r="F145">
        <v>1045</v>
      </c>
      <c r="G145">
        <v>3</v>
      </c>
      <c r="H145">
        <v>0</v>
      </c>
      <c r="I145">
        <v>0</v>
      </c>
      <c r="J145">
        <v>0</v>
      </c>
      <c r="K145">
        <v>0</v>
      </c>
      <c r="L145">
        <v>0</v>
      </c>
      <c r="M145" t="s">
        <v>88</v>
      </c>
      <c r="N145" s="1">
        <v>45084.52447916667</v>
      </c>
    </row>
    <row r="146" spans="1:14" x14ac:dyDescent="0.4">
      <c r="A146">
        <v>43</v>
      </c>
      <c r="B146" t="s">
        <v>143</v>
      </c>
      <c r="C146">
        <v>14</v>
      </c>
      <c r="D146">
        <v>2</v>
      </c>
      <c r="E146">
        <v>339</v>
      </c>
      <c r="F146">
        <v>1119</v>
      </c>
      <c r="G146">
        <v>2</v>
      </c>
      <c r="H146">
        <v>0</v>
      </c>
      <c r="I146">
        <v>0</v>
      </c>
      <c r="J146">
        <v>0</v>
      </c>
      <c r="K146">
        <v>1</v>
      </c>
      <c r="L146">
        <v>0</v>
      </c>
      <c r="M146" t="s">
        <v>88</v>
      </c>
      <c r="N146" s="1">
        <v>45084.519837962966</v>
      </c>
    </row>
    <row r="147" spans="1:14" x14ac:dyDescent="0.4">
      <c r="A147">
        <v>44</v>
      </c>
      <c r="B147" t="s">
        <v>144</v>
      </c>
      <c r="C147">
        <v>8</v>
      </c>
      <c r="D147">
        <v>2</v>
      </c>
      <c r="E147">
        <v>272</v>
      </c>
      <c r="F147">
        <v>1055</v>
      </c>
      <c r="G147">
        <v>1</v>
      </c>
      <c r="H147">
        <v>0</v>
      </c>
      <c r="I147">
        <v>0</v>
      </c>
      <c r="J147">
        <v>0</v>
      </c>
      <c r="K147">
        <v>1</v>
      </c>
      <c r="L147">
        <v>0</v>
      </c>
      <c r="M147" t="s">
        <v>88</v>
      </c>
      <c r="N147" s="1">
        <v>45084.557372685187</v>
      </c>
    </row>
    <row r="148" spans="1:14" x14ac:dyDescent="0.4">
      <c r="A148">
        <v>45</v>
      </c>
      <c r="B148" t="s">
        <v>145</v>
      </c>
      <c r="C148">
        <v>6</v>
      </c>
      <c r="D148">
        <v>2</v>
      </c>
      <c r="E148">
        <v>452</v>
      </c>
      <c r="F148">
        <v>1137</v>
      </c>
      <c r="G148">
        <v>2</v>
      </c>
      <c r="H148">
        <v>0</v>
      </c>
      <c r="I148">
        <v>0</v>
      </c>
      <c r="J148">
        <v>0</v>
      </c>
      <c r="K148">
        <v>1</v>
      </c>
      <c r="L148">
        <v>0</v>
      </c>
      <c r="M148" t="s">
        <v>88</v>
      </c>
      <c r="N148" s="1">
        <v>45084.604004629633</v>
      </c>
    </row>
    <row r="149" spans="1:14" x14ac:dyDescent="0.4">
      <c r="A149">
        <v>46</v>
      </c>
      <c r="B149">
        <v>2742023765</v>
      </c>
      <c r="C149">
        <v>53</v>
      </c>
      <c r="D149">
        <v>2</v>
      </c>
      <c r="E149">
        <v>398</v>
      </c>
      <c r="F149">
        <v>999</v>
      </c>
      <c r="G149">
        <v>1</v>
      </c>
      <c r="H149">
        <v>0</v>
      </c>
      <c r="I149">
        <v>0</v>
      </c>
      <c r="J149">
        <v>0</v>
      </c>
      <c r="K149">
        <v>1</v>
      </c>
      <c r="L149">
        <v>0</v>
      </c>
      <c r="M149" t="s">
        <v>88</v>
      </c>
      <c r="N149" s="1">
        <v>45084.617662037039</v>
      </c>
    </row>
    <row r="150" spans="1:14" x14ac:dyDescent="0.4">
      <c r="A150">
        <v>47</v>
      </c>
      <c r="B150">
        <v>2742062707</v>
      </c>
      <c r="C150">
        <v>7</v>
      </c>
      <c r="D150">
        <v>2</v>
      </c>
      <c r="E150">
        <v>467</v>
      </c>
      <c r="F150">
        <v>956</v>
      </c>
      <c r="G150">
        <v>3</v>
      </c>
      <c r="H150">
        <v>0</v>
      </c>
      <c r="I150">
        <v>0</v>
      </c>
      <c r="J150">
        <v>0</v>
      </c>
      <c r="K150">
        <v>1</v>
      </c>
      <c r="L150">
        <v>0</v>
      </c>
      <c r="M150" t="s">
        <v>88</v>
      </c>
      <c r="N150" s="1">
        <v>45084.667233796295</v>
      </c>
    </row>
    <row r="151" spans="1:14" x14ac:dyDescent="0.4">
      <c r="A151">
        <v>48</v>
      </c>
      <c r="B151" t="s">
        <v>146</v>
      </c>
      <c r="C151">
        <v>21</v>
      </c>
      <c r="D151">
        <v>2</v>
      </c>
      <c r="E151">
        <v>246</v>
      </c>
      <c r="F151">
        <v>849</v>
      </c>
      <c r="G151">
        <v>2</v>
      </c>
      <c r="H151">
        <v>0</v>
      </c>
      <c r="I151">
        <v>0</v>
      </c>
      <c r="J151">
        <v>0</v>
      </c>
      <c r="K151">
        <v>1</v>
      </c>
      <c r="L151">
        <v>0</v>
      </c>
      <c r="M151" t="s">
        <v>88</v>
      </c>
      <c r="N151" s="1">
        <v>45084.719444444447</v>
      </c>
    </row>
    <row r="152" spans="1:14" x14ac:dyDescent="0.4">
      <c r="A152">
        <v>49</v>
      </c>
      <c r="B152" t="s">
        <v>147</v>
      </c>
      <c r="C152">
        <v>51</v>
      </c>
      <c r="D152">
        <v>2</v>
      </c>
      <c r="E152">
        <v>405</v>
      </c>
      <c r="F152">
        <v>1118</v>
      </c>
      <c r="G152">
        <v>1</v>
      </c>
      <c r="H152">
        <v>0</v>
      </c>
      <c r="I152">
        <v>0</v>
      </c>
      <c r="J152">
        <v>0</v>
      </c>
      <c r="K152">
        <v>1</v>
      </c>
      <c r="L152">
        <v>0</v>
      </c>
      <c r="M152" t="s">
        <v>88</v>
      </c>
      <c r="N152" s="1">
        <v>45084.751666666663</v>
      </c>
    </row>
    <row r="153" spans="1:14" x14ac:dyDescent="0.4">
      <c r="A153">
        <v>50</v>
      </c>
      <c r="B153" t="s">
        <v>148</v>
      </c>
      <c r="C153">
        <v>13</v>
      </c>
      <c r="D153">
        <v>2</v>
      </c>
      <c r="E153">
        <v>348</v>
      </c>
      <c r="F153">
        <v>769</v>
      </c>
      <c r="G153">
        <v>1</v>
      </c>
      <c r="H153">
        <v>0</v>
      </c>
      <c r="I153">
        <v>0</v>
      </c>
      <c r="J153">
        <v>0</v>
      </c>
      <c r="K153">
        <v>1</v>
      </c>
      <c r="L153">
        <v>0</v>
      </c>
      <c r="M153" t="s">
        <v>88</v>
      </c>
      <c r="N153" s="1">
        <v>45084.768576388888</v>
      </c>
    </row>
    <row r="154" spans="1:14" x14ac:dyDescent="0.4">
      <c r="A154">
        <v>51</v>
      </c>
      <c r="B154" t="s">
        <v>149</v>
      </c>
      <c r="C154">
        <v>3</v>
      </c>
      <c r="D154">
        <v>2</v>
      </c>
      <c r="E154">
        <v>120</v>
      </c>
      <c r="F154">
        <v>434</v>
      </c>
      <c r="G154">
        <v>3</v>
      </c>
      <c r="H154">
        <v>0</v>
      </c>
      <c r="I154">
        <v>1</v>
      </c>
      <c r="J154">
        <v>60</v>
      </c>
      <c r="K154">
        <v>0</v>
      </c>
      <c r="L154">
        <v>0</v>
      </c>
      <c r="M154" t="s">
        <v>88</v>
      </c>
      <c r="N154" s="1">
        <v>45084.906354166669</v>
      </c>
    </row>
    <row r="155" spans="1:14" x14ac:dyDescent="0.4">
      <c r="A155">
        <v>52</v>
      </c>
      <c r="B155">
        <v>2742795366</v>
      </c>
      <c r="C155">
        <v>6</v>
      </c>
      <c r="D155">
        <v>2</v>
      </c>
      <c r="E155">
        <v>357</v>
      </c>
      <c r="F155">
        <v>1138</v>
      </c>
      <c r="G155">
        <v>1</v>
      </c>
      <c r="H155">
        <v>0</v>
      </c>
      <c r="I155">
        <v>0</v>
      </c>
      <c r="J155">
        <v>0</v>
      </c>
      <c r="K155">
        <v>1</v>
      </c>
      <c r="L155">
        <v>0</v>
      </c>
      <c r="M155" t="s">
        <v>88</v>
      </c>
      <c r="N155" s="1">
        <v>45085.46162037037</v>
      </c>
    </row>
    <row r="156" spans="1:14" x14ac:dyDescent="0.4">
      <c r="A156">
        <v>53</v>
      </c>
      <c r="B156" t="s">
        <v>150</v>
      </c>
      <c r="C156">
        <v>12</v>
      </c>
      <c r="D156">
        <v>2</v>
      </c>
      <c r="E156">
        <v>359</v>
      </c>
      <c r="F156">
        <v>1140</v>
      </c>
      <c r="G156">
        <v>1</v>
      </c>
      <c r="H156">
        <v>0</v>
      </c>
      <c r="I156">
        <v>0</v>
      </c>
      <c r="J156">
        <v>0</v>
      </c>
      <c r="K156">
        <v>1</v>
      </c>
      <c r="L156">
        <v>0</v>
      </c>
      <c r="M156" t="s">
        <v>88</v>
      </c>
      <c r="N156" s="1">
        <v>45085.511747685188</v>
      </c>
    </row>
    <row r="157" spans="1:14" x14ac:dyDescent="0.4">
      <c r="A157">
        <v>54</v>
      </c>
      <c r="B157" t="s">
        <v>151</v>
      </c>
      <c r="C157">
        <v>1</v>
      </c>
      <c r="D157">
        <v>2</v>
      </c>
      <c r="E157">
        <v>120</v>
      </c>
      <c r="F157">
        <v>1256</v>
      </c>
      <c r="G157">
        <v>3</v>
      </c>
      <c r="H157">
        <v>0</v>
      </c>
      <c r="I157">
        <v>1</v>
      </c>
      <c r="J157">
        <v>60</v>
      </c>
      <c r="K157">
        <v>0</v>
      </c>
      <c r="L157">
        <v>0</v>
      </c>
      <c r="M157" t="s">
        <v>88</v>
      </c>
      <c r="N157" s="1">
        <v>45086.335694444446</v>
      </c>
    </row>
    <row r="158" spans="1:14" x14ac:dyDescent="0.4">
      <c r="A158">
        <v>55</v>
      </c>
      <c r="B158" t="s">
        <v>152</v>
      </c>
      <c r="C158">
        <v>6</v>
      </c>
      <c r="D158">
        <v>2</v>
      </c>
      <c r="E158">
        <v>0</v>
      </c>
      <c r="F158">
        <v>932</v>
      </c>
      <c r="G158">
        <v>1</v>
      </c>
      <c r="H158">
        <v>0</v>
      </c>
      <c r="I158">
        <v>0</v>
      </c>
      <c r="J158">
        <v>0</v>
      </c>
      <c r="K158">
        <v>1</v>
      </c>
      <c r="L158">
        <v>0</v>
      </c>
      <c r="M158" t="s">
        <v>88</v>
      </c>
      <c r="N158" s="1">
        <v>45085.651712962965</v>
      </c>
    </row>
    <row r="159" spans="1:14" x14ac:dyDescent="0.4">
      <c r="A159">
        <v>56</v>
      </c>
      <c r="B159" t="s">
        <v>153</v>
      </c>
      <c r="C159">
        <v>7</v>
      </c>
      <c r="D159">
        <v>2</v>
      </c>
      <c r="E159">
        <v>537</v>
      </c>
      <c r="F159">
        <v>1137</v>
      </c>
      <c r="G159">
        <v>1</v>
      </c>
      <c r="H159">
        <v>0</v>
      </c>
      <c r="I159">
        <v>0</v>
      </c>
      <c r="J159">
        <v>0</v>
      </c>
      <c r="K159">
        <v>1</v>
      </c>
      <c r="L159">
        <v>0</v>
      </c>
      <c r="M159" t="s">
        <v>88</v>
      </c>
      <c r="N159" s="1">
        <v>45085.667928240742</v>
      </c>
    </row>
    <row r="160" spans="1:14" x14ac:dyDescent="0.4">
      <c r="A160">
        <v>57</v>
      </c>
      <c r="B160" t="s">
        <v>154</v>
      </c>
      <c r="C160">
        <v>9</v>
      </c>
      <c r="D160">
        <v>2</v>
      </c>
      <c r="E160">
        <v>111</v>
      </c>
      <c r="F160">
        <v>892</v>
      </c>
      <c r="G160">
        <v>3</v>
      </c>
      <c r="H160">
        <v>0</v>
      </c>
      <c r="I160">
        <v>0</v>
      </c>
      <c r="J160">
        <v>0</v>
      </c>
      <c r="K160">
        <v>1</v>
      </c>
      <c r="L160">
        <v>0</v>
      </c>
      <c r="M160" t="s">
        <v>88</v>
      </c>
      <c r="N160" s="1">
        <v>45085.631608796299</v>
      </c>
    </row>
    <row r="161" spans="1:14" x14ac:dyDescent="0.4">
      <c r="A161">
        <v>58</v>
      </c>
      <c r="B161">
        <v>2742795365</v>
      </c>
      <c r="C161">
        <v>5</v>
      </c>
      <c r="D161">
        <v>2</v>
      </c>
      <c r="E161">
        <v>358</v>
      </c>
      <c r="F161">
        <v>1138</v>
      </c>
      <c r="G161">
        <v>1</v>
      </c>
      <c r="H161">
        <v>0</v>
      </c>
      <c r="I161">
        <v>0</v>
      </c>
      <c r="J161">
        <v>0</v>
      </c>
      <c r="K161">
        <v>1</v>
      </c>
      <c r="L161">
        <v>0</v>
      </c>
      <c r="M161" t="s">
        <v>88</v>
      </c>
      <c r="N161" s="1">
        <v>45085.555081018516</v>
      </c>
    </row>
    <row r="162" spans="1:14" x14ac:dyDescent="0.4">
      <c r="A162">
        <v>59</v>
      </c>
      <c r="B162" t="s">
        <v>155</v>
      </c>
      <c r="C162">
        <v>11</v>
      </c>
      <c r="D162">
        <v>2</v>
      </c>
      <c r="E162">
        <v>359</v>
      </c>
      <c r="F162">
        <v>1140</v>
      </c>
      <c r="G162">
        <v>1</v>
      </c>
      <c r="H162">
        <v>0</v>
      </c>
      <c r="I162">
        <v>0</v>
      </c>
      <c r="J162">
        <v>0</v>
      </c>
      <c r="K162">
        <v>1</v>
      </c>
      <c r="L162">
        <v>0</v>
      </c>
      <c r="M162" t="s">
        <v>88</v>
      </c>
      <c r="N162" s="1">
        <v>45085.597245370373</v>
      </c>
    </row>
    <row r="163" spans="1:14" x14ac:dyDescent="0.4">
      <c r="A163">
        <v>60</v>
      </c>
      <c r="B163" t="s">
        <v>156</v>
      </c>
      <c r="C163">
        <v>13</v>
      </c>
      <c r="D163">
        <v>2</v>
      </c>
      <c r="E163">
        <v>109</v>
      </c>
      <c r="F163">
        <v>1139</v>
      </c>
      <c r="G163">
        <v>2</v>
      </c>
      <c r="H163">
        <v>0</v>
      </c>
      <c r="I163">
        <v>0</v>
      </c>
      <c r="J163">
        <v>0</v>
      </c>
      <c r="K163">
        <v>1</v>
      </c>
      <c r="L163">
        <v>0</v>
      </c>
      <c r="M163" t="s">
        <v>88</v>
      </c>
      <c r="N163" s="1">
        <v>45085.659224537034</v>
      </c>
    </row>
    <row r="164" spans="1:14" x14ac:dyDescent="0.4">
      <c r="A164">
        <v>61</v>
      </c>
      <c r="B164" t="s">
        <v>157</v>
      </c>
      <c r="C164">
        <v>10</v>
      </c>
      <c r="D164">
        <v>2</v>
      </c>
      <c r="E164">
        <v>360</v>
      </c>
      <c r="F164">
        <v>1140</v>
      </c>
      <c r="G164">
        <v>1</v>
      </c>
      <c r="H164">
        <v>0</v>
      </c>
      <c r="I164">
        <v>0</v>
      </c>
      <c r="J164">
        <v>0</v>
      </c>
      <c r="K164">
        <v>1</v>
      </c>
      <c r="L164">
        <v>0</v>
      </c>
      <c r="M164" t="s">
        <v>88</v>
      </c>
      <c r="N164" s="1">
        <v>45085.709386574075</v>
      </c>
    </row>
    <row r="165" spans="1:14" x14ac:dyDescent="0.4">
      <c r="A165">
        <v>62</v>
      </c>
      <c r="B165" t="s">
        <v>158</v>
      </c>
      <c r="C165">
        <v>15</v>
      </c>
      <c r="D165">
        <v>2</v>
      </c>
      <c r="E165">
        <v>236</v>
      </c>
      <c r="F165">
        <v>1018</v>
      </c>
      <c r="G165">
        <v>2</v>
      </c>
      <c r="H165">
        <v>0</v>
      </c>
      <c r="I165">
        <v>0</v>
      </c>
      <c r="J165">
        <v>0</v>
      </c>
      <c r="K165">
        <v>1</v>
      </c>
      <c r="L165">
        <v>0</v>
      </c>
      <c r="M165" t="s">
        <v>88</v>
      </c>
      <c r="N165" s="1">
        <v>45085.724965277775</v>
      </c>
    </row>
    <row r="166" spans="1:14" x14ac:dyDescent="0.4">
      <c r="A166">
        <v>63</v>
      </c>
      <c r="B166" t="s">
        <v>159</v>
      </c>
      <c r="C166">
        <v>2</v>
      </c>
      <c r="D166">
        <v>2</v>
      </c>
      <c r="E166">
        <v>82</v>
      </c>
      <c r="F166">
        <v>704</v>
      </c>
      <c r="G166">
        <v>2</v>
      </c>
      <c r="H166">
        <v>0</v>
      </c>
      <c r="I166">
        <v>0</v>
      </c>
      <c r="J166">
        <v>0</v>
      </c>
      <c r="K166">
        <v>1</v>
      </c>
      <c r="L166">
        <v>0</v>
      </c>
      <c r="M166" t="s">
        <v>88</v>
      </c>
      <c r="N166" s="1">
        <v>45085.798206018517</v>
      </c>
    </row>
    <row r="167" spans="1:14" x14ac:dyDescent="0.4">
      <c r="A167">
        <v>64</v>
      </c>
      <c r="B167" t="s">
        <v>160</v>
      </c>
      <c r="C167">
        <v>12</v>
      </c>
      <c r="D167">
        <v>2</v>
      </c>
      <c r="E167">
        <v>312</v>
      </c>
      <c r="F167">
        <v>733</v>
      </c>
      <c r="G167">
        <v>1</v>
      </c>
      <c r="H167">
        <v>0</v>
      </c>
      <c r="I167">
        <v>0</v>
      </c>
      <c r="J167">
        <v>0</v>
      </c>
      <c r="K167">
        <v>1</v>
      </c>
      <c r="L167">
        <v>0</v>
      </c>
      <c r="M167" t="s">
        <v>88</v>
      </c>
      <c r="N167" s="1">
        <v>45085.844942129632</v>
      </c>
    </row>
    <row r="168" spans="1:14" x14ac:dyDescent="0.4">
      <c r="A168">
        <v>65</v>
      </c>
      <c r="B168" t="s">
        <v>161</v>
      </c>
      <c r="C168">
        <v>21</v>
      </c>
      <c r="D168">
        <v>2</v>
      </c>
      <c r="E168">
        <v>184</v>
      </c>
      <c r="F168">
        <v>750</v>
      </c>
      <c r="G168">
        <v>40</v>
      </c>
      <c r="H168">
        <v>0</v>
      </c>
      <c r="I168">
        <v>0</v>
      </c>
      <c r="J168">
        <v>0</v>
      </c>
      <c r="K168">
        <v>1</v>
      </c>
      <c r="L168">
        <v>0</v>
      </c>
      <c r="M168" t="s">
        <v>88</v>
      </c>
      <c r="N168" s="1">
        <v>45085.854004629633</v>
      </c>
    </row>
    <row r="169" spans="1:14" x14ac:dyDescent="0.4">
      <c r="A169">
        <v>66</v>
      </c>
      <c r="B169" t="s">
        <v>162</v>
      </c>
      <c r="C169">
        <v>3</v>
      </c>
      <c r="D169">
        <v>2</v>
      </c>
      <c r="E169">
        <v>120</v>
      </c>
      <c r="F169">
        <v>1211</v>
      </c>
      <c r="G169">
        <v>3</v>
      </c>
      <c r="H169">
        <v>0</v>
      </c>
      <c r="I169">
        <v>1</v>
      </c>
      <c r="J169">
        <v>60</v>
      </c>
      <c r="K169">
        <v>0</v>
      </c>
      <c r="L169">
        <v>0</v>
      </c>
      <c r="M169" t="s">
        <v>88</v>
      </c>
      <c r="N169" s="1">
        <v>45086.366770833331</v>
      </c>
    </row>
    <row r="170" spans="1:14" x14ac:dyDescent="0.4">
      <c r="A170">
        <v>67</v>
      </c>
      <c r="B170" t="s">
        <v>163</v>
      </c>
      <c r="C170">
        <v>1</v>
      </c>
      <c r="D170">
        <v>2</v>
      </c>
      <c r="E170">
        <v>120</v>
      </c>
      <c r="F170">
        <v>1207</v>
      </c>
      <c r="G170">
        <v>3</v>
      </c>
      <c r="H170">
        <v>0</v>
      </c>
      <c r="I170">
        <v>1</v>
      </c>
      <c r="J170">
        <v>60</v>
      </c>
      <c r="K170">
        <v>0</v>
      </c>
      <c r="L170">
        <v>0</v>
      </c>
      <c r="M170" t="s">
        <v>88</v>
      </c>
      <c r="N170" s="1">
        <v>45086.369629629633</v>
      </c>
    </row>
    <row r="171" spans="1:14" x14ac:dyDescent="0.4">
      <c r="A171">
        <v>68</v>
      </c>
      <c r="B171" t="s">
        <v>164</v>
      </c>
      <c r="C171">
        <v>6</v>
      </c>
      <c r="D171">
        <v>2</v>
      </c>
      <c r="E171">
        <v>366</v>
      </c>
      <c r="F171">
        <v>1147</v>
      </c>
      <c r="G171">
        <v>1</v>
      </c>
      <c r="H171">
        <v>0</v>
      </c>
      <c r="I171">
        <v>0</v>
      </c>
      <c r="J171">
        <v>0</v>
      </c>
      <c r="K171">
        <v>0</v>
      </c>
      <c r="L171">
        <v>0</v>
      </c>
      <c r="M171" t="s">
        <v>88</v>
      </c>
      <c r="N171" s="1">
        <v>45086.453912037039</v>
      </c>
    </row>
    <row r="172" spans="1:14" x14ac:dyDescent="0.4">
      <c r="A172">
        <v>69</v>
      </c>
      <c r="B172" t="s">
        <v>165</v>
      </c>
      <c r="C172">
        <v>7</v>
      </c>
      <c r="D172">
        <v>2</v>
      </c>
      <c r="E172">
        <v>366</v>
      </c>
      <c r="F172">
        <v>1147</v>
      </c>
      <c r="G172">
        <v>1</v>
      </c>
      <c r="H172">
        <v>0</v>
      </c>
      <c r="I172">
        <v>0</v>
      </c>
      <c r="J172">
        <v>0</v>
      </c>
      <c r="K172">
        <v>0</v>
      </c>
      <c r="L172">
        <v>0</v>
      </c>
      <c r="M172" t="s">
        <v>88</v>
      </c>
      <c r="N172" s="1">
        <v>45086.454074074078</v>
      </c>
    </row>
    <row r="173" spans="1:14" x14ac:dyDescent="0.4">
      <c r="A173">
        <v>70</v>
      </c>
      <c r="B173" t="s">
        <v>166</v>
      </c>
      <c r="C173">
        <v>8</v>
      </c>
      <c r="D173">
        <v>2</v>
      </c>
      <c r="E173">
        <v>366</v>
      </c>
      <c r="F173">
        <v>1147</v>
      </c>
      <c r="G173">
        <v>1</v>
      </c>
      <c r="H173">
        <v>0</v>
      </c>
      <c r="I173">
        <v>0</v>
      </c>
      <c r="J173">
        <v>0</v>
      </c>
      <c r="K173">
        <v>0</v>
      </c>
      <c r="L173">
        <v>0</v>
      </c>
      <c r="M173" t="s">
        <v>88</v>
      </c>
      <c r="N173" s="1">
        <v>45086.454317129632</v>
      </c>
    </row>
    <row r="174" spans="1:14" x14ac:dyDescent="0.4">
      <c r="A174">
        <v>71</v>
      </c>
      <c r="B174" t="s">
        <v>167</v>
      </c>
      <c r="C174">
        <v>9</v>
      </c>
      <c r="D174">
        <v>2</v>
      </c>
      <c r="E174">
        <v>366</v>
      </c>
      <c r="F174">
        <v>1146</v>
      </c>
      <c r="G174">
        <v>1</v>
      </c>
      <c r="H174">
        <v>0</v>
      </c>
      <c r="I174">
        <v>0</v>
      </c>
      <c r="J174">
        <v>0</v>
      </c>
      <c r="K174">
        <v>0</v>
      </c>
      <c r="L174">
        <v>0</v>
      </c>
      <c r="M174" t="s">
        <v>88</v>
      </c>
      <c r="N174" s="1">
        <v>45086.454456018517</v>
      </c>
    </row>
    <row r="175" spans="1:14" x14ac:dyDescent="0.4">
      <c r="A175">
        <v>72</v>
      </c>
      <c r="B175" t="s">
        <v>164</v>
      </c>
      <c r="C175">
        <v>6</v>
      </c>
      <c r="D175">
        <v>2</v>
      </c>
      <c r="E175">
        <v>229</v>
      </c>
      <c r="F175">
        <v>1147</v>
      </c>
      <c r="G175">
        <v>3</v>
      </c>
      <c r="H175">
        <v>0</v>
      </c>
      <c r="I175">
        <v>0</v>
      </c>
      <c r="J175">
        <v>0</v>
      </c>
      <c r="K175">
        <v>1</v>
      </c>
      <c r="L175">
        <v>0</v>
      </c>
      <c r="M175" t="s">
        <v>88</v>
      </c>
      <c r="N175" s="1">
        <v>45086.588125000002</v>
      </c>
    </row>
    <row r="176" spans="1:14" x14ac:dyDescent="0.4">
      <c r="A176">
        <v>73</v>
      </c>
      <c r="B176" t="s">
        <v>168</v>
      </c>
      <c r="C176">
        <v>6</v>
      </c>
      <c r="D176">
        <v>2</v>
      </c>
      <c r="E176">
        <v>119</v>
      </c>
      <c r="F176">
        <v>634</v>
      </c>
      <c r="G176">
        <v>25</v>
      </c>
      <c r="H176">
        <v>1</v>
      </c>
      <c r="I176">
        <v>0</v>
      </c>
      <c r="J176">
        <v>0</v>
      </c>
      <c r="K176">
        <v>0</v>
      </c>
      <c r="L176">
        <v>0</v>
      </c>
      <c r="M176" t="s">
        <v>88</v>
      </c>
      <c r="N176" s="1">
        <v>45086.810706018521</v>
      </c>
    </row>
    <row r="177" spans="1:14" x14ac:dyDescent="0.4">
      <c r="A177">
        <v>74</v>
      </c>
      <c r="B177" t="s">
        <v>169</v>
      </c>
      <c r="C177">
        <v>2</v>
      </c>
      <c r="D177">
        <v>2</v>
      </c>
      <c r="E177">
        <v>306</v>
      </c>
      <c r="F177">
        <v>731</v>
      </c>
      <c r="G177">
        <v>2</v>
      </c>
      <c r="H177">
        <v>0</v>
      </c>
      <c r="I177">
        <v>0</v>
      </c>
      <c r="J177">
        <v>0</v>
      </c>
      <c r="K177">
        <v>1</v>
      </c>
      <c r="L177">
        <v>0</v>
      </c>
      <c r="M177" t="s">
        <v>88</v>
      </c>
      <c r="N177" s="1">
        <v>45086.800196759257</v>
      </c>
    </row>
    <row r="178" spans="1:14" x14ac:dyDescent="0.4">
      <c r="A178">
        <v>75</v>
      </c>
      <c r="B178">
        <v>2743205166</v>
      </c>
      <c r="C178">
        <v>6</v>
      </c>
      <c r="D178">
        <v>3</v>
      </c>
      <c r="E178">
        <v>30</v>
      </c>
      <c r="F178">
        <v>754</v>
      </c>
      <c r="G178">
        <v>25</v>
      </c>
      <c r="H178">
        <v>1</v>
      </c>
      <c r="I178">
        <v>0</v>
      </c>
      <c r="J178">
        <v>0</v>
      </c>
      <c r="K178">
        <v>1</v>
      </c>
      <c r="L178">
        <v>0</v>
      </c>
      <c r="M178" t="s">
        <v>88</v>
      </c>
      <c r="N178" s="1">
        <v>45086.817349537036</v>
      </c>
    </row>
    <row r="179" spans="1:14" x14ac:dyDescent="0.4">
      <c r="A179">
        <v>76</v>
      </c>
      <c r="B179" t="s">
        <v>170</v>
      </c>
      <c r="C179">
        <v>12</v>
      </c>
      <c r="D179">
        <v>2</v>
      </c>
      <c r="E179">
        <v>114</v>
      </c>
      <c r="F179">
        <v>895</v>
      </c>
      <c r="G179">
        <v>1</v>
      </c>
      <c r="H179">
        <v>0</v>
      </c>
      <c r="I179">
        <v>0</v>
      </c>
      <c r="J179">
        <v>0</v>
      </c>
      <c r="K179">
        <v>1</v>
      </c>
      <c r="L179">
        <v>0</v>
      </c>
      <c r="M179" t="s">
        <v>88</v>
      </c>
      <c r="N179" s="1">
        <v>45086.645266203705</v>
      </c>
    </row>
    <row r="180" spans="1:14" x14ac:dyDescent="0.4">
      <c r="A180">
        <v>77</v>
      </c>
      <c r="B180" t="s">
        <v>171</v>
      </c>
      <c r="C180">
        <v>13</v>
      </c>
      <c r="D180">
        <v>2</v>
      </c>
      <c r="E180">
        <v>322</v>
      </c>
      <c r="F180">
        <v>1141</v>
      </c>
      <c r="G180">
        <v>2</v>
      </c>
      <c r="H180">
        <v>0</v>
      </c>
      <c r="I180">
        <v>0</v>
      </c>
      <c r="J180">
        <v>0</v>
      </c>
      <c r="K180">
        <v>1</v>
      </c>
      <c r="L180">
        <v>0</v>
      </c>
      <c r="M180" t="s">
        <v>88</v>
      </c>
      <c r="N180" s="1">
        <v>45086.518958333334</v>
      </c>
    </row>
    <row r="181" spans="1:14" x14ac:dyDescent="0.4">
      <c r="A181">
        <v>78</v>
      </c>
      <c r="B181" t="s">
        <v>166</v>
      </c>
      <c r="C181">
        <v>8</v>
      </c>
      <c r="D181">
        <v>2</v>
      </c>
      <c r="E181">
        <v>278</v>
      </c>
      <c r="F181">
        <v>1147</v>
      </c>
      <c r="G181">
        <v>3</v>
      </c>
      <c r="H181">
        <v>0</v>
      </c>
      <c r="I181">
        <v>0</v>
      </c>
      <c r="J181">
        <v>0</v>
      </c>
      <c r="K181">
        <v>1</v>
      </c>
      <c r="L181">
        <v>0</v>
      </c>
      <c r="M181" t="s">
        <v>88</v>
      </c>
      <c r="N181" s="1">
        <v>45086.542893518519</v>
      </c>
    </row>
    <row r="182" spans="1:14" x14ac:dyDescent="0.4">
      <c r="A182">
        <v>79</v>
      </c>
      <c r="B182">
        <v>2743283133</v>
      </c>
      <c r="C182">
        <v>51</v>
      </c>
      <c r="D182">
        <v>2</v>
      </c>
      <c r="E182">
        <v>246</v>
      </c>
      <c r="F182">
        <v>668</v>
      </c>
      <c r="G182">
        <v>6</v>
      </c>
      <c r="H182">
        <v>0</v>
      </c>
      <c r="I182">
        <v>0</v>
      </c>
      <c r="J182">
        <v>0</v>
      </c>
      <c r="K182">
        <v>0</v>
      </c>
      <c r="L182">
        <v>0</v>
      </c>
      <c r="M182" t="s">
        <v>88</v>
      </c>
      <c r="N182" s="1">
        <v>45086.787442129629</v>
      </c>
    </row>
    <row r="183" spans="1:14" x14ac:dyDescent="0.4">
      <c r="A183">
        <v>80</v>
      </c>
      <c r="B183" t="s">
        <v>172</v>
      </c>
      <c r="C183">
        <v>2</v>
      </c>
      <c r="D183">
        <v>2</v>
      </c>
      <c r="E183">
        <v>189</v>
      </c>
      <c r="F183">
        <v>609</v>
      </c>
      <c r="G183">
        <v>2</v>
      </c>
      <c r="H183">
        <v>0</v>
      </c>
      <c r="I183">
        <v>0</v>
      </c>
      <c r="J183">
        <v>0</v>
      </c>
      <c r="K183">
        <v>1</v>
      </c>
      <c r="L183">
        <v>0</v>
      </c>
      <c r="M183" t="s">
        <v>88</v>
      </c>
      <c r="N183" s="1">
        <v>45086.851724537039</v>
      </c>
    </row>
    <row r="184" spans="1:14" x14ac:dyDescent="0.4">
      <c r="A184">
        <v>81</v>
      </c>
      <c r="B184" t="s">
        <v>173</v>
      </c>
      <c r="C184">
        <v>61</v>
      </c>
      <c r="D184">
        <v>2</v>
      </c>
      <c r="E184">
        <v>167</v>
      </c>
      <c r="F184">
        <v>630</v>
      </c>
      <c r="G184">
        <v>35</v>
      </c>
      <c r="H184">
        <v>1</v>
      </c>
      <c r="I184">
        <v>0</v>
      </c>
      <c r="J184">
        <v>0</v>
      </c>
      <c r="K184">
        <v>1</v>
      </c>
      <c r="L184">
        <v>0</v>
      </c>
      <c r="M184" t="s">
        <v>88</v>
      </c>
      <c r="N184" s="1">
        <v>45086.943668981483</v>
      </c>
    </row>
    <row r="185" spans="1:14" x14ac:dyDescent="0.4">
      <c r="A185">
        <v>82</v>
      </c>
      <c r="B185" t="s">
        <v>174</v>
      </c>
      <c r="C185">
        <v>6</v>
      </c>
      <c r="D185">
        <v>2</v>
      </c>
      <c r="E185">
        <v>60</v>
      </c>
      <c r="F185">
        <v>441</v>
      </c>
      <c r="G185">
        <v>1</v>
      </c>
      <c r="H185">
        <v>0</v>
      </c>
      <c r="I185">
        <v>0</v>
      </c>
      <c r="J185">
        <v>0</v>
      </c>
      <c r="K185">
        <v>1</v>
      </c>
      <c r="L185">
        <v>0</v>
      </c>
      <c r="M185" t="s">
        <v>88</v>
      </c>
      <c r="N185" s="1">
        <v>45086.945787037039</v>
      </c>
    </row>
    <row r="186" spans="1:14" x14ac:dyDescent="0.4">
      <c r="A186">
        <v>83</v>
      </c>
      <c r="B186" t="s">
        <v>59</v>
      </c>
      <c r="C186">
        <v>1</v>
      </c>
      <c r="D186">
        <v>2</v>
      </c>
      <c r="E186">
        <v>207</v>
      </c>
      <c r="F186">
        <v>627</v>
      </c>
      <c r="G186">
        <v>4</v>
      </c>
      <c r="H186">
        <v>0</v>
      </c>
      <c r="I186">
        <v>0</v>
      </c>
      <c r="J186">
        <v>0</v>
      </c>
      <c r="K186">
        <v>1</v>
      </c>
      <c r="L186">
        <v>0</v>
      </c>
      <c r="M186" t="s">
        <v>88</v>
      </c>
      <c r="N186" s="1">
        <v>45086.950208333335</v>
      </c>
    </row>
    <row r="187" spans="1:14" x14ac:dyDescent="0.4">
      <c r="A187">
        <v>84</v>
      </c>
      <c r="B187" t="s">
        <v>175</v>
      </c>
      <c r="C187">
        <v>12</v>
      </c>
      <c r="D187">
        <v>2</v>
      </c>
      <c r="E187">
        <v>362</v>
      </c>
      <c r="F187">
        <v>1142</v>
      </c>
      <c r="G187">
        <v>5</v>
      </c>
      <c r="H187">
        <v>0</v>
      </c>
      <c r="I187">
        <v>0</v>
      </c>
      <c r="J187">
        <v>0</v>
      </c>
      <c r="K187">
        <v>0</v>
      </c>
      <c r="L187">
        <v>0</v>
      </c>
      <c r="M187" t="s">
        <v>88</v>
      </c>
      <c r="N187" s="1">
        <v>45087.45716435185</v>
      </c>
    </row>
    <row r="188" spans="1:14" x14ac:dyDescent="0.4">
      <c r="A188">
        <v>85</v>
      </c>
      <c r="B188" t="s">
        <v>176</v>
      </c>
      <c r="C188">
        <v>2</v>
      </c>
      <c r="D188">
        <v>2</v>
      </c>
      <c r="E188">
        <v>120</v>
      </c>
      <c r="F188">
        <v>825</v>
      </c>
      <c r="G188">
        <v>3</v>
      </c>
      <c r="H188">
        <v>0</v>
      </c>
      <c r="I188">
        <v>1</v>
      </c>
      <c r="J188">
        <v>60</v>
      </c>
      <c r="K188">
        <v>0</v>
      </c>
      <c r="L188">
        <v>0</v>
      </c>
      <c r="M188" t="s">
        <v>88</v>
      </c>
      <c r="N188" s="1">
        <v>45087.635231481479</v>
      </c>
    </row>
    <row r="189" spans="1:14" x14ac:dyDescent="0.4">
      <c r="A189">
        <v>86</v>
      </c>
      <c r="B189" t="s">
        <v>63</v>
      </c>
      <c r="C189">
        <v>5</v>
      </c>
      <c r="D189">
        <v>2</v>
      </c>
      <c r="E189">
        <v>262</v>
      </c>
      <c r="F189">
        <v>1043</v>
      </c>
      <c r="G189">
        <v>1</v>
      </c>
      <c r="H189">
        <v>0</v>
      </c>
      <c r="I189">
        <v>0</v>
      </c>
      <c r="J189">
        <v>0</v>
      </c>
      <c r="K189">
        <v>1</v>
      </c>
      <c r="L189">
        <v>0</v>
      </c>
      <c r="M189" t="s">
        <v>88</v>
      </c>
      <c r="N189" s="1">
        <v>45087.581979166665</v>
      </c>
    </row>
    <row r="190" spans="1:14" x14ac:dyDescent="0.4">
      <c r="A190">
        <v>87</v>
      </c>
      <c r="B190" t="s">
        <v>177</v>
      </c>
      <c r="C190">
        <v>6</v>
      </c>
      <c r="D190">
        <v>2</v>
      </c>
      <c r="E190">
        <v>402</v>
      </c>
      <c r="F190">
        <v>1003</v>
      </c>
      <c r="G190">
        <v>1</v>
      </c>
      <c r="H190">
        <v>0</v>
      </c>
      <c r="I190">
        <v>0</v>
      </c>
      <c r="J190">
        <v>0</v>
      </c>
      <c r="K190">
        <v>1</v>
      </c>
      <c r="L190">
        <v>0</v>
      </c>
      <c r="M190" t="s">
        <v>88</v>
      </c>
      <c r="N190" s="1">
        <v>45087.741064814814</v>
      </c>
    </row>
    <row r="191" spans="1:14" x14ac:dyDescent="0.4">
      <c r="A191">
        <v>88</v>
      </c>
      <c r="B191" t="s">
        <v>178</v>
      </c>
      <c r="C191">
        <v>13</v>
      </c>
      <c r="D191">
        <v>2</v>
      </c>
      <c r="E191">
        <v>158</v>
      </c>
      <c r="F191">
        <v>1042</v>
      </c>
      <c r="G191">
        <v>1</v>
      </c>
      <c r="H191">
        <v>0</v>
      </c>
      <c r="I191">
        <v>0</v>
      </c>
      <c r="J191">
        <v>0</v>
      </c>
      <c r="K191">
        <v>1</v>
      </c>
      <c r="L191">
        <v>0</v>
      </c>
      <c r="M191" t="s">
        <v>88</v>
      </c>
      <c r="N191" s="1">
        <v>45087.657916666663</v>
      </c>
    </row>
    <row r="192" spans="1:14" x14ac:dyDescent="0.4">
      <c r="A192">
        <v>89</v>
      </c>
      <c r="B192" t="s">
        <v>179</v>
      </c>
      <c r="C192">
        <v>6</v>
      </c>
      <c r="D192">
        <v>2</v>
      </c>
      <c r="E192">
        <v>97</v>
      </c>
      <c r="F192">
        <v>697</v>
      </c>
      <c r="G192">
        <v>2</v>
      </c>
      <c r="H192">
        <v>0</v>
      </c>
      <c r="I192">
        <v>0</v>
      </c>
      <c r="J192">
        <v>0</v>
      </c>
      <c r="K192">
        <v>0</v>
      </c>
      <c r="L192">
        <v>0</v>
      </c>
      <c r="M192" t="s">
        <v>88</v>
      </c>
      <c r="N192" s="1">
        <v>45087.766250000001</v>
      </c>
    </row>
    <row r="193" spans="1:14" x14ac:dyDescent="0.4">
      <c r="A193">
        <v>90</v>
      </c>
      <c r="B193" t="s">
        <v>180</v>
      </c>
      <c r="C193">
        <v>15</v>
      </c>
      <c r="D193">
        <v>2</v>
      </c>
      <c r="E193">
        <v>232</v>
      </c>
      <c r="F193">
        <v>1013</v>
      </c>
      <c r="G193">
        <v>3</v>
      </c>
      <c r="H193">
        <v>0</v>
      </c>
      <c r="I193">
        <v>0</v>
      </c>
      <c r="J193">
        <v>0</v>
      </c>
      <c r="K193">
        <v>1</v>
      </c>
      <c r="L193">
        <v>0</v>
      </c>
      <c r="M193" t="s">
        <v>88</v>
      </c>
      <c r="N193" s="1">
        <v>45087.632141203707</v>
      </c>
    </row>
    <row r="194" spans="1:14" x14ac:dyDescent="0.4">
      <c r="A194">
        <v>91</v>
      </c>
      <c r="B194" t="s">
        <v>181</v>
      </c>
      <c r="C194">
        <v>7</v>
      </c>
      <c r="D194">
        <v>2</v>
      </c>
      <c r="E194">
        <v>106</v>
      </c>
      <c r="F194">
        <v>887</v>
      </c>
      <c r="G194">
        <v>1</v>
      </c>
      <c r="H194">
        <v>0</v>
      </c>
      <c r="I194">
        <v>0</v>
      </c>
      <c r="J194">
        <v>0</v>
      </c>
      <c r="K194">
        <v>1</v>
      </c>
      <c r="L194">
        <v>0</v>
      </c>
      <c r="M194" t="s">
        <v>88</v>
      </c>
      <c r="N194" s="1">
        <v>45087.658634259256</v>
      </c>
    </row>
    <row r="195" spans="1:14" x14ac:dyDescent="0.4">
      <c r="A195">
        <v>92</v>
      </c>
      <c r="B195" t="s">
        <v>182</v>
      </c>
      <c r="C195">
        <v>26</v>
      </c>
      <c r="D195">
        <v>2</v>
      </c>
      <c r="E195">
        <v>438</v>
      </c>
      <c r="F195">
        <v>921</v>
      </c>
      <c r="G195">
        <v>1</v>
      </c>
      <c r="H195">
        <v>0</v>
      </c>
      <c r="I195">
        <v>0</v>
      </c>
      <c r="J195">
        <v>0</v>
      </c>
      <c r="K195">
        <v>1</v>
      </c>
      <c r="L195">
        <v>0</v>
      </c>
      <c r="M195" t="s">
        <v>88</v>
      </c>
      <c r="N195" s="1">
        <v>45087.680844907409</v>
      </c>
    </row>
    <row r="196" spans="1:14" x14ac:dyDescent="0.4">
      <c r="A196">
        <v>93</v>
      </c>
      <c r="B196" t="s">
        <v>183</v>
      </c>
      <c r="C196">
        <v>51</v>
      </c>
      <c r="D196">
        <v>2</v>
      </c>
      <c r="E196">
        <v>246</v>
      </c>
      <c r="F196">
        <v>846</v>
      </c>
      <c r="G196">
        <v>1</v>
      </c>
      <c r="H196">
        <v>0</v>
      </c>
      <c r="I196">
        <v>0</v>
      </c>
      <c r="J196">
        <v>0</v>
      </c>
      <c r="K196">
        <v>1</v>
      </c>
      <c r="L196">
        <v>0</v>
      </c>
      <c r="M196" t="s">
        <v>88</v>
      </c>
      <c r="N196" s="1">
        <v>45087.707083333335</v>
      </c>
    </row>
    <row r="197" spans="1:14" x14ac:dyDescent="0.4">
      <c r="A197">
        <v>94</v>
      </c>
      <c r="B197" t="s">
        <v>184</v>
      </c>
      <c r="C197">
        <v>5</v>
      </c>
      <c r="D197">
        <v>2</v>
      </c>
      <c r="E197">
        <v>104</v>
      </c>
      <c r="F197">
        <v>750</v>
      </c>
      <c r="G197">
        <v>12</v>
      </c>
      <c r="H197">
        <v>1</v>
      </c>
      <c r="I197">
        <v>0</v>
      </c>
      <c r="J197">
        <v>0</v>
      </c>
      <c r="K197">
        <v>0</v>
      </c>
      <c r="L197">
        <v>0</v>
      </c>
      <c r="M197" t="s">
        <v>88</v>
      </c>
      <c r="N197" s="1">
        <v>45087.740023148152</v>
      </c>
    </row>
    <row r="198" spans="1:14" x14ac:dyDescent="0.4">
      <c r="A198">
        <v>95</v>
      </c>
      <c r="B198" t="s">
        <v>185</v>
      </c>
      <c r="C198">
        <v>2</v>
      </c>
      <c r="D198">
        <v>2</v>
      </c>
      <c r="E198">
        <v>0</v>
      </c>
      <c r="F198">
        <v>865</v>
      </c>
      <c r="G198">
        <v>2</v>
      </c>
      <c r="H198">
        <v>0</v>
      </c>
      <c r="I198">
        <v>0</v>
      </c>
      <c r="J198">
        <v>0</v>
      </c>
      <c r="K198">
        <v>1</v>
      </c>
      <c r="L198">
        <v>0</v>
      </c>
      <c r="M198" t="s">
        <v>88</v>
      </c>
      <c r="N198" s="1">
        <v>45087.746331018519</v>
      </c>
    </row>
    <row r="199" spans="1:14" x14ac:dyDescent="0.4">
      <c r="A199">
        <v>96</v>
      </c>
      <c r="B199" t="s">
        <v>186</v>
      </c>
      <c r="C199">
        <v>14</v>
      </c>
      <c r="D199">
        <v>2</v>
      </c>
      <c r="E199">
        <v>158</v>
      </c>
      <c r="F199">
        <v>985</v>
      </c>
      <c r="G199">
        <v>3</v>
      </c>
      <c r="H199">
        <v>0</v>
      </c>
      <c r="I199">
        <v>0</v>
      </c>
      <c r="J199">
        <v>0</v>
      </c>
      <c r="K199">
        <v>1</v>
      </c>
      <c r="L199">
        <v>0</v>
      </c>
      <c r="M199" t="s">
        <v>88</v>
      </c>
      <c r="N199" s="1">
        <v>45087.77380787037</v>
      </c>
    </row>
    <row r="200" spans="1:14" x14ac:dyDescent="0.4">
      <c r="A200">
        <v>97</v>
      </c>
      <c r="B200" t="s">
        <v>187</v>
      </c>
      <c r="C200">
        <v>13</v>
      </c>
      <c r="D200">
        <v>2</v>
      </c>
      <c r="E200">
        <v>241</v>
      </c>
      <c r="F200">
        <v>661</v>
      </c>
      <c r="G200">
        <v>9</v>
      </c>
      <c r="H200">
        <v>0</v>
      </c>
      <c r="I200">
        <v>0</v>
      </c>
      <c r="J200">
        <v>0</v>
      </c>
      <c r="K200">
        <v>1</v>
      </c>
      <c r="L200">
        <v>0</v>
      </c>
      <c r="M200" t="s">
        <v>88</v>
      </c>
      <c r="N200" s="1">
        <v>45087.86546296296</v>
      </c>
    </row>
    <row r="201" spans="1:14" x14ac:dyDescent="0.4">
      <c r="A201">
        <v>98</v>
      </c>
      <c r="B201" t="s">
        <v>188</v>
      </c>
      <c r="C201">
        <v>1</v>
      </c>
      <c r="D201">
        <v>2</v>
      </c>
      <c r="E201">
        <v>114</v>
      </c>
      <c r="F201">
        <v>535</v>
      </c>
      <c r="G201">
        <v>3</v>
      </c>
      <c r="H201">
        <v>0</v>
      </c>
      <c r="I201">
        <v>0</v>
      </c>
      <c r="J201">
        <v>0</v>
      </c>
      <c r="K201">
        <v>0</v>
      </c>
      <c r="L201">
        <v>0</v>
      </c>
      <c r="M201" t="s">
        <v>88</v>
      </c>
      <c r="N201" s="1">
        <v>45087.879143518519</v>
      </c>
    </row>
    <row r="202" spans="1:14" x14ac:dyDescent="0.4">
      <c r="A202">
        <v>99</v>
      </c>
      <c r="B202" t="s">
        <v>189</v>
      </c>
      <c r="C202">
        <v>3</v>
      </c>
      <c r="D202">
        <v>2</v>
      </c>
      <c r="E202">
        <v>120</v>
      </c>
      <c r="F202">
        <v>470</v>
      </c>
      <c r="G202">
        <v>3</v>
      </c>
      <c r="H202">
        <v>0</v>
      </c>
      <c r="I202">
        <v>1</v>
      </c>
      <c r="J202">
        <v>60</v>
      </c>
      <c r="K202">
        <v>0</v>
      </c>
      <c r="L202">
        <v>0</v>
      </c>
      <c r="M202" t="s">
        <v>88</v>
      </c>
      <c r="N202" s="1">
        <v>45087.881608796299</v>
      </c>
    </row>
    <row r="203" spans="1:14" x14ac:dyDescent="0.4">
      <c r="A203">
        <v>100</v>
      </c>
      <c r="B203" t="s">
        <v>67</v>
      </c>
      <c r="C203">
        <v>6</v>
      </c>
      <c r="D203">
        <v>2</v>
      </c>
      <c r="E203">
        <v>144</v>
      </c>
      <c r="F203">
        <v>565</v>
      </c>
      <c r="G203">
        <v>1</v>
      </c>
      <c r="H203">
        <v>0</v>
      </c>
      <c r="I203">
        <v>0</v>
      </c>
      <c r="J203">
        <v>0</v>
      </c>
      <c r="K203">
        <v>1</v>
      </c>
      <c r="L203">
        <v>0</v>
      </c>
      <c r="M203" t="s">
        <v>88</v>
      </c>
      <c r="N203" s="1">
        <v>45087.928599537037</v>
      </c>
    </row>
    <row r="204" spans="1:14" x14ac:dyDescent="0.4">
      <c r="A204">
        <v>101</v>
      </c>
      <c r="B204" t="s">
        <v>190</v>
      </c>
      <c r="C204">
        <v>6</v>
      </c>
      <c r="D204">
        <v>2</v>
      </c>
      <c r="E204">
        <v>119</v>
      </c>
      <c r="F204">
        <v>806</v>
      </c>
      <c r="G204">
        <v>36</v>
      </c>
      <c r="H204">
        <v>1</v>
      </c>
      <c r="I204">
        <v>0</v>
      </c>
      <c r="J204">
        <v>0</v>
      </c>
      <c r="K204">
        <v>0</v>
      </c>
      <c r="L204">
        <v>0</v>
      </c>
      <c r="M204" t="s">
        <v>88</v>
      </c>
      <c r="N204" s="1">
        <v>45088.69085648148</v>
      </c>
    </row>
    <row r="205" spans="1:14" x14ac:dyDescent="0.4">
      <c r="A205">
        <v>102</v>
      </c>
      <c r="B205" t="s">
        <v>191</v>
      </c>
      <c r="C205">
        <v>6</v>
      </c>
      <c r="D205">
        <v>2</v>
      </c>
      <c r="E205">
        <v>25</v>
      </c>
      <c r="F205">
        <v>900</v>
      </c>
      <c r="G205">
        <v>36</v>
      </c>
      <c r="H205">
        <v>1</v>
      </c>
      <c r="I205">
        <v>0</v>
      </c>
      <c r="J205">
        <v>0</v>
      </c>
      <c r="K205">
        <v>1</v>
      </c>
      <c r="L205">
        <v>0</v>
      </c>
      <c r="M205" t="s">
        <v>88</v>
      </c>
      <c r="N205" s="1">
        <v>45088.702164351853</v>
      </c>
    </row>
    <row r="206" spans="1:14" x14ac:dyDescent="0.4">
      <c r="A206">
        <v>103</v>
      </c>
      <c r="B206" t="s">
        <v>71</v>
      </c>
      <c r="C206">
        <v>51</v>
      </c>
      <c r="D206">
        <v>2</v>
      </c>
      <c r="E206">
        <v>247</v>
      </c>
      <c r="F206">
        <v>668</v>
      </c>
      <c r="G206">
        <v>2</v>
      </c>
      <c r="H206">
        <v>0</v>
      </c>
      <c r="I206">
        <v>0</v>
      </c>
      <c r="J206">
        <v>0</v>
      </c>
      <c r="K206">
        <v>0</v>
      </c>
      <c r="L206">
        <v>0</v>
      </c>
      <c r="M206" t="s">
        <v>88</v>
      </c>
      <c r="N206" s="1">
        <v>45088.786527777775</v>
      </c>
    </row>
    <row r="207" spans="1:14" x14ac:dyDescent="0.4">
      <c r="A207">
        <v>104</v>
      </c>
      <c r="B207" t="s">
        <v>192</v>
      </c>
      <c r="C207">
        <v>6</v>
      </c>
      <c r="D207">
        <v>2</v>
      </c>
      <c r="E207">
        <v>251</v>
      </c>
      <c r="F207">
        <v>677</v>
      </c>
      <c r="G207">
        <v>2</v>
      </c>
      <c r="H207">
        <v>0</v>
      </c>
      <c r="I207">
        <v>0</v>
      </c>
      <c r="J207">
        <v>0</v>
      </c>
      <c r="K207">
        <v>1</v>
      </c>
      <c r="L207">
        <v>0</v>
      </c>
      <c r="M207" t="s">
        <v>88</v>
      </c>
      <c r="N207" s="1">
        <v>45088.789236111108</v>
      </c>
    </row>
    <row r="208" spans="1:14" x14ac:dyDescent="0.4">
      <c r="A208">
        <v>105</v>
      </c>
      <c r="B208" t="s">
        <v>193</v>
      </c>
      <c r="C208">
        <v>62</v>
      </c>
      <c r="D208">
        <v>2</v>
      </c>
      <c r="E208">
        <v>132</v>
      </c>
      <c r="F208">
        <v>598</v>
      </c>
      <c r="G208">
        <v>2</v>
      </c>
      <c r="H208">
        <v>0</v>
      </c>
      <c r="I208">
        <v>0</v>
      </c>
      <c r="J208">
        <v>0</v>
      </c>
      <c r="K208">
        <v>1</v>
      </c>
      <c r="L208">
        <v>0</v>
      </c>
      <c r="M208" t="s">
        <v>88</v>
      </c>
      <c r="N208" s="1">
        <v>45088.867662037039</v>
      </c>
    </row>
    <row r="209" spans="1:14" x14ac:dyDescent="0.4">
      <c r="A209">
        <v>106</v>
      </c>
      <c r="B209" t="s">
        <v>194</v>
      </c>
      <c r="C209">
        <v>71</v>
      </c>
      <c r="D209">
        <v>2</v>
      </c>
      <c r="E209">
        <v>14</v>
      </c>
      <c r="F209">
        <v>660</v>
      </c>
      <c r="G209">
        <v>48</v>
      </c>
      <c r="H209">
        <v>1</v>
      </c>
      <c r="I209">
        <v>0</v>
      </c>
      <c r="J209">
        <v>0</v>
      </c>
      <c r="K209">
        <v>1</v>
      </c>
      <c r="L209">
        <v>0</v>
      </c>
      <c r="M209" t="s">
        <v>88</v>
      </c>
      <c r="N209" s="1">
        <v>45088.886157407411</v>
      </c>
    </row>
    <row r="210" spans="1:14" x14ac:dyDescent="0.4">
      <c r="A210">
        <v>107</v>
      </c>
      <c r="B210" t="s">
        <v>195</v>
      </c>
      <c r="C210">
        <v>61</v>
      </c>
      <c r="D210">
        <v>2</v>
      </c>
      <c r="E210">
        <v>236</v>
      </c>
      <c r="F210">
        <v>657</v>
      </c>
      <c r="G210">
        <v>3</v>
      </c>
      <c r="H210">
        <v>0</v>
      </c>
      <c r="I210">
        <v>0</v>
      </c>
      <c r="J210">
        <v>0</v>
      </c>
      <c r="K210">
        <v>1</v>
      </c>
      <c r="L210">
        <v>0</v>
      </c>
      <c r="M210" t="s">
        <v>88</v>
      </c>
      <c r="N210" s="1">
        <v>45088.892465277779</v>
      </c>
    </row>
    <row r="211" spans="1:14" x14ac:dyDescent="0.4">
      <c r="A211">
        <v>1153</v>
      </c>
      <c r="B211" t="s">
        <v>196</v>
      </c>
      <c r="C211">
        <v>8</v>
      </c>
      <c r="D211">
        <v>2</v>
      </c>
      <c r="E211">
        <v>322</v>
      </c>
      <c r="F211">
        <v>1103</v>
      </c>
      <c r="G211">
        <v>2</v>
      </c>
      <c r="H211">
        <v>0</v>
      </c>
      <c r="I211">
        <v>0</v>
      </c>
      <c r="J211">
        <v>0</v>
      </c>
      <c r="K211">
        <v>1</v>
      </c>
      <c r="L211">
        <v>0</v>
      </c>
      <c r="M211" t="s">
        <v>88</v>
      </c>
      <c r="N211" s="1">
        <v>45089.533356481479</v>
      </c>
    </row>
    <row r="212" spans="1:14" x14ac:dyDescent="0.4">
      <c r="A212">
        <v>1154</v>
      </c>
      <c r="B212" t="s">
        <v>197</v>
      </c>
      <c r="C212">
        <v>6</v>
      </c>
      <c r="D212">
        <v>2</v>
      </c>
      <c r="E212">
        <v>215</v>
      </c>
      <c r="F212">
        <v>1058</v>
      </c>
      <c r="G212">
        <v>2</v>
      </c>
      <c r="H212">
        <v>0</v>
      </c>
      <c r="I212">
        <v>0</v>
      </c>
      <c r="J212">
        <v>0</v>
      </c>
      <c r="K212">
        <v>1</v>
      </c>
      <c r="L212">
        <v>0</v>
      </c>
      <c r="M212" t="s">
        <v>88</v>
      </c>
      <c r="N212" s="1">
        <v>45089.559074074074</v>
      </c>
    </row>
    <row r="213" spans="1:14" x14ac:dyDescent="0.4">
      <c r="A213" t="s">
        <v>0</v>
      </c>
      <c r="B213" t="s">
        <v>198</v>
      </c>
      <c r="C213" t="s">
        <v>199</v>
      </c>
      <c r="D213" t="s">
        <v>200</v>
      </c>
      <c r="E213" t="s">
        <v>201</v>
      </c>
      <c r="F213" t="s">
        <v>202</v>
      </c>
      <c r="G213" t="s">
        <v>203</v>
      </c>
      <c r="H213" t="s">
        <v>204</v>
      </c>
    </row>
    <row r="214" spans="1:14" x14ac:dyDescent="0.4">
      <c r="A214">
        <v>1</v>
      </c>
      <c r="B214">
        <v>6</v>
      </c>
      <c r="C214" t="s">
        <v>114</v>
      </c>
      <c r="D214">
        <v>1</v>
      </c>
      <c r="E214">
        <v>1</v>
      </c>
      <c r="F214">
        <v>9999</v>
      </c>
      <c r="G214" t="s">
        <v>88</v>
      </c>
      <c r="H214" s="1">
        <v>44604.344085648147</v>
      </c>
    </row>
    <row r="215" spans="1:14" x14ac:dyDescent="0.4">
      <c r="A215">
        <v>2</v>
      </c>
      <c r="B215">
        <v>0</v>
      </c>
      <c r="C215" t="s">
        <v>88</v>
      </c>
      <c r="D215" t="s">
        <v>88</v>
      </c>
      <c r="E215" t="s">
        <v>88</v>
      </c>
      <c r="F215" t="s">
        <v>205</v>
      </c>
      <c r="G215" t="s">
        <v>206</v>
      </c>
      <c r="H215" s="1">
        <v>44618.876782407409</v>
      </c>
    </row>
    <row r="216" spans="1:14" x14ac:dyDescent="0.4">
      <c r="A216">
        <v>3</v>
      </c>
      <c r="B216">
        <v>0</v>
      </c>
      <c r="C216" t="s">
        <v>88</v>
      </c>
      <c r="D216" t="s">
        <v>88</v>
      </c>
      <c r="E216" t="s">
        <v>88</v>
      </c>
      <c r="F216" t="s">
        <v>207</v>
      </c>
      <c r="G216" t="s">
        <v>206</v>
      </c>
      <c r="H216" s="1">
        <v>44604.609837962962</v>
      </c>
    </row>
    <row r="217" spans="1:14" x14ac:dyDescent="0.4">
      <c r="A217">
        <v>4</v>
      </c>
      <c r="B217">
        <v>0</v>
      </c>
      <c r="C217" t="s">
        <v>88</v>
      </c>
      <c r="D217" t="s">
        <v>88</v>
      </c>
      <c r="E217" t="s">
        <v>88</v>
      </c>
      <c r="F217" t="s">
        <v>208</v>
      </c>
      <c r="G217" t="s">
        <v>206</v>
      </c>
      <c r="H217" s="1">
        <v>44606.921782407408</v>
      </c>
    </row>
    <row r="218" spans="1:14" x14ac:dyDescent="0.4">
      <c r="A218">
        <v>5</v>
      </c>
      <c r="B218">
        <v>0</v>
      </c>
      <c r="C218" t="s">
        <v>88</v>
      </c>
      <c r="D218" t="s">
        <v>88</v>
      </c>
      <c r="E218" t="s">
        <v>88</v>
      </c>
      <c r="F218" t="s">
        <v>209</v>
      </c>
      <c r="G218" t="s">
        <v>206</v>
      </c>
      <c r="H218" s="1">
        <v>44614.649421296293</v>
      </c>
    </row>
    <row r="219" spans="1:14" x14ac:dyDescent="0.4">
      <c r="A219">
        <v>6</v>
      </c>
      <c r="B219">
        <v>0</v>
      </c>
      <c r="C219" t="s">
        <v>88</v>
      </c>
      <c r="D219" t="s">
        <v>88</v>
      </c>
      <c r="E219" t="s">
        <v>88</v>
      </c>
      <c r="F219" t="s">
        <v>210</v>
      </c>
      <c r="G219" t="s">
        <v>206</v>
      </c>
      <c r="H219" s="1">
        <v>44616.314363425925</v>
      </c>
    </row>
    <row r="220" spans="1:14" x14ac:dyDescent="0.4">
      <c r="A220">
        <v>7</v>
      </c>
      <c r="B220">
        <v>0</v>
      </c>
      <c r="C220" t="s">
        <v>88</v>
      </c>
      <c r="D220" t="s">
        <v>88</v>
      </c>
      <c r="E220" t="s">
        <v>88</v>
      </c>
      <c r="F220" t="s">
        <v>211</v>
      </c>
      <c r="G220" t="s">
        <v>212</v>
      </c>
      <c r="H220" s="1">
        <v>45033.95753472222</v>
      </c>
    </row>
    <row r="221" spans="1:14" x14ac:dyDescent="0.4">
      <c r="A221">
        <v>8</v>
      </c>
      <c r="B221">
        <v>0</v>
      </c>
      <c r="C221" t="s">
        <v>88</v>
      </c>
      <c r="D221" t="s">
        <v>88</v>
      </c>
      <c r="E221" t="s">
        <v>88</v>
      </c>
      <c r="F221" t="s">
        <v>213</v>
      </c>
      <c r="G221" t="s">
        <v>212</v>
      </c>
      <c r="H221" s="1">
        <v>44621.723969907405</v>
      </c>
    </row>
    <row r="222" spans="1:14" x14ac:dyDescent="0.4">
      <c r="A222">
        <v>9</v>
      </c>
      <c r="B222">
        <v>0</v>
      </c>
      <c r="C222" t="s">
        <v>88</v>
      </c>
      <c r="D222" t="s">
        <v>88</v>
      </c>
      <c r="E222" t="s">
        <v>88</v>
      </c>
      <c r="F222" t="s">
        <v>214</v>
      </c>
      <c r="G222" t="s">
        <v>215</v>
      </c>
      <c r="H222" s="1">
        <v>44615.923055555555</v>
      </c>
    </row>
    <row r="223" spans="1:14" x14ac:dyDescent="0.4">
      <c r="A223">
        <v>10</v>
      </c>
      <c r="B223">
        <v>0</v>
      </c>
      <c r="C223" t="s">
        <v>88</v>
      </c>
      <c r="D223" t="s">
        <v>88</v>
      </c>
      <c r="E223" t="s">
        <v>88</v>
      </c>
      <c r="F223" t="s">
        <v>216</v>
      </c>
      <c r="G223" t="s">
        <v>206</v>
      </c>
      <c r="H223" s="1">
        <v>44619.925613425927</v>
      </c>
    </row>
    <row r="224" spans="1:14" x14ac:dyDescent="0.4">
      <c r="A224">
        <v>11</v>
      </c>
      <c r="B224">
        <v>0</v>
      </c>
      <c r="C224" t="s">
        <v>88</v>
      </c>
      <c r="D224" t="s">
        <v>88</v>
      </c>
      <c r="E224" t="s">
        <v>88</v>
      </c>
      <c r="F224" t="s">
        <v>217</v>
      </c>
      <c r="G224" t="s">
        <v>218</v>
      </c>
      <c r="H224" s="1">
        <v>44620.55541666667</v>
      </c>
    </row>
    <row r="225" spans="1:8" x14ac:dyDescent="0.4">
      <c r="A225">
        <v>12</v>
      </c>
      <c r="B225">
        <v>0</v>
      </c>
      <c r="C225" t="s">
        <v>88</v>
      </c>
      <c r="D225" t="s">
        <v>88</v>
      </c>
      <c r="E225" t="s">
        <v>88</v>
      </c>
      <c r="F225" t="s">
        <v>219</v>
      </c>
      <c r="G225" t="s">
        <v>220</v>
      </c>
      <c r="H225" s="1">
        <v>44670.643969907411</v>
      </c>
    </row>
    <row r="226" spans="1:8" x14ac:dyDescent="0.4">
      <c r="A226">
        <v>13</v>
      </c>
      <c r="B226">
        <v>0</v>
      </c>
      <c r="C226" t="s">
        <v>88</v>
      </c>
      <c r="D226" t="s">
        <v>88</v>
      </c>
      <c r="E226" t="s">
        <v>88</v>
      </c>
      <c r="F226" t="s">
        <v>221</v>
      </c>
      <c r="G226" t="s">
        <v>218</v>
      </c>
      <c r="H226" s="1">
        <v>44620.554884259262</v>
      </c>
    </row>
    <row r="227" spans="1:8" x14ac:dyDescent="0.4">
      <c r="A227">
        <v>14</v>
      </c>
      <c r="B227">
        <v>0</v>
      </c>
      <c r="C227" t="s">
        <v>88</v>
      </c>
      <c r="D227" t="s">
        <v>88</v>
      </c>
      <c r="E227" t="s">
        <v>88</v>
      </c>
      <c r="F227" t="s">
        <v>222</v>
      </c>
      <c r="G227" t="s">
        <v>223</v>
      </c>
      <c r="H227" s="1">
        <v>44620.59034722222</v>
      </c>
    </row>
    <row r="228" spans="1:8" x14ac:dyDescent="0.4">
      <c r="A228">
        <v>15</v>
      </c>
      <c r="B228">
        <v>0</v>
      </c>
      <c r="C228" t="s">
        <v>88</v>
      </c>
      <c r="D228" t="s">
        <v>88</v>
      </c>
      <c r="E228" t="s">
        <v>88</v>
      </c>
      <c r="F228" t="s">
        <v>224</v>
      </c>
      <c r="G228" t="s">
        <v>225</v>
      </c>
      <c r="H228" s="1">
        <v>44620.578831018516</v>
      </c>
    </row>
    <row r="229" spans="1:8" x14ac:dyDescent="0.4">
      <c r="A229">
        <v>16</v>
      </c>
      <c r="B229">
        <v>0</v>
      </c>
      <c r="C229" t="s">
        <v>88</v>
      </c>
      <c r="D229" t="s">
        <v>88</v>
      </c>
      <c r="E229" t="s">
        <v>88</v>
      </c>
      <c r="F229" t="s">
        <v>226</v>
      </c>
      <c r="G229" t="s">
        <v>227</v>
      </c>
      <c r="H229" s="1">
        <v>44620.617013888892</v>
      </c>
    </row>
    <row r="230" spans="1:8" x14ac:dyDescent="0.4">
      <c r="A230">
        <v>17</v>
      </c>
      <c r="B230">
        <v>0</v>
      </c>
      <c r="C230" t="s">
        <v>88</v>
      </c>
      <c r="D230" t="s">
        <v>88</v>
      </c>
      <c r="E230" t="s">
        <v>88</v>
      </c>
      <c r="F230" t="s">
        <v>228</v>
      </c>
      <c r="G230" t="s">
        <v>227</v>
      </c>
      <c r="H230" s="1">
        <v>44622.602083333331</v>
      </c>
    </row>
    <row r="231" spans="1:8" x14ac:dyDescent="0.4">
      <c r="A231">
        <v>18</v>
      </c>
      <c r="B231">
        <v>0</v>
      </c>
      <c r="C231" t="s">
        <v>88</v>
      </c>
      <c r="D231" t="s">
        <v>88</v>
      </c>
      <c r="E231" t="s">
        <v>88</v>
      </c>
      <c r="F231" t="s">
        <v>229</v>
      </c>
      <c r="G231" t="s">
        <v>230</v>
      </c>
      <c r="H231" s="1">
        <v>44622.657465277778</v>
      </c>
    </row>
    <row r="232" spans="1:8" x14ac:dyDescent="0.4">
      <c r="A232">
        <v>19</v>
      </c>
      <c r="B232">
        <v>0</v>
      </c>
      <c r="C232" t="s">
        <v>88</v>
      </c>
      <c r="D232" t="s">
        <v>88</v>
      </c>
      <c r="E232" t="s">
        <v>88</v>
      </c>
      <c r="F232" t="s">
        <v>231</v>
      </c>
      <c r="G232" t="s">
        <v>212</v>
      </c>
      <c r="H232" s="1">
        <v>44649.658912037034</v>
      </c>
    </row>
    <row r="233" spans="1:8" x14ac:dyDescent="0.4">
      <c r="A233">
        <v>20</v>
      </c>
      <c r="B233">
        <v>0</v>
      </c>
      <c r="C233" t="s">
        <v>88</v>
      </c>
      <c r="D233" t="s">
        <v>88</v>
      </c>
      <c r="E233" t="s">
        <v>88</v>
      </c>
      <c r="F233" t="s">
        <v>232</v>
      </c>
      <c r="G233" t="s">
        <v>206</v>
      </c>
      <c r="H233" s="1">
        <v>44622.681979166664</v>
      </c>
    </row>
    <row r="234" spans="1:8" x14ac:dyDescent="0.4">
      <c r="A234">
        <v>21</v>
      </c>
      <c r="B234">
        <v>0</v>
      </c>
      <c r="C234" t="s">
        <v>88</v>
      </c>
      <c r="D234" t="s">
        <v>88</v>
      </c>
      <c r="E234" t="s">
        <v>88</v>
      </c>
      <c r="F234" t="s">
        <v>233</v>
      </c>
      <c r="G234" t="s">
        <v>206</v>
      </c>
      <c r="H234" s="1">
        <v>44725.879583333335</v>
      </c>
    </row>
    <row r="235" spans="1:8" x14ac:dyDescent="0.4">
      <c r="A235">
        <v>22</v>
      </c>
      <c r="B235">
        <v>0</v>
      </c>
      <c r="C235" t="s">
        <v>88</v>
      </c>
      <c r="D235" t="s">
        <v>88</v>
      </c>
      <c r="E235" t="s">
        <v>88</v>
      </c>
      <c r="F235" t="s">
        <v>234</v>
      </c>
      <c r="G235" t="s">
        <v>206</v>
      </c>
      <c r="H235" s="1">
        <v>44847.862500000003</v>
      </c>
    </row>
    <row r="236" spans="1:8" x14ac:dyDescent="0.4">
      <c r="A236">
        <v>23</v>
      </c>
      <c r="B236">
        <v>0</v>
      </c>
      <c r="C236" t="s">
        <v>88</v>
      </c>
      <c r="D236" t="s">
        <v>88</v>
      </c>
      <c r="E236" t="s">
        <v>88</v>
      </c>
      <c r="F236" t="s">
        <v>235</v>
      </c>
      <c r="G236" t="s">
        <v>206</v>
      </c>
      <c r="H236" s="1">
        <v>44623.911990740744</v>
      </c>
    </row>
    <row r="237" spans="1:8" x14ac:dyDescent="0.4">
      <c r="A237">
        <v>24</v>
      </c>
      <c r="B237">
        <v>0</v>
      </c>
      <c r="C237" t="s">
        <v>88</v>
      </c>
      <c r="D237" t="s">
        <v>88</v>
      </c>
      <c r="E237" t="s">
        <v>88</v>
      </c>
      <c r="F237" t="s">
        <v>236</v>
      </c>
      <c r="G237" t="s">
        <v>227</v>
      </c>
      <c r="H237" s="1">
        <v>44623.915567129632</v>
      </c>
    </row>
    <row r="238" spans="1:8" x14ac:dyDescent="0.4">
      <c r="A238">
        <v>25</v>
      </c>
      <c r="B238">
        <v>0</v>
      </c>
      <c r="C238" t="s">
        <v>88</v>
      </c>
      <c r="D238" t="s">
        <v>88</v>
      </c>
      <c r="E238" t="s">
        <v>88</v>
      </c>
      <c r="F238" t="s">
        <v>237</v>
      </c>
      <c r="G238" t="s">
        <v>227</v>
      </c>
      <c r="H238" s="1">
        <v>44626.857361111113</v>
      </c>
    </row>
    <row r="239" spans="1:8" x14ac:dyDescent="0.4">
      <c r="A239">
        <v>26</v>
      </c>
      <c r="B239">
        <v>0</v>
      </c>
      <c r="C239" t="s">
        <v>88</v>
      </c>
      <c r="D239" t="s">
        <v>88</v>
      </c>
      <c r="E239" t="s">
        <v>88</v>
      </c>
      <c r="F239" t="s">
        <v>238</v>
      </c>
      <c r="G239" t="s">
        <v>227</v>
      </c>
      <c r="H239" s="1">
        <v>44627.31082175926</v>
      </c>
    </row>
    <row r="240" spans="1:8" x14ac:dyDescent="0.4">
      <c r="A240">
        <v>27</v>
      </c>
      <c r="B240">
        <v>0</v>
      </c>
      <c r="C240" t="s">
        <v>88</v>
      </c>
      <c r="D240" t="s">
        <v>88</v>
      </c>
      <c r="E240" t="s">
        <v>88</v>
      </c>
      <c r="F240" t="s">
        <v>239</v>
      </c>
      <c r="G240" t="s">
        <v>227</v>
      </c>
      <c r="H240" s="1">
        <v>44629.560624999998</v>
      </c>
    </row>
    <row r="241" spans="1:8" x14ac:dyDescent="0.4">
      <c r="A241">
        <v>28</v>
      </c>
      <c r="B241">
        <v>0</v>
      </c>
      <c r="C241" t="s">
        <v>88</v>
      </c>
      <c r="D241" t="s">
        <v>88</v>
      </c>
      <c r="E241" t="s">
        <v>88</v>
      </c>
      <c r="F241" t="s">
        <v>240</v>
      </c>
      <c r="G241" t="s">
        <v>227</v>
      </c>
      <c r="H241" s="1">
        <v>44633.548587962963</v>
      </c>
    </row>
    <row r="242" spans="1:8" x14ac:dyDescent="0.4">
      <c r="A242">
        <v>29</v>
      </c>
      <c r="B242">
        <v>0</v>
      </c>
      <c r="C242" t="s">
        <v>88</v>
      </c>
      <c r="D242" t="s">
        <v>88</v>
      </c>
      <c r="E242" t="s">
        <v>88</v>
      </c>
      <c r="F242" t="s">
        <v>241</v>
      </c>
      <c r="G242" t="s">
        <v>242</v>
      </c>
      <c r="H242" s="1">
        <v>44638.51934027778</v>
      </c>
    </row>
    <row r="243" spans="1:8" x14ac:dyDescent="0.4">
      <c r="A243">
        <v>30</v>
      </c>
      <c r="B243">
        <v>0</v>
      </c>
      <c r="C243" t="s">
        <v>88</v>
      </c>
      <c r="D243" t="s">
        <v>88</v>
      </c>
      <c r="E243" t="s">
        <v>88</v>
      </c>
      <c r="F243" t="s">
        <v>243</v>
      </c>
      <c r="G243" t="s">
        <v>206</v>
      </c>
      <c r="H243" s="1">
        <v>44641.76971064815</v>
      </c>
    </row>
    <row r="244" spans="1:8" x14ac:dyDescent="0.4">
      <c r="A244">
        <v>31</v>
      </c>
      <c r="B244">
        <v>0</v>
      </c>
      <c r="C244" t="s">
        <v>88</v>
      </c>
      <c r="D244" t="s">
        <v>88</v>
      </c>
      <c r="E244" t="s">
        <v>88</v>
      </c>
      <c r="F244" t="s">
        <v>244</v>
      </c>
      <c r="G244" t="s">
        <v>245</v>
      </c>
      <c r="H244" s="1">
        <v>44642.682303240741</v>
      </c>
    </row>
    <row r="245" spans="1:8" x14ac:dyDescent="0.4">
      <c r="A245">
        <v>32</v>
      </c>
      <c r="B245">
        <v>0</v>
      </c>
      <c r="C245" t="s">
        <v>88</v>
      </c>
      <c r="D245" t="s">
        <v>88</v>
      </c>
      <c r="E245" t="s">
        <v>88</v>
      </c>
      <c r="F245" t="s">
        <v>246</v>
      </c>
      <c r="G245" t="s">
        <v>247</v>
      </c>
      <c r="H245" s="1">
        <v>44678.667974537035</v>
      </c>
    </row>
    <row r="246" spans="1:8" x14ac:dyDescent="0.4">
      <c r="A246">
        <v>33</v>
      </c>
      <c r="B246">
        <v>0</v>
      </c>
      <c r="C246" t="s">
        <v>88</v>
      </c>
      <c r="D246" t="s">
        <v>88</v>
      </c>
      <c r="E246" t="s">
        <v>88</v>
      </c>
      <c r="F246" t="s">
        <v>248</v>
      </c>
      <c r="G246" t="s">
        <v>247</v>
      </c>
      <c r="H246" s="1">
        <v>44642.686956018515</v>
      </c>
    </row>
    <row r="247" spans="1:8" x14ac:dyDescent="0.4">
      <c r="A247">
        <v>34</v>
      </c>
      <c r="B247">
        <v>0</v>
      </c>
      <c r="C247" t="s">
        <v>88</v>
      </c>
      <c r="D247" t="s">
        <v>88</v>
      </c>
      <c r="E247" t="s">
        <v>88</v>
      </c>
      <c r="F247" t="s">
        <v>249</v>
      </c>
      <c r="G247" t="s">
        <v>227</v>
      </c>
      <c r="H247" s="1">
        <v>44643.698298611111</v>
      </c>
    </row>
    <row r="248" spans="1:8" x14ac:dyDescent="0.4">
      <c r="A248">
        <v>35</v>
      </c>
      <c r="B248">
        <v>0</v>
      </c>
      <c r="C248" t="s">
        <v>88</v>
      </c>
      <c r="D248" t="s">
        <v>88</v>
      </c>
      <c r="E248" t="s">
        <v>88</v>
      </c>
      <c r="F248" t="s">
        <v>250</v>
      </c>
      <c r="G248" t="s">
        <v>206</v>
      </c>
      <c r="H248" s="1">
        <v>44643.652488425927</v>
      </c>
    </row>
    <row r="249" spans="1:8" x14ac:dyDescent="0.4">
      <c r="A249">
        <v>36</v>
      </c>
      <c r="B249">
        <v>0</v>
      </c>
      <c r="C249" t="s">
        <v>88</v>
      </c>
      <c r="D249" t="s">
        <v>88</v>
      </c>
      <c r="E249" t="s">
        <v>88</v>
      </c>
      <c r="F249" t="s">
        <v>251</v>
      </c>
      <c r="G249" t="s">
        <v>252</v>
      </c>
      <c r="H249" s="1">
        <v>44643.669768518521</v>
      </c>
    </row>
    <row r="250" spans="1:8" x14ac:dyDescent="0.4">
      <c r="A250">
        <v>37</v>
      </c>
      <c r="B250">
        <v>0</v>
      </c>
      <c r="C250" t="s">
        <v>88</v>
      </c>
      <c r="D250" t="s">
        <v>88</v>
      </c>
      <c r="E250" t="s">
        <v>88</v>
      </c>
      <c r="F250" t="s">
        <v>253</v>
      </c>
      <c r="G250" t="s">
        <v>206</v>
      </c>
      <c r="H250" s="1">
        <v>44650.662962962961</v>
      </c>
    </row>
    <row r="251" spans="1:8" x14ac:dyDescent="0.4">
      <c r="A251">
        <v>38</v>
      </c>
      <c r="B251">
        <v>0</v>
      </c>
      <c r="C251" t="s">
        <v>88</v>
      </c>
      <c r="D251" t="s">
        <v>88</v>
      </c>
      <c r="E251" t="s">
        <v>88</v>
      </c>
      <c r="F251" t="s">
        <v>254</v>
      </c>
      <c r="G251" t="s">
        <v>220</v>
      </c>
      <c r="H251" s="1">
        <v>44643.648356481484</v>
      </c>
    </row>
    <row r="252" spans="1:8" x14ac:dyDescent="0.4">
      <c r="A252">
        <v>39</v>
      </c>
      <c r="B252">
        <v>0</v>
      </c>
      <c r="C252" t="s">
        <v>88</v>
      </c>
      <c r="D252" t="s">
        <v>88</v>
      </c>
      <c r="E252" t="s">
        <v>88</v>
      </c>
      <c r="F252" t="s">
        <v>255</v>
      </c>
      <c r="G252" t="s">
        <v>206</v>
      </c>
      <c r="H252" s="1">
        <v>44644.319837962961</v>
      </c>
    </row>
    <row r="253" spans="1:8" x14ac:dyDescent="0.4">
      <c r="A253">
        <v>40</v>
      </c>
      <c r="B253">
        <v>0</v>
      </c>
      <c r="C253" t="s">
        <v>88</v>
      </c>
      <c r="D253" t="s">
        <v>88</v>
      </c>
      <c r="E253" t="s">
        <v>88</v>
      </c>
      <c r="F253" t="s">
        <v>256</v>
      </c>
      <c r="G253" t="s">
        <v>227</v>
      </c>
      <c r="H253" s="1">
        <v>44646.550694444442</v>
      </c>
    </row>
    <row r="254" spans="1:8" x14ac:dyDescent="0.4">
      <c r="A254">
        <v>41</v>
      </c>
      <c r="B254">
        <v>0</v>
      </c>
      <c r="C254" t="s">
        <v>88</v>
      </c>
      <c r="D254" t="s">
        <v>88</v>
      </c>
      <c r="E254" t="s">
        <v>88</v>
      </c>
      <c r="F254" t="s">
        <v>257</v>
      </c>
      <c r="G254" t="s">
        <v>212</v>
      </c>
      <c r="H254" s="1">
        <v>44650.600578703707</v>
      </c>
    </row>
    <row r="255" spans="1:8" x14ac:dyDescent="0.4">
      <c r="A255">
        <v>42</v>
      </c>
      <c r="B255">
        <v>0</v>
      </c>
      <c r="C255" t="s">
        <v>88</v>
      </c>
      <c r="D255" t="s">
        <v>88</v>
      </c>
      <c r="E255" t="s">
        <v>88</v>
      </c>
      <c r="F255" t="s">
        <v>258</v>
      </c>
      <c r="G255" t="s">
        <v>259</v>
      </c>
      <c r="H255" s="1">
        <v>44657.790335648147</v>
      </c>
    </row>
    <row r="256" spans="1:8" x14ac:dyDescent="0.4">
      <c r="A256">
        <v>43</v>
      </c>
      <c r="B256">
        <v>0</v>
      </c>
      <c r="C256" t="s">
        <v>88</v>
      </c>
      <c r="D256" t="s">
        <v>88</v>
      </c>
      <c r="E256" t="s">
        <v>88</v>
      </c>
      <c r="F256" t="s">
        <v>260</v>
      </c>
      <c r="G256" t="s">
        <v>261</v>
      </c>
      <c r="H256" s="1">
        <v>45087.881631944445</v>
      </c>
    </row>
    <row r="257" spans="1:8" x14ac:dyDescent="0.4">
      <c r="A257">
        <v>44</v>
      </c>
      <c r="B257">
        <v>0</v>
      </c>
      <c r="C257" t="s">
        <v>88</v>
      </c>
      <c r="D257" t="s">
        <v>88</v>
      </c>
      <c r="E257" t="s">
        <v>88</v>
      </c>
      <c r="F257" t="s">
        <v>262</v>
      </c>
      <c r="G257" t="s">
        <v>227</v>
      </c>
      <c r="H257" s="1">
        <v>44650.664386574077</v>
      </c>
    </row>
    <row r="258" spans="1:8" x14ac:dyDescent="0.4">
      <c r="A258">
        <v>45</v>
      </c>
      <c r="B258">
        <v>0</v>
      </c>
      <c r="C258" t="s">
        <v>88</v>
      </c>
      <c r="D258" t="s">
        <v>88</v>
      </c>
      <c r="E258" t="s">
        <v>88</v>
      </c>
      <c r="F258" t="s">
        <v>263</v>
      </c>
      <c r="G258" t="s">
        <v>212</v>
      </c>
      <c r="H258" s="1">
        <v>44650.665358796294</v>
      </c>
    </row>
    <row r="259" spans="1:8" x14ac:dyDescent="0.4">
      <c r="A259">
        <v>46</v>
      </c>
      <c r="B259">
        <v>0</v>
      </c>
      <c r="C259" t="s">
        <v>88</v>
      </c>
      <c r="D259" t="s">
        <v>88</v>
      </c>
      <c r="E259" t="s">
        <v>88</v>
      </c>
      <c r="F259" t="s">
        <v>264</v>
      </c>
      <c r="G259" t="s">
        <v>227</v>
      </c>
      <c r="H259" s="1">
        <v>44650.681446759256</v>
      </c>
    </row>
    <row r="260" spans="1:8" x14ac:dyDescent="0.4">
      <c r="A260">
        <v>47</v>
      </c>
      <c r="B260">
        <v>0</v>
      </c>
      <c r="C260" t="s">
        <v>88</v>
      </c>
      <c r="D260" t="s">
        <v>88</v>
      </c>
      <c r="E260" t="s">
        <v>88</v>
      </c>
      <c r="F260" t="s">
        <v>265</v>
      </c>
      <c r="G260" t="s">
        <v>212</v>
      </c>
      <c r="H260" s="1">
        <v>44651.538703703707</v>
      </c>
    </row>
    <row r="261" spans="1:8" x14ac:dyDescent="0.4">
      <c r="A261">
        <v>48</v>
      </c>
      <c r="B261">
        <v>0</v>
      </c>
      <c r="C261" t="s">
        <v>88</v>
      </c>
      <c r="D261" t="s">
        <v>88</v>
      </c>
      <c r="E261" t="s">
        <v>88</v>
      </c>
      <c r="F261" t="s">
        <v>266</v>
      </c>
      <c r="G261" t="s">
        <v>212</v>
      </c>
      <c r="H261" s="1">
        <v>44652.638877314814</v>
      </c>
    </row>
    <row r="262" spans="1:8" x14ac:dyDescent="0.4">
      <c r="A262">
        <v>49</v>
      </c>
      <c r="B262">
        <v>0</v>
      </c>
      <c r="C262" t="s">
        <v>88</v>
      </c>
      <c r="D262" t="s">
        <v>88</v>
      </c>
      <c r="E262" t="s">
        <v>88</v>
      </c>
      <c r="F262" t="s">
        <v>267</v>
      </c>
      <c r="G262" t="s">
        <v>212</v>
      </c>
      <c r="H262" s="1">
        <v>44653.65552083333</v>
      </c>
    </row>
    <row r="263" spans="1:8" x14ac:dyDescent="0.4">
      <c r="A263">
        <v>50</v>
      </c>
      <c r="B263">
        <v>0</v>
      </c>
      <c r="C263" t="s">
        <v>88</v>
      </c>
      <c r="D263" t="s">
        <v>88</v>
      </c>
      <c r="E263" t="s">
        <v>88</v>
      </c>
      <c r="F263" t="s">
        <v>268</v>
      </c>
      <c r="G263" t="s">
        <v>212</v>
      </c>
      <c r="H263" s="1">
        <v>44655.637627314813</v>
      </c>
    </row>
    <row r="264" spans="1:8" x14ac:dyDescent="0.4">
      <c r="A264">
        <v>51</v>
      </c>
      <c r="B264">
        <v>0</v>
      </c>
      <c r="C264" t="s">
        <v>88</v>
      </c>
      <c r="D264" t="s">
        <v>88</v>
      </c>
      <c r="E264" t="s">
        <v>88</v>
      </c>
      <c r="F264" t="s">
        <v>269</v>
      </c>
      <c r="G264" t="s">
        <v>215</v>
      </c>
      <c r="H264" s="1">
        <v>44655.600104166668</v>
      </c>
    </row>
    <row r="265" spans="1:8" x14ac:dyDescent="0.4">
      <c r="A265">
        <v>52</v>
      </c>
      <c r="B265">
        <v>0</v>
      </c>
      <c r="C265" t="s">
        <v>88</v>
      </c>
      <c r="D265" t="s">
        <v>88</v>
      </c>
      <c r="E265" t="s">
        <v>88</v>
      </c>
      <c r="F265" t="s">
        <v>270</v>
      </c>
      <c r="G265" t="s">
        <v>212</v>
      </c>
      <c r="H265" s="1">
        <v>44657.738379629627</v>
      </c>
    </row>
    <row r="266" spans="1:8" x14ac:dyDescent="0.4">
      <c r="A266">
        <v>53</v>
      </c>
      <c r="B266">
        <v>0</v>
      </c>
      <c r="C266" t="s">
        <v>88</v>
      </c>
      <c r="D266" t="s">
        <v>88</v>
      </c>
      <c r="E266" t="s">
        <v>88</v>
      </c>
      <c r="F266" t="s">
        <v>271</v>
      </c>
      <c r="G266" t="s">
        <v>259</v>
      </c>
      <c r="H266" s="1">
        <v>44665.626319444447</v>
      </c>
    </row>
    <row r="267" spans="1:8" x14ac:dyDescent="0.4">
      <c r="A267">
        <v>54</v>
      </c>
      <c r="B267">
        <v>0</v>
      </c>
      <c r="C267" t="s">
        <v>88</v>
      </c>
      <c r="D267" t="s">
        <v>88</v>
      </c>
      <c r="E267" t="s">
        <v>88</v>
      </c>
      <c r="F267" t="s">
        <v>272</v>
      </c>
      <c r="G267" t="s">
        <v>212</v>
      </c>
      <c r="H267" s="1">
        <v>44658.669548611113</v>
      </c>
    </row>
    <row r="268" spans="1:8" x14ac:dyDescent="0.4">
      <c r="A268">
        <v>55</v>
      </c>
      <c r="B268">
        <v>0</v>
      </c>
      <c r="C268" t="s">
        <v>88</v>
      </c>
      <c r="D268" t="s">
        <v>88</v>
      </c>
      <c r="E268" t="s">
        <v>88</v>
      </c>
      <c r="F268" t="s">
        <v>273</v>
      </c>
      <c r="G268" t="s">
        <v>212</v>
      </c>
      <c r="H268" s="1">
        <v>44673.768275462964</v>
      </c>
    </row>
    <row r="269" spans="1:8" x14ac:dyDescent="0.4">
      <c r="A269">
        <v>56</v>
      </c>
      <c r="B269">
        <v>0</v>
      </c>
      <c r="C269" t="s">
        <v>88</v>
      </c>
      <c r="D269" t="s">
        <v>88</v>
      </c>
      <c r="E269" t="s">
        <v>88</v>
      </c>
      <c r="F269" t="s">
        <v>274</v>
      </c>
      <c r="G269" t="s">
        <v>275</v>
      </c>
      <c r="H269" s="1">
        <v>44672.531076388892</v>
      </c>
    </row>
    <row r="270" spans="1:8" x14ac:dyDescent="0.4">
      <c r="A270">
        <v>57</v>
      </c>
      <c r="B270">
        <v>0</v>
      </c>
      <c r="C270" t="s">
        <v>88</v>
      </c>
      <c r="D270" t="s">
        <v>88</v>
      </c>
      <c r="E270" t="s">
        <v>88</v>
      </c>
      <c r="F270" t="s">
        <v>276</v>
      </c>
      <c r="G270" t="s">
        <v>227</v>
      </c>
      <c r="H270" s="1">
        <v>44672.638993055552</v>
      </c>
    </row>
    <row r="271" spans="1:8" x14ac:dyDescent="0.4">
      <c r="A271">
        <v>58</v>
      </c>
      <c r="B271">
        <v>0</v>
      </c>
      <c r="C271" t="s">
        <v>88</v>
      </c>
      <c r="D271" t="s">
        <v>88</v>
      </c>
      <c r="E271" t="s">
        <v>88</v>
      </c>
      <c r="F271" t="s">
        <v>277</v>
      </c>
      <c r="G271" t="s">
        <v>220</v>
      </c>
      <c r="H271" s="1">
        <v>44672.651782407411</v>
      </c>
    </row>
    <row r="272" spans="1:8" x14ac:dyDescent="0.4">
      <c r="A272">
        <v>59</v>
      </c>
      <c r="B272">
        <v>0</v>
      </c>
      <c r="C272" t="s">
        <v>88</v>
      </c>
      <c r="D272" t="s">
        <v>88</v>
      </c>
      <c r="E272" t="s">
        <v>88</v>
      </c>
      <c r="F272" t="s">
        <v>278</v>
      </c>
      <c r="G272" t="s">
        <v>220</v>
      </c>
      <c r="H272" s="1">
        <v>44672.66846064815</v>
      </c>
    </row>
    <row r="273" spans="1:8" x14ac:dyDescent="0.4">
      <c r="A273">
        <v>60</v>
      </c>
      <c r="B273">
        <v>0</v>
      </c>
      <c r="C273" t="s">
        <v>88</v>
      </c>
      <c r="D273" t="s">
        <v>88</v>
      </c>
      <c r="E273" t="s">
        <v>88</v>
      </c>
      <c r="F273" t="s">
        <v>279</v>
      </c>
      <c r="G273" t="s">
        <v>206</v>
      </c>
      <c r="H273" s="1">
        <v>44691.684861111113</v>
      </c>
    </row>
    <row r="274" spans="1:8" x14ac:dyDescent="0.4">
      <c r="A274">
        <v>61</v>
      </c>
      <c r="B274">
        <v>0</v>
      </c>
      <c r="C274" t="s">
        <v>88</v>
      </c>
      <c r="D274" t="s">
        <v>88</v>
      </c>
      <c r="E274" t="s">
        <v>88</v>
      </c>
      <c r="F274" t="s">
        <v>280</v>
      </c>
      <c r="G274" t="s">
        <v>245</v>
      </c>
      <c r="H274" s="1">
        <v>44678.667581018519</v>
      </c>
    </row>
    <row r="275" spans="1:8" x14ac:dyDescent="0.4">
      <c r="A275">
        <v>62</v>
      </c>
      <c r="B275">
        <v>0</v>
      </c>
      <c r="C275" t="s">
        <v>88</v>
      </c>
      <c r="D275" t="s">
        <v>88</v>
      </c>
      <c r="E275" t="s">
        <v>88</v>
      </c>
      <c r="F275" t="s">
        <v>281</v>
      </c>
      <c r="G275" t="s">
        <v>206</v>
      </c>
      <c r="H275" s="1">
        <v>44712.739907407406</v>
      </c>
    </row>
    <row r="276" spans="1:8" x14ac:dyDescent="0.4">
      <c r="A276">
        <v>63</v>
      </c>
      <c r="B276">
        <v>0</v>
      </c>
      <c r="C276" t="s">
        <v>88</v>
      </c>
      <c r="D276" t="s">
        <v>88</v>
      </c>
      <c r="E276" t="s">
        <v>88</v>
      </c>
      <c r="F276" t="s">
        <v>282</v>
      </c>
      <c r="G276" t="s">
        <v>212</v>
      </c>
      <c r="H276" s="1">
        <v>44712.762199074074</v>
      </c>
    </row>
    <row r="277" spans="1:8" x14ac:dyDescent="0.4">
      <c r="A277">
        <v>64</v>
      </c>
      <c r="B277">
        <v>0</v>
      </c>
      <c r="C277" t="s">
        <v>88</v>
      </c>
      <c r="D277" t="s">
        <v>88</v>
      </c>
      <c r="E277" t="s">
        <v>88</v>
      </c>
      <c r="F277" t="s">
        <v>283</v>
      </c>
      <c r="G277" t="s">
        <v>212</v>
      </c>
      <c r="H277" s="1">
        <v>44713.588599537034</v>
      </c>
    </row>
    <row r="278" spans="1:8" x14ac:dyDescent="0.4">
      <c r="A278">
        <v>65</v>
      </c>
      <c r="B278">
        <v>0</v>
      </c>
      <c r="C278" t="s">
        <v>88</v>
      </c>
      <c r="D278" t="s">
        <v>88</v>
      </c>
      <c r="E278" t="s">
        <v>88</v>
      </c>
      <c r="F278" t="s">
        <v>284</v>
      </c>
      <c r="G278" t="s">
        <v>212</v>
      </c>
      <c r="H278" s="1">
        <v>44713.613576388889</v>
      </c>
    </row>
    <row r="279" spans="1:8" x14ac:dyDescent="0.4">
      <c r="A279">
        <v>66</v>
      </c>
      <c r="B279">
        <v>0</v>
      </c>
      <c r="C279" t="s">
        <v>88</v>
      </c>
      <c r="D279" t="s">
        <v>88</v>
      </c>
      <c r="E279" t="s">
        <v>88</v>
      </c>
      <c r="F279" t="s">
        <v>285</v>
      </c>
      <c r="G279" t="s">
        <v>259</v>
      </c>
      <c r="H279" s="1">
        <v>44715.737303240741</v>
      </c>
    </row>
    <row r="280" spans="1:8" x14ac:dyDescent="0.4">
      <c r="A280">
        <v>67</v>
      </c>
      <c r="B280">
        <v>0</v>
      </c>
      <c r="C280" t="s">
        <v>88</v>
      </c>
      <c r="D280" t="s">
        <v>88</v>
      </c>
      <c r="E280" t="s">
        <v>88</v>
      </c>
      <c r="F280" t="s">
        <v>286</v>
      </c>
      <c r="G280" t="s">
        <v>259</v>
      </c>
      <c r="H280" s="1">
        <v>44729.616608796299</v>
      </c>
    </row>
    <row r="281" spans="1:8" x14ac:dyDescent="0.4">
      <c r="A281">
        <v>68</v>
      </c>
      <c r="B281">
        <v>0</v>
      </c>
      <c r="C281" t="s">
        <v>88</v>
      </c>
      <c r="D281" t="s">
        <v>88</v>
      </c>
      <c r="E281" t="s">
        <v>88</v>
      </c>
      <c r="F281" t="s">
        <v>287</v>
      </c>
      <c r="G281" t="s">
        <v>288</v>
      </c>
      <c r="H281" s="1">
        <v>44726.621481481481</v>
      </c>
    </row>
    <row r="282" spans="1:8" x14ac:dyDescent="0.4">
      <c r="A282">
        <v>69</v>
      </c>
      <c r="B282">
        <v>0</v>
      </c>
      <c r="C282" t="s">
        <v>88</v>
      </c>
      <c r="D282" t="s">
        <v>88</v>
      </c>
      <c r="E282" t="s">
        <v>88</v>
      </c>
      <c r="F282" t="s">
        <v>289</v>
      </c>
      <c r="G282" t="s">
        <v>212</v>
      </c>
      <c r="H282" s="1">
        <v>44721.822511574072</v>
      </c>
    </row>
    <row r="283" spans="1:8" x14ac:dyDescent="0.4">
      <c r="A283">
        <v>70</v>
      </c>
      <c r="B283">
        <v>0</v>
      </c>
      <c r="C283" t="s">
        <v>88</v>
      </c>
      <c r="D283" t="s">
        <v>88</v>
      </c>
      <c r="E283" t="s">
        <v>88</v>
      </c>
      <c r="F283" t="s">
        <v>290</v>
      </c>
      <c r="G283" t="s">
        <v>288</v>
      </c>
      <c r="H283" s="1">
        <v>44721.924108796295</v>
      </c>
    </row>
    <row r="284" spans="1:8" x14ac:dyDescent="0.4">
      <c r="A284">
        <v>71</v>
      </c>
      <c r="B284">
        <v>0</v>
      </c>
      <c r="C284" t="s">
        <v>88</v>
      </c>
      <c r="D284" t="s">
        <v>88</v>
      </c>
      <c r="E284" t="s">
        <v>88</v>
      </c>
      <c r="F284" t="s">
        <v>291</v>
      </c>
      <c r="G284" t="s">
        <v>212</v>
      </c>
      <c r="H284" s="1">
        <v>44725.883888888886</v>
      </c>
    </row>
    <row r="285" spans="1:8" x14ac:dyDescent="0.4">
      <c r="A285">
        <v>72</v>
      </c>
      <c r="B285">
        <v>0</v>
      </c>
      <c r="C285" t="s">
        <v>88</v>
      </c>
      <c r="D285" t="s">
        <v>88</v>
      </c>
      <c r="E285" t="s">
        <v>88</v>
      </c>
      <c r="F285" t="s">
        <v>292</v>
      </c>
      <c r="G285" t="s">
        <v>288</v>
      </c>
      <c r="H285" s="1">
        <v>44726.624537037038</v>
      </c>
    </row>
    <row r="286" spans="1:8" x14ac:dyDescent="0.4">
      <c r="A286">
        <v>73</v>
      </c>
      <c r="B286">
        <v>0</v>
      </c>
      <c r="C286" t="s">
        <v>88</v>
      </c>
      <c r="D286" t="s">
        <v>88</v>
      </c>
      <c r="E286" t="s">
        <v>88</v>
      </c>
      <c r="F286" t="s">
        <v>293</v>
      </c>
      <c r="G286" t="s">
        <v>212</v>
      </c>
      <c r="H286" s="1">
        <v>44758.636053240742</v>
      </c>
    </row>
    <row r="287" spans="1:8" x14ac:dyDescent="0.4">
      <c r="A287">
        <v>74</v>
      </c>
      <c r="B287">
        <v>0</v>
      </c>
      <c r="C287" t="s">
        <v>88</v>
      </c>
      <c r="D287" t="s">
        <v>88</v>
      </c>
      <c r="E287" t="s">
        <v>88</v>
      </c>
      <c r="F287" t="s">
        <v>294</v>
      </c>
      <c r="G287" t="s">
        <v>212</v>
      </c>
      <c r="H287" s="1">
        <v>44762.66646990741</v>
      </c>
    </row>
    <row r="288" spans="1:8" x14ac:dyDescent="0.4">
      <c r="A288">
        <v>75</v>
      </c>
      <c r="B288">
        <v>0</v>
      </c>
      <c r="C288" t="s">
        <v>88</v>
      </c>
      <c r="D288" t="s">
        <v>88</v>
      </c>
      <c r="E288" t="s">
        <v>88</v>
      </c>
      <c r="F288" t="s">
        <v>295</v>
      </c>
      <c r="G288" t="s">
        <v>212</v>
      </c>
      <c r="H288" s="1">
        <v>44768.555937500001</v>
      </c>
    </row>
    <row r="289" spans="1:8" x14ac:dyDescent="0.4">
      <c r="A289">
        <v>76</v>
      </c>
      <c r="B289">
        <v>0</v>
      </c>
      <c r="C289" t="s">
        <v>88</v>
      </c>
      <c r="D289" t="s">
        <v>88</v>
      </c>
      <c r="E289" t="s">
        <v>88</v>
      </c>
      <c r="F289" t="s">
        <v>296</v>
      </c>
      <c r="G289" t="s">
        <v>212</v>
      </c>
      <c r="H289" s="1">
        <v>44768.638958333337</v>
      </c>
    </row>
    <row r="290" spans="1:8" x14ac:dyDescent="0.4">
      <c r="A290">
        <v>77</v>
      </c>
      <c r="B290">
        <v>0</v>
      </c>
      <c r="C290" t="s">
        <v>88</v>
      </c>
      <c r="D290" t="s">
        <v>88</v>
      </c>
      <c r="E290" t="s">
        <v>88</v>
      </c>
      <c r="F290" t="s">
        <v>297</v>
      </c>
      <c r="G290" t="s">
        <v>212</v>
      </c>
      <c r="H290" s="1">
        <v>44805.457083333335</v>
      </c>
    </row>
    <row r="291" spans="1:8" x14ac:dyDescent="0.4">
      <c r="A291">
        <v>78</v>
      </c>
      <c r="B291">
        <v>0</v>
      </c>
      <c r="C291" t="s">
        <v>88</v>
      </c>
      <c r="D291" t="s">
        <v>88</v>
      </c>
      <c r="E291" t="s">
        <v>88</v>
      </c>
      <c r="F291" t="s">
        <v>298</v>
      </c>
      <c r="G291" t="s">
        <v>212</v>
      </c>
      <c r="H291" s="1">
        <v>44848.716724537036</v>
      </c>
    </row>
    <row r="292" spans="1:8" x14ac:dyDescent="0.4">
      <c r="A292">
        <v>79</v>
      </c>
      <c r="B292">
        <v>0</v>
      </c>
      <c r="C292" t="s">
        <v>88</v>
      </c>
      <c r="D292" t="s">
        <v>88</v>
      </c>
      <c r="E292" t="s">
        <v>88</v>
      </c>
      <c r="F292" t="s">
        <v>299</v>
      </c>
      <c r="G292" t="s">
        <v>212</v>
      </c>
      <c r="H292" s="1">
        <v>44847.866087962961</v>
      </c>
    </row>
    <row r="293" spans="1:8" x14ac:dyDescent="0.4">
      <c r="A293">
        <v>80</v>
      </c>
      <c r="B293">
        <v>0</v>
      </c>
      <c r="C293" t="s">
        <v>88</v>
      </c>
      <c r="D293" t="s">
        <v>88</v>
      </c>
      <c r="E293" t="s">
        <v>88</v>
      </c>
      <c r="F293" t="s">
        <v>300</v>
      </c>
      <c r="G293" t="s">
        <v>212</v>
      </c>
      <c r="H293" s="1">
        <v>44855.58053240741</v>
      </c>
    </row>
    <row r="294" spans="1:8" x14ac:dyDescent="0.4">
      <c r="A294">
        <v>81</v>
      </c>
      <c r="B294">
        <v>0</v>
      </c>
      <c r="C294" t="s">
        <v>88</v>
      </c>
      <c r="D294" t="s">
        <v>88</v>
      </c>
      <c r="E294" t="s">
        <v>88</v>
      </c>
      <c r="F294" t="s">
        <v>301</v>
      </c>
      <c r="G294" t="s">
        <v>302</v>
      </c>
      <c r="H294" s="1">
        <v>44854.715752314813</v>
      </c>
    </row>
    <row r="295" spans="1:8" x14ac:dyDescent="0.4">
      <c r="A295">
        <v>82</v>
      </c>
      <c r="B295">
        <v>0</v>
      </c>
      <c r="C295" t="s">
        <v>88</v>
      </c>
      <c r="D295" t="s">
        <v>88</v>
      </c>
      <c r="E295" t="s">
        <v>88</v>
      </c>
      <c r="F295" t="s">
        <v>303</v>
      </c>
      <c r="G295" t="s">
        <v>212</v>
      </c>
      <c r="H295" s="1">
        <v>44862.525439814817</v>
      </c>
    </row>
    <row r="296" spans="1:8" x14ac:dyDescent="0.4">
      <c r="A296">
        <v>83</v>
      </c>
      <c r="B296">
        <v>0</v>
      </c>
      <c r="C296" t="s">
        <v>88</v>
      </c>
      <c r="D296" t="s">
        <v>88</v>
      </c>
      <c r="E296" t="s">
        <v>88</v>
      </c>
      <c r="F296" t="s">
        <v>304</v>
      </c>
      <c r="G296" t="s">
        <v>305</v>
      </c>
      <c r="H296" s="1">
        <v>44861.764976851853</v>
      </c>
    </row>
    <row r="297" spans="1:8" x14ac:dyDescent="0.4">
      <c r="A297">
        <v>84</v>
      </c>
      <c r="B297">
        <v>0</v>
      </c>
      <c r="C297" t="s">
        <v>88</v>
      </c>
      <c r="D297" t="s">
        <v>88</v>
      </c>
      <c r="E297" t="s">
        <v>88</v>
      </c>
      <c r="F297" t="s">
        <v>306</v>
      </c>
      <c r="G297" t="s">
        <v>206</v>
      </c>
      <c r="H297" s="1">
        <v>44862.495821759258</v>
      </c>
    </row>
    <row r="298" spans="1:8" x14ac:dyDescent="0.4">
      <c r="A298">
        <v>85</v>
      </c>
      <c r="B298">
        <v>0</v>
      </c>
      <c r="C298" t="s">
        <v>88</v>
      </c>
      <c r="D298" t="s">
        <v>88</v>
      </c>
      <c r="E298" t="s">
        <v>88</v>
      </c>
      <c r="F298" t="s">
        <v>307</v>
      </c>
      <c r="G298" t="s">
        <v>212</v>
      </c>
      <c r="H298" s="1">
        <v>44862.678171296298</v>
      </c>
    </row>
    <row r="299" spans="1:8" x14ac:dyDescent="0.4">
      <c r="A299">
        <v>86</v>
      </c>
      <c r="B299">
        <v>0</v>
      </c>
      <c r="C299" t="s">
        <v>88</v>
      </c>
      <c r="D299" t="s">
        <v>88</v>
      </c>
      <c r="E299" t="s">
        <v>88</v>
      </c>
      <c r="F299" t="s">
        <v>308</v>
      </c>
      <c r="G299" t="s">
        <v>206</v>
      </c>
      <c r="H299" s="1">
        <v>44867.723773148151</v>
      </c>
    </row>
    <row r="300" spans="1:8" x14ac:dyDescent="0.4">
      <c r="A300">
        <v>87</v>
      </c>
      <c r="B300">
        <v>0</v>
      </c>
      <c r="C300" t="s">
        <v>88</v>
      </c>
      <c r="D300" t="s">
        <v>88</v>
      </c>
      <c r="E300" t="s">
        <v>88</v>
      </c>
      <c r="F300" t="s">
        <v>309</v>
      </c>
      <c r="G300" t="s">
        <v>310</v>
      </c>
      <c r="H300" s="1">
        <v>44866.59584490741</v>
      </c>
    </row>
    <row r="301" spans="1:8" x14ac:dyDescent="0.4">
      <c r="A301">
        <v>88</v>
      </c>
      <c r="B301">
        <v>0</v>
      </c>
      <c r="C301" t="s">
        <v>88</v>
      </c>
      <c r="D301" t="s">
        <v>88</v>
      </c>
      <c r="E301" t="s">
        <v>88</v>
      </c>
      <c r="F301" t="s">
        <v>311</v>
      </c>
      <c r="G301" t="s">
        <v>212</v>
      </c>
      <c r="H301" s="1">
        <v>44872.72929398148</v>
      </c>
    </row>
    <row r="302" spans="1:8" x14ac:dyDescent="0.4">
      <c r="A302">
        <v>89</v>
      </c>
      <c r="B302">
        <v>0</v>
      </c>
      <c r="C302" t="s">
        <v>88</v>
      </c>
      <c r="D302" t="s">
        <v>88</v>
      </c>
      <c r="E302" t="s">
        <v>88</v>
      </c>
      <c r="F302" t="s">
        <v>312</v>
      </c>
      <c r="G302" t="s">
        <v>206</v>
      </c>
      <c r="H302" s="1">
        <v>44873.453865740739</v>
      </c>
    </row>
    <row r="303" spans="1:8" x14ac:dyDescent="0.4">
      <c r="A303">
        <v>90</v>
      </c>
      <c r="B303">
        <v>0</v>
      </c>
      <c r="C303" t="s">
        <v>88</v>
      </c>
      <c r="D303" t="s">
        <v>88</v>
      </c>
      <c r="E303" t="s">
        <v>88</v>
      </c>
      <c r="F303" t="s">
        <v>313</v>
      </c>
      <c r="G303" t="s">
        <v>212</v>
      </c>
      <c r="H303" s="1">
        <v>44876.492048611108</v>
      </c>
    </row>
    <row r="304" spans="1:8" x14ac:dyDescent="0.4">
      <c r="A304">
        <v>91</v>
      </c>
      <c r="B304">
        <v>0</v>
      </c>
      <c r="C304" t="s">
        <v>88</v>
      </c>
      <c r="D304" t="s">
        <v>88</v>
      </c>
      <c r="E304" t="s">
        <v>88</v>
      </c>
      <c r="F304" t="s">
        <v>314</v>
      </c>
      <c r="G304" t="s">
        <v>212</v>
      </c>
      <c r="H304" s="1">
        <v>44876.761747685188</v>
      </c>
    </row>
    <row r="305" spans="1:8" x14ac:dyDescent="0.4">
      <c r="A305">
        <v>92</v>
      </c>
      <c r="B305">
        <v>0</v>
      </c>
      <c r="C305" t="s">
        <v>88</v>
      </c>
      <c r="D305" t="s">
        <v>88</v>
      </c>
      <c r="E305" t="s">
        <v>88</v>
      </c>
      <c r="F305" t="s">
        <v>315</v>
      </c>
      <c r="G305" t="s">
        <v>206</v>
      </c>
      <c r="H305" s="1">
        <v>44877.56391203704</v>
      </c>
    </row>
    <row r="306" spans="1:8" x14ac:dyDescent="0.4">
      <c r="A306">
        <v>93</v>
      </c>
      <c r="B306">
        <v>0</v>
      </c>
      <c r="C306" t="s">
        <v>88</v>
      </c>
      <c r="D306" t="s">
        <v>88</v>
      </c>
      <c r="E306" t="s">
        <v>88</v>
      </c>
      <c r="F306" t="s">
        <v>316</v>
      </c>
      <c r="G306" t="s">
        <v>212</v>
      </c>
      <c r="H306" s="1">
        <v>44880.658958333333</v>
      </c>
    </row>
    <row r="307" spans="1:8" x14ac:dyDescent="0.4">
      <c r="A307">
        <v>94</v>
      </c>
      <c r="B307">
        <v>0</v>
      </c>
      <c r="C307" t="s">
        <v>88</v>
      </c>
      <c r="D307" t="s">
        <v>88</v>
      </c>
      <c r="E307" t="s">
        <v>88</v>
      </c>
      <c r="F307" t="s">
        <v>317</v>
      </c>
      <c r="G307" t="s">
        <v>212</v>
      </c>
      <c r="H307" s="1">
        <v>44876.757418981484</v>
      </c>
    </row>
    <row r="308" spans="1:8" x14ac:dyDescent="0.4">
      <c r="A308">
        <v>95</v>
      </c>
      <c r="B308">
        <v>0</v>
      </c>
      <c r="C308" t="s">
        <v>88</v>
      </c>
      <c r="D308" t="s">
        <v>88</v>
      </c>
      <c r="E308" t="s">
        <v>88</v>
      </c>
      <c r="F308" t="s">
        <v>318</v>
      </c>
      <c r="G308" t="s">
        <v>212</v>
      </c>
      <c r="H308" s="1">
        <v>44877.632430555554</v>
      </c>
    </row>
    <row r="309" spans="1:8" x14ac:dyDescent="0.4">
      <c r="A309">
        <v>96</v>
      </c>
      <c r="B309">
        <v>0</v>
      </c>
      <c r="C309" t="s">
        <v>88</v>
      </c>
      <c r="D309" t="s">
        <v>88</v>
      </c>
      <c r="E309" t="s">
        <v>88</v>
      </c>
      <c r="F309" t="s">
        <v>319</v>
      </c>
      <c r="G309" t="s">
        <v>320</v>
      </c>
      <c r="H309" s="1">
        <v>44880.51054398148</v>
      </c>
    </row>
    <row r="310" spans="1:8" x14ac:dyDescent="0.4">
      <c r="A310">
        <v>97</v>
      </c>
      <c r="B310">
        <v>0</v>
      </c>
      <c r="C310" t="s">
        <v>88</v>
      </c>
      <c r="D310" t="s">
        <v>88</v>
      </c>
      <c r="E310" t="s">
        <v>88</v>
      </c>
      <c r="F310" t="s">
        <v>321</v>
      </c>
      <c r="G310" t="s">
        <v>212</v>
      </c>
      <c r="H310" s="1">
        <v>44887.740578703706</v>
      </c>
    </row>
    <row r="311" spans="1:8" x14ac:dyDescent="0.4">
      <c r="A311">
        <v>98</v>
      </c>
      <c r="B311">
        <v>0</v>
      </c>
      <c r="C311" t="s">
        <v>88</v>
      </c>
      <c r="D311" t="s">
        <v>88</v>
      </c>
      <c r="E311" t="s">
        <v>88</v>
      </c>
      <c r="F311" t="s">
        <v>322</v>
      </c>
      <c r="G311" t="s">
        <v>206</v>
      </c>
      <c r="H311" s="1">
        <v>44899.856689814813</v>
      </c>
    </row>
    <row r="312" spans="1:8" x14ac:dyDescent="0.4">
      <c r="A312">
        <v>99</v>
      </c>
      <c r="B312">
        <v>0</v>
      </c>
      <c r="C312" t="s">
        <v>88</v>
      </c>
      <c r="D312" t="s">
        <v>88</v>
      </c>
      <c r="E312" t="s">
        <v>88</v>
      </c>
      <c r="F312" t="s">
        <v>323</v>
      </c>
      <c r="G312" t="s">
        <v>324</v>
      </c>
      <c r="H312" s="1">
        <v>44896.579143518517</v>
      </c>
    </row>
    <row r="313" spans="1:8" x14ac:dyDescent="0.4">
      <c r="A313">
        <v>100</v>
      </c>
      <c r="B313">
        <v>0</v>
      </c>
      <c r="C313" t="s">
        <v>88</v>
      </c>
      <c r="D313" t="s">
        <v>88</v>
      </c>
      <c r="E313" t="s">
        <v>88</v>
      </c>
      <c r="F313" t="s">
        <v>325</v>
      </c>
      <c r="G313" t="s">
        <v>206</v>
      </c>
      <c r="H313" s="1">
        <v>44915.765393518515</v>
      </c>
    </row>
    <row r="314" spans="1:8" x14ac:dyDescent="0.4">
      <c r="A314">
        <v>101</v>
      </c>
      <c r="B314">
        <v>0</v>
      </c>
      <c r="C314" t="s">
        <v>88</v>
      </c>
      <c r="D314" t="s">
        <v>88</v>
      </c>
      <c r="E314" t="s">
        <v>88</v>
      </c>
      <c r="F314" t="s">
        <v>326</v>
      </c>
      <c r="G314" t="s">
        <v>212</v>
      </c>
      <c r="H314" s="1">
        <v>44986.69021990741</v>
      </c>
    </row>
    <row r="315" spans="1:8" x14ac:dyDescent="0.4">
      <c r="A315">
        <v>102</v>
      </c>
      <c r="B315">
        <v>0</v>
      </c>
      <c r="C315" t="s">
        <v>88</v>
      </c>
      <c r="D315" t="s">
        <v>88</v>
      </c>
      <c r="E315" t="s">
        <v>88</v>
      </c>
      <c r="F315" t="s">
        <v>327</v>
      </c>
      <c r="G315" t="s">
        <v>206</v>
      </c>
      <c r="H315" s="1">
        <v>45033.41988425926</v>
      </c>
    </row>
    <row r="316" spans="1:8" x14ac:dyDescent="0.4">
      <c r="A316">
        <v>103</v>
      </c>
      <c r="B316">
        <v>0</v>
      </c>
      <c r="C316" t="s">
        <v>88</v>
      </c>
      <c r="D316" t="s">
        <v>88</v>
      </c>
      <c r="E316" t="s">
        <v>88</v>
      </c>
      <c r="F316" t="s">
        <v>328</v>
      </c>
      <c r="G316" t="s">
        <v>329</v>
      </c>
      <c r="H316" s="1">
        <v>45016.589814814812</v>
      </c>
    </row>
    <row r="317" spans="1:8" x14ac:dyDescent="0.4">
      <c r="A317">
        <v>104</v>
      </c>
      <c r="B317">
        <v>0</v>
      </c>
      <c r="C317" t="s">
        <v>88</v>
      </c>
      <c r="D317" t="s">
        <v>88</v>
      </c>
      <c r="E317" t="s">
        <v>88</v>
      </c>
      <c r="F317" t="s">
        <v>330</v>
      </c>
      <c r="G317" t="s">
        <v>212</v>
      </c>
      <c r="H317" s="1">
        <v>44989.510208333333</v>
      </c>
    </row>
    <row r="318" spans="1:8" x14ac:dyDescent="0.4">
      <c r="A318">
        <v>105</v>
      </c>
      <c r="B318">
        <v>0</v>
      </c>
      <c r="C318" t="s">
        <v>88</v>
      </c>
      <c r="D318" t="s">
        <v>88</v>
      </c>
      <c r="E318" t="s">
        <v>88</v>
      </c>
      <c r="F318" t="s">
        <v>331</v>
      </c>
      <c r="G318" t="s">
        <v>212</v>
      </c>
      <c r="H318" s="1">
        <v>44988.710069444445</v>
      </c>
    </row>
    <row r="319" spans="1:8" x14ac:dyDescent="0.4">
      <c r="A319">
        <v>106</v>
      </c>
      <c r="B319">
        <v>0</v>
      </c>
      <c r="C319" t="s">
        <v>88</v>
      </c>
      <c r="D319" t="s">
        <v>88</v>
      </c>
      <c r="E319" t="s">
        <v>88</v>
      </c>
      <c r="F319" t="s">
        <v>332</v>
      </c>
      <c r="G319" t="s">
        <v>259</v>
      </c>
      <c r="H319" s="1">
        <v>44994.599548611113</v>
      </c>
    </row>
    <row r="320" spans="1:8" x14ac:dyDescent="0.4">
      <c r="A320">
        <v>107</v>
      </c>
      <c r="B320">
        <v>0</v>
      </c>
      <c r="C320" t="s">
        <v>88</v>
      </c>
      <c r="D320" t="s">
        <v>88</v>
      </c>
      <c r="E320" t="s">
        <v>88</v>
      </c>
      <c r="F320" t="s">
        <v>333</v>
      </c>
      <c r="G320" t="s">
        <v>212</v>
      </c>
      <c r="H320" s="1">
        <v>45007.632106481484</v>
      </c>
    </row>
    <row r="321" spans="1:8" x14ac:dyDescent="0.4">
      <c r="A321">
        <v>108</v>
      </c>
      <c r="B321">
        <v>0</v>
      </c>
      <c r="C321" t="s">
        <v>88</v>
      </c>
      <c r="D321" t="s">
        <v>88</v>
      </c>
      <c r="E321" t="s">
        <v>88</v>
      </c>
      <c r="F321" t="s">
        <v>334</v>
      </c>
      <c r="G321" t="s">
        <v>324</v>
      </c>
      <c r="H321" s="1">
        <v>45005.526886574073</v>
      </c>
    </row>
    <row r="322" spans="1:8" x14ac:dyDescent="0.4">
      <c r="A322">
        <v>109</v>
      </c>
      <c r="B322">
        <v>0</v>
      </c>
      <c r="C322" t="s">
        <v>88</v>
      </c>
      <c r="D322" t="s">
        <v>88</v>
      </c>
      <c r="E322" t="s">
        <v>88</v>
      </c>
      <c r="F322" t="s">
        <v>335</v>
      </c>
      <c r="G322" t="s">
        <v>212</v>
      </c>
      <c r="H322" s="1">
        <v>45005.526921296296</v>
      </c>
    </row>
    <row r="323" spans="1:8" x14ac:dyDescent="0.4">
      <c r="A323">
        <v>110</v>
      </c>
      <c r="B323">
        <v>0</v>
      </c>
      <c r="C323" t="s">
        <v>88</v>
      </c>
      <c r="D323" t="s">
        <v>88</v>
      </c>
      <c r="E323" t="s">
        <v>88</v>
      </c>
      <c r="F323" t="s">
        <v>336</v>
      </c>
      <c r="G323" t="s">
        <v>206</v>
      </c>
      <c r="H323" s="1">
        <v>45033.700289351851</v>
      </c>
    </row>
    <row r="324" spans="1:8" x14ac:dyDescent="0.4">
      <c r="A324">
        <v>111</v>
      </c>
      <c r="B324">
        <v>0</v>
      </c>
      <c r="C324" t="s">
        <v>88</v>
      </c>
      <c r="D324" t="s">
        <v>88</v>
      </c>
      <c r="E324" t="s">
        <v>88</v>
      </c>
      <c r="F324" t="s">
        <v>337</v>
      </c>
      <c r="G324" t="s">
        <v>338</v>
      </c>
      <c r="H324" s="1">
        <v>45019.76835648148</v>
      </c>
    </row>
    <row r="325" spans="1:8" x14ac:dyDescent="0.4">
      <c r="A325">
        <v>112</v>
      </c>
      <c r="B325">
        <v>0</v>
      </c>
      <c r="C325" t="s">
        <v>88</v>
      </c>
      <c r="D325" t="s">
        <v>88</v>
      </c>
      <c r="E325" t="s">
        <v>88</v>
      </c>
      <c r="F325" t="s">
        <v>339</v>
      </c>
      <c r="G325" t="s">
        <v>212</v>
      </c>
      <c r="H325" s="1">
        <v>45032.600358796299</v>
      </c>
    </row>
    <row r="326" spans="1:8" x14ac:dyDescent="0.4">
      <c r="A326">
        <v>113</v>
      </c>
      <c r="B326">
        <v>0</v>
      </c>
      <c r="C326" t="s">
        <v>88</v>
      </c>
      <c r="D326" t="s">
        <v>88</v>
      </c>
      <c r="E326" t="s">
        <v>88</v>
      </c>
      <c r="F326" t="s">
        <v>340</v>
      </c>
      <c r="G326" t="s">
        <v>206</v>
      </c>
      <c r="H326" s="1">
        <v>45057.701921296299</v>
      </c>
    </row>
    <row r="327" spans="1:8" x14ac:dyDescent="0.4">
      <c r="A327">
        <v>114</v>
      </c>
      <c r="B327">
        <v>0</v>
      </c>
      <c r="C327" t="s">
        <v>88</v>
      </c>
      <c r="D327" t="s">
        <v>88</v>
      </c>
      <c r="E327" t="s">
        <v>88</v>
      </c>
      <c r="F327" t="s">
        <v>341</v>
      </c>
      <c r="G327" t="s">
        <v>342</v>
      </c>
      <c r="H327" s="1">
        <v>45035.869641203702</v>
      </c>
    </row>
    <row r="328" spans="1:8" x14ac:dyDescent="0.4">
      <c r="A328">
        <v>115</v>
      </c>
      <c r="B328">
        <v>0</v>
      </c>
      <c r="C328" t="s">
        <v>88</v>
      </c>
      <c r="D328" t="s">
        <v>88</v>
      </c>
      <c r="E328" t="s">
        <v>88</v>
      </c>
      <c r="F328" t="s">
        <v>343</v>
      </c>
      <c r="G328" t="s">
        <v>338</v>
      </c>
      <c r="H328" s="1">
        <v>45036.606504629628</v>
      </c>
    </row>
    <row r="329" spans="1:8" x14ac:dyDescent="0.4">
      <c r="A329">
        <v>116</v>
      </c>
      <c r="B329">
        <v>0</v>
      </c>
      <c r="C329" t="s">
        <v>88</v>
      </c>
      <c r="D329" t="s">
        <v>88</v>
      </c>
      <c r="E329" t="s">
        <v>88</v>
      </c>
      <c r="F329" t="s">
        <v>344</v>
      </c>
      <c r="G329" t="s">
        <v>345</v>
      </c>
      <c r="H329" s="1">
        <v>45037.83216435185</v>
      </c>
    </row>
    <row r="330" spans="1:8" x14ac:dyDescent="0.4">
      <c r="A330">
        <v>117</v>
      </c>
      <c r="B330">
        <v>0</v>
      </c>
      <c r="C330" t="s">
        <v>88</v>
      </c>
      <c r="D330" t="s">
        <v>88</v>
      </c>
      <c r="E330" t="s">
        <v>88</v>
      </c>
      <c r="F330" t="s">
        <v>346</v>
      </c>
      <c r="G330" t="s">
        <v>206</v>
      </c>
      <c r="H330" s="1">
        <v>45038.737222222226</v>
      </c>
    </row>
    <row r="331" spans="1:8" x14ac:dyDescent="0.4">
      <c r="A331">
        <v>118</v>
      </c>
      <c r="B331">
        <v>0</v>
      </c>
      <c r="C331" t="s">
        <v>88</v>
      </c>
      <c r="D331" t="s">
        <v>88</v>
      </c>
      <c r="E331" t="s">
        <v>88</v>
      </c>
      <c r="F331" t="s">
        <v>347</v>
      </c>
      <c r="G331" t="s">
        <v>348</v>
      </c>
      <c r="H331" s="1">
        <v>45045.423773148148</v>
      </c>
    </row>
    <row r="332" spans="1:8" x14ac:dyDescent="0.4">
      <c r="A332">
        <v>119</v>
      </c>
      <c r="B332">
        <v>0</v>
      </c>
      <c r="C332" t="s">
        <v>88</v>
      </c>
      <c r="D332" t="s">
        <v>88</v>
      </c>
      <c r="E332" t="s">
        <v>88</v>
      </c>
      <c r="F332" t="s">
        <v>349</v>
      </c>
      <c r="G332" t="s">
        <v>345</v>
      </c>
      <c r="H332" s="1">
        <v>45045.48332175926</v>
      </c>
    </row>
    <row r="333" spans="1:8" x14ac:dyDescent="0.4">
      <c r="A333">
        <v>120</v>
      </c>
      <c r="B333">
        <v>0</v>
      </c>
      <c r="C333" t="s">
        <v>88</v>
      </c>
      <c r="D333" t="s">
        <v>88</v>
      </c>
      <c r="E333" t="s">
        <v>88</v>
      </c>
      <c r="F333" t="s">
        <v>350</v>
      </c>
      <c r="G333" t="s">
        <v>206</v>
      </c>
      <c r="H333" s="1">
        <v>45052.045995370368</v>
      </c>
    </row>
    <row r="334" spans="1:8" x14ac:dyDescent="0.4">
      <c r="A334">
        <v>121</v>
      </c>
      <c r="B334">
        <v>0</v>
      </c>
      <c r="C334" t="s">
        <v>88</v>
      </c>
      <c r="D334" t="s">
        <v>88</v>
      </c>
      <c r="E334" t="s">
        <v>88</v>
      </c>
      <c r="F334" t="s">
        <v>351</v>
      </c>
      <c r="G334" t="s">
        <v>261</v>
      </c>
      <c r="H334" s="1">
        <v>45064.653344907405</v>
      </c>
    </row>
    <row r="335" spans="1:8" x14ac:dyDescent="0.4">
      <c r="A335">
        <v>122</v>
      </c>
      <c r="B335">
        <v>0</v>
      </c>
      <c r="C335" t="s">
        <v>88</v>
      </c>
      <c r="D335" t="s">
        <v>88</v>
      </c>
      <c r="E335" t="s">
        <v>88</v>
      </c>
      <c r="F335" t="s">
        <v>352</v>
      </c>
      <c r="G335" t="s">
        <v>348</v>
      </c>
      <c r="H335" s="1">
        <v>45072.783055555556</v>
      </c>
    </row>
    <row r="336" spans="1:8" x14ac:dyDescent="0.4">
      <c r="A336">
        <v>123</v>
      </c>
      <c r="B336">
        <v>0</v>
      </c>
      <c r="C336" t="s">
        <v>88</v>
      </c>
      <c r="D336" t="s">
        <v>88</v>
      </c>
      <c r="E336" t="s">
        <v>88</v>
      </c>
      <c r="F336" t="s">
        <v>353</v>
      </c>
      <c r="G336" t="s">
        <v>348</v>
      </c>
      <c r="H336" s="1">
        <v>45078.758113425924</v>
      </c>
    </row>
    <row r="337" spans="1:14" x14ac:dyDescent="0.4">
      <c r="A337">
        <v>124</v>
      </c>
      <c r="B337">
        <v>0</v>
      </c>
      <c r="C337" t="s">
        <v>88</v>
      </c>
      <c r="D337" t="s">
        <v>88</v>
      </c>
      <c r="E337" t="s">
        <v>88</v>
      </c>
      <c r="F337" t="s">
        <v>354</v>
      </c>
      <c r="G337" t="s">
        <v>355</v>
      </c>
      <c r="H337" s="1">
        <v>45080.579189814816</v>
      </c>
    </row>
    <row r="338" spans="1:14" x14ac:dyDescent="0.4">
      <c r="A338" t="s">
        <v>0</v>
      </c>
      <c r="B338" t="s">
        <v>356</v>
      </c>
      <c r="C338" t="s">
        <v>357</v>
      </c>
      <c r="D338" t="s">
        <v>358</v>
      </c>
      <c r="E338" t="s">
        <v>359</v>
      </c>
      <c r="F338" t="s">
        <v>360</v>
      </c>
      <c r="G338" t="s">
        <v>361</v>
      </c>
    </row>
    <row r="339" spans="1:14" x14ac:dyDescent="0.4">
      <c r="A339">
        <v>1</v>
      </c>
      <c r="B339" t="s">
        <v>362</v>
      </c>
      <c r="C339" t="s">
        <v>363</v>
      </c>
      <c r="D339" t="s">
        <v>364</v>
      </c>
      <c r="E339">
        <v>10</v>
      </c>
      <c r="F339" t="s">
        <v>365</v>
      </c>
      <c r="G339">
        <v>1</v>
      </c>
    </row>
    <row r="340" spans="1:14" x14ac:dyDescent="0.4">
      <c r="A340">
        <v>2</v>
      </c>
      <c r="B340" t="s">
        <v>366</v>
      </c>
      <c r="C340" t="s">
        <v>363</v>
      </c>
      <c r="D340" t="s">
        <v>367</v>
      </c>
      <c r="E340">
        <v>10</v>
      </c>
      <c r="F340" t="s">
        <v>365</v>
      </c>
      <c r="G340">
        <v>1</v>
      </c>
    </row>
    <row r="341" spans="1:14" x14ac:dyDescent="0.4">
      <c r="A341">
        <v>3</v>
      </c>
      <c r="B341" t="s">
        <v>368</v>
      </c>
      <c r="C341" t="s">
        <v>363</v>
      </c>
      <c r="D341" t="s">
        <v>369</v>
      </c>
      <c r="E341">
        <v>20</v>
      </c>
      <c r="F341" t="s">
        <v>365</v>
      </c>
      <c r="G341">
        <v>1</v>
      </c>
    </row>
    <row r="342" spans="1:14" x14ac:dyDescent="0.4">
      <c r="A342">
        <v>4</v>
      </c>
      <c r="B342" t="s">
        <v>368</v>
      </c>
      <c r="C342" t="s">
        <v>370</v>
      </c>
      <c r="D342" t="s">
        <v>371</v>
      </c>
      <c r="E342">
        <v>500</v>
      </c>
      <c r="F342" t="s">
        <v>372</v>
      </c>
      <c r="G342">
        <v>1</v>
      </c>
    </row>
    <row r="343" spans="1:14" x14ac:dyDescent="0.4">
      <c r="A343">
        <v>5</v>
      </c>
      <c r="B343" t="s">
        <v>368</v>
      </c>
      <c r="C343" t="s">
        <v>370</v>
      </c>
      <c r="D343" t="s">
        <v>373</v>
      </c>
      <c r="E343">
        <v>1000</v>
      </c>
      <c r="F343" t="s">
        <v>372</v>
      </c>
      <c r="G343">
        <v>1</v>
      </c>
    </row>
    <row r="344" spans="1:14" x14ac:dyDescent="0.4">
      <c r="A344">
        <v>6</v>
      </c>
      <c r="B344" t="s">
        <v>368</v>
      </c>
      <c r="C344" t="s">
        <v>370</v>
      </c>
      <c r="D344" t="s">
        <v>374</v>
      </c>
      <c r="E344">
        <v>0</v>
      </c>
      <c r="F344" t="s">
        <v>372</v>
      </c>
      <c r="G344">
        <v>1</v>
      </c>
    </row>
    <row r="345" spans="1:14" x14ac:dyDescent="0.4">
      <c r="A345" t="s">
        <v>0</v>
      </c>
      <c r="B345" t="s">
        <v>375</v>
      </c>
      <c r="C345" t="s">
        <v>358</v>
      </c>
      <c r="D345" t="s">
        <v>376</v>
      </c>
      <c r="E345" t="s">
        <v>377</v>
      </c>
      <c r="F345" t="s">
        <v>378</v>
      </c>
      <c r="G345" t="s">
        <v>379</v>
      </c>
      <c r="H345" t="s">
        <v>380</v>
      </c>
      <c r="I345" t="s">
        <v>381</v>
      </c>
      <c r="J345" t="s">
        <v>382</v>
      </c>
      <c r="K345" t="s">
        <v>383</v>
      </c>
      <c r="L345" t="s">
        <v>384</v>
      </c>
      <c r="M345" t="s">
        <v>385</v>
      </c>
      <c r="N345" t="s">
        <v>6</v>
      </c>
    </row>
    <row r="346" spans="1:14" x14ac:dyDescent="0.4">
      <c r="A346">
        <v>1</v>
      </c>
      <c r="B346" t="s">
        <v>386</v>
      </c>
      <c r="C346" t="s">
        <v>387</v>
      </c>
      <c r="D346" t="s">
        <v>388</v>
      </c>
      <c r="E346" t="s">
        <v>389</v>
      </c>
      <c r="F346" s="2">
        <v>29295</v>
      </c>
      <c r="G346" s="2">
        <v>45000</v>
      </c>
      <c r="H346">
        <v>5</v>
      </c>
      <c r="I346" s="2">
        <v>44593</v>
      </c>
      <c r="J346">
        <v>200</v>
      </c>
      <c r="K346" t="s">
        <v>88</v>
      </c>
      <c r="L346" t="s">
        <v>88</v>
      </c>
      <c r="M346" t="s">
        <v>88</v>
      </c>
      <c r="N346" s="1">
        <v>44697.440520833334</v>
      </c>
    </row>
    <row r="347" spans="1:14" x14ac:dyDescent="0.4">
      <c r="A347" t="s">
        <v>0</v>
      </c>
      <c r="B347" t="s">
        <v>390</v>
      </c>
      <c r="C347" t="s">
        <v>50</v>
      </c>
      <c r="D347" t="s">
        <v>391</v>
      </c>
      <c r="E347" t="s">
        <v>6</v>
      </c>
    </row>
    <row r="348" spans="1:14" x14ac:dyDescent="0.4">
      <c r="A348">
        <v>1</v>
      </c>
      <c r="B348">
        <v>0</v>
      </c>
      <c r="C348">
        <v>1</v>
      </c>
      <c r="D348" t="s">
        <v>392</v>
      </c>
      <c r="E348" s="1">
        <v>44600.959722222222</v>
      </c>
    </row>
    <row r="349" spans="1:14" x14ac:dyDescent="0.4">
      <c r="A349">
        <v>2</v>
      </c>
      <c r="B349">
        <v>0</v>
      </c>
      <c r="C349">
        <v>2</v>
      </c>
      <c r="D349" t="s">
        <v>393</v>
      </c>
      <c r="E349" s="1">
        <v>44587.685185185182</v>
      </c>
    </row>
    <row r="350" spans="1:14" x14ac:dyDescent="0.4">
      <c r="A350">
        <v>3</v>
      </c>
      <c r="B350">
        <v>0</v>
      </c>
      <c r="C350">
        <v>3</v>
      </c>
      <c r="D350" t="s">
        <v>394</v>
      </c>
      <c r="E350" s="1">
        <v>44587.685185185182</v>
      </c>
    </row>
    <row r="351" spans="1:14" x14ac:dyDescent="0.4">
      <c r="A351">
        <v>4</v>
      </c>
      <c r="B351">
        <v>0</v>
      </c>
      <c r="C351">
        <v>4</v>
      </c>
      <c r="D351" t="s">
        <v>395</v>
      </c>
      <c r="E351" s="1">
        <v>44587.685185185182</v>
      </c>
    </row>
    <row r="352" spans="1:14" x14ac:dyDescent="0.4">
      <c r="A352">
        <v>5</v>
      </c>
      <c r="B352">
        <v>0</v>
      </c>
      <c r="C352">
        <v>5</v>
      </c>
      <c r="D352" t="s">
        <v>396</v>
      </c>
      <c r="E352" s="1">
        <v>44587.685185185182</v>
      </c>
    </row>
    <row r="353" spans="1:5" x14ac:dyDescent="0.4">
      <c r="A353">
        <v>6</v>
      </c>
      <c r="B353">
        <v>0</v>
      </c>
      <c r="C353">
        <v>11</v>
      </c>
      <c r="D353" t="s">
        <v>397</v>
      </c>
      <c r="E353" s="1">
        <v>44587.685185185182</v>
      </c>
    </row>
    <row r="354" spans="1:5" x14ac:dyDescent="0.4">
      <c r="A354">
        <v>7</v>
      </c>
      <c r="B354">
        <v>0</v>
      </c>
      <c r="C354">
        <v>12</v>
      </c>
      <c r="D354" t="s">
        <v>398</v>
      </c>
      <c r="E354" s="1">
        <v>44587.685185185182</v>
      </c>
    </row>
    <row r="355" spans="1:5" x14ac:dyDescent="0.4">
      <c r="A355">
        <v>8</v>
      </c>
      <c r="B355">
        <v>0</v>
      </c>
      <c r="C355">
        <v>15</v>
      </c>
      <c r="D355" t="s">
        <v>399</v>
      </c>
      <c r="E355" s="1">
        <v>44587.685185185182</v>
      </c>
    </row>
    <row r="356" spans="1:5" x14ac:dyDescent="0.4">
      <c r="A356">
        <v>9</v>
      </c>
      <c r="B356">
        <v>0</v>
      </c>
      <c r="C356">
        <v>16</v>
      </c>
      <c r="D356" t="s">
        <v>400</v>
      </c>
      <c r="E356" s="1">
        <v>44587.685185185182</v>
      </c>
    </row>
    <row r="357" spans="1:5" x14ac:dyDescent="0.4">
      <c r="A357">
        <v>10</v>
      </c>
      <c r="B357">
        <v>0</v>
      </c>
      <c r="C357">
        <v>17</v>
      </c>
      <c r="D357" t="s">
        <v>401</v>
      </c>
      <c r="E357" s="1">
        <v>44587.685185185182</v>
      </c>
    </row>
    <row r="358" spans="1:5" x14ac:dyDescent="0.4">
      <c r="A358">
        <v>11</v>
      </c>
      <c r="B358">
        <v>0</v>
      </c>
      <c r="C358">
        <v>21</v>
      </c>
      <c r="D358" t="s">
        <v>402</v>
      </c>
      <c r="E358" s="1">
        <v>44587.685185185182</v>
      </c>
    </row>
    <row r="359" spans="1:5" x14ac:dyDescent="0.4">
      <c r="A359">
        <v>12</v>
      </c>
      <c r="B359">
        <v>0</v>
      </c>
      <c r="C359">
        <v>22</v>
      </c>
      <c r="D359" t="s">
        <v>403</v>
      </c>
      <c r="E359" s="1">
        <v>44587.685185185182</v>
      </c>
    </row>
    <row r="360" spans="1:5" x14ac:dyDescent="0.4">
      <c r="A360">
        <v>13</v>
      </c>
      <c r="B360">
        <v>0</v>
      </c>
      <c r="C360">
        <v>23</v>
      </c>
      <c r="D360" t="s">
        <v>404</v>
      </c>
      <c r="E360" s="1">
        <v>44587.685185185182</v>
      </c>
    </row>
    <row r="361" spans="1:5" x14ac:dyDescent="0.4">
      <c r="A361">
        <v>14</v>
      </c>
      <c r="B361">
        <v>0</v>
      </c>
      <c r="C361">
        <v>24</v>
      </c>
      <c r="D361" t="s">
        <v>405</v>
      </c>
      <c r="E361" s="1">
        <v>44587.685185185182</v>
      </c>
    </row>
    <row r="362" spans="1:5" x14ac:dyDescent="0.4">
      <c r="A362">
        <v>15</v>
      </c>
      <c r="B362">
        <v>0</v>
      </c>
      <c r="C362">
        <v>25</v>
      </c>
      <c r="D362" t="s">
        <v>406</v>
      </c>
      <c r="E362" s="1">
        <v>44587.685185185182</v>
      </c>
    </row>
    <row r="363" spans="1:5" x14ac:dyDescent="0.4">
      <c r="A363">
        <v>16</v>
      </c>
      <c r="B363">
        <v>0</v>
      </c>
      <c r="C363">
        <v>26</v>
      </c>
      <c r="D363" t="s">
        <v>407</v>
      </c>
      <c r="E363" s="1">
        <v>44587.685185185182</v>
      </c>
    </row>
    <row r="364" spans="1:5" x14ac:dyDescent="0.4">
      <c r="A364">
        <v>17</v>
      </c>
      <c r="B364">
        <v>0</v>
      </c>
      <c r="C364">
        <v>27</v>
      </c>
      <c r="D364" t="s">
        <v>408</v>
      </c>
      <c r="E364" s="1">
        <v>44587.685185185182</v>
      </c>
    </row>
    <row r="365" spans="1:5" x14ac:dyDescent="0.4">
      <c r="A365">
        <v>18</v>
      </c>
      <c r="B365">
        <v>0</v>
      </c>
      <c r="C365">
        <v>28</v>
      </c>
      <c r="D365" t="s">
        <v>409</v>
      </c>
      <c r="E365" s="1">
        <v>44587.685185185182</v>
      </c>
    </row>
    <row r="366" spans="1:5" x14ac:dyDescent="0.4">
      <c r="A366">
        <v>19</v>
      </c>
      <c r="B366">
        <v>0</v>
      </c>
      <c r="C366">
        <v>29</v>
      </c>
      <c r="D366" t="s">
        <v>410</v>
      </c>
      <c r="E366" s="1">
        <v>44587.685185185182</v>
      </c>
    </row>
    <row r="367" spans="1:5" x14ac:dyDescent="0.4">
      <c r="A367">
        <v>20</v>
      </c>
      <c r="B367">
        <v>0</v>
      </c>
      <c r="C367">
        <v>30</v>
      </c>
      <c r="D367" t="s">
        <v>411</v>
      </c>
      <c r="E367" s="1">
        <v>44587.685185185182</v>
      </c>
    </row>
    <row r="368" spans="1:5" x14ac:dyDescent="0.4">
      <c r="A368">
        <v>21</v>
      </c>
      <c r="B368">
        <v>0</v>
      </c>
      <c r="C368">
        <v>31</v>
      </c>
      <c r="D368" t="s">
        <v>412</v>
      </c>
      <c r="E368" s="1">
        <v>44587.685185185182</v>
      </c>
    </row>
    <row r="369" spans="1:5" x14ac:dyDescent="0.4">
      <c r="A369">
        <v>22</v>
      </c>
      <c r="B369">
        <v>0</v>
      </c>
      <c r="C369">
        <v>32</v>
      </c>
      <c r="D369" t="s">
        <v>413</v>
      </c>
      <c r="E369" s="1">
        <v>44587.685185185182</v>
      </c>
    </row>
    <row r="370" spans="1:5" x14ac:dyDescent="0.4">
      <c r="A370">
        <v>23</v>
      </c>
      <c r="B370">
        <v>0</v>
      </c>
      <c r="C370">
        <v>33</v>
      </c>
      <c r="D370" t="s">
        <v>414</v>
      </c>
      <c r="E370" s="1">
        <v>44587.685185185182</v>
      </c>
    </row>
    <row r="371" spans="1:5" x14ac:dyDescent="0.4">
      <c r="A371">
        <v>24</v>
      </c>
      <c r="B371">
        <v>0</v>
      </c>
      <c r="C371">
        <v>41</v>
      </c>
      <c r="D371" t="s">
        <v>415</v>
      </c>
      <c r="E371" s="1">
        <v>44587.685185185182</v>
      </c>
    </row>
    <row r="372" spans="1:5" x14ac:dyDescent="0.4">
      <c r="A372">
        <v>25</v>
      </c>
      <c r="B372">
        <v>0</v>
      </c>
      <c r="C372">
        <v>42</v>
      </c>
      <c r="D372" t="s">
        <v>416</v>
      </c>
      <c r="E372" s="1">
        <v>44587.685185185182</v>
      </c>
    </row>
    <row r="373" spans="1:5" x14ac:dyDescent="0.4">
      <c r="A373">
        <v>26</v>
      </c>
      <c r="B373">
        <v>0</v>
      </c>
      <c r="C373">
        <v>43</v>
      </c>
      <c r="D373" t="s">
        <v>417</v>
      </c>
      <c r="E373" s="1">
        <v>44587.685185185182</v>
      </c>
    </row>
    <row r="374" spans="1:5" x14ac:dyDescent="0.4">
      <c r="A374">
        <v>27</v>
      </c>
      <c r="B374">
        <v>0</v>
      </c>
      <c r="C374">
        <v>44</v>
      </c>
      <c r="D374" t="s">
        <v>418</v>
      </c>
      <c r="E374" s="1">
        <v>44587.685185185182</v>
      </c>
    </row>
    <row r="375" spans="1:5" x14ac:dyDescent="0.4">
      <c r="A375">
        <v>28</v>
      </c>
      <c r="B375">
        <v>0</v>
      </c>
      <c r="C375">
        <v>45</v>
      </c>
      <c r="D375" t="s">
        <v>419</v>
      </c>
      <c r="E375" s="1">
        <v>44587.685185185182</v>
      </c>
    </row>
    <row r="376" spans="1:5" x14ac:dyDescent="0.4">
      <c r="A376">
        <v>29</v>
      </c>
      <c r="B376">
        <v>0</v>
      </c>
      <c r="C376">
        <v>46</v>
      </c>
      <c r="D376" t="s">
        <v>420</v>
      </c>
      <c r="E376" s="1">
        <v>44587.685185185182</v>
      </c>
    </row>
    <row r="377" spans="1:5" x14ac:dyDescent="0.4">
      <c r="A377">
        <v>30</v>
      </c>
      <c r="B377">
        <v>0</v>
      </c>
      <c r="C377">
        <v>47</v>
      </c>
      <c r="D377" t="s">
        <v>421</v>
      </c>
      <c r="E377" s="1">
        <v>44587.685185185182</v>
      </c>
    </row>
    <row r="378" spans="1:5" x14ac:dyDescent="0.4">
      <c r="A378">
        <v>31</v>
      </c>
      <c r="B378">
        <v>0</v>
      </c>
      <c r="C378">
        <v>48</v>
      </c>
      <c r="D378" t="s">
        <v>422</v>
      </c>
      <c r="E378" s="1">
        <v>44587.685185185182</v>
      </c>
    </row>
    <row r="379" spans="1:5" x14ac:dyDescent="0.4">
      <c r="A379">
        <v>32</v>
      </c>
      <c r="B379">
        <v>0</v>
      </c>
      <c r="C379">
        <v>49</v>
      </c>
      <c r="D379" t="s">
        <v>423</v>
      </c>
      <c r="E379" s="1">
        <v>44587.685185185182</v>
      </c>
    </row>
    <row r="380" spans="1:5" x14ac:dyDescent="0.4">
      <c r="A380">
        <v>33</v>
      </c>
      <c r="B380">
        <v>0</v>
      </c>
      <c r="C380">
        <v>50</v>
      </c>
      <c r="D380" t="s">
        <v>424</v>
      </c>
      <c r="E380" s="1">
        <v>44587.685185185182</v>
      </c>
    </row>
    <row r="381" spans="1:5" x14ac:dyDescent="0.4">
      <c r="A381">
        <v>34</v>
      </c>
      <c r="B381">
        <v>0</v>
      </c>
      <c r="C381">
        <v>51</v>
      </c>
      <c r="D381" t="s">
        <v>425</v>
      </c>
      <c r="E381" s="1">
        <v>44587.685185185182</v>
      </c>
    </row>
    <row r="382" spans="1:5" x14ac:dyDescent="0.4">
      <c r="A382">
        <v>35</v>
      </c>
      <c r="B382">
        <v>0</v>
      </c>
      <c r="C382">
        <v>52</v>
      </c>
      <c r="D382" t="s">
        <v>426</v>
      </c>
      <c r="E382" s="1">
        <v>44587.685185185182</v>
      </c>
    </row>
    <row r="383" spans="1:5" x14ac:dyDescent="0.4">
      <c r="A383">
        <v>36</v>
      </c>
      <c r="B383">
        <v>0</v>
      </c>
      <c r="C383">
        <v>53</v>
      </c>
      <c r="D383" t="s">
        <v>427</v>
      </c>
      <c r="E383" s="1">
        <v>44587.685185185182</v>
      </c>
    </row>
    <row r="384" spans="1:5" x14ac:dyDescent="0.4">
      <c r="A384">
        <v>37</v>
      </c>
      <c r="B384">
        <v>0</v>
      </c>
      <c r="C384">
        <v>54</v>
      </c>
      <c r="D384" t="s">
        <v>428</v>
      </c>
      <c r="E384" s="1">
        <v>44587.685185185182</v>
      </c>
    </row>
    <row r="385" spans="1:5" x14ac:dyDescent="0.4">
      <c r="A385">
        <v>38</v>
      </c>
      <c r="B385">
        <v>0</v>
      </c>
      <c r="C385">
        <v>55</v>
      </c>
      <c r="D385" t="s">
        <v>429</v>
      </c>
      <c r="E385" s="1">
        <v>44587.685185185182</v>
      </c>
    </row>
    <row r="386" spans="1:5" x14ac:dyDescent="0.4">
      <c r="A386">
        <v>39</v>
      </c>
      <c r="B386">
        <v>0</v>
      </c>
      <c r="C386">
        <v>61</v>
      </c>
      <c r="D386" t="s">
        <v>430</v>
      </c>
      <c r="E386" s="1">
        <v>44587.685185185182</v>
      </c>
    </row>
    <row r="387" spans="1:5" x14ac:dyDescent="0.4">
      <c r="A387">
        <v>40</v>
      </c>
      <c r="B387">
        <v>0</v>
      </c>
      <c r="C387">
        <v>62</v>
      </c>
      <c r="D387" t="s">
        <v>431</v>
      </c>
      <c r="E387" s="1">
        <v>44587.685185185182</v>
      </c>
    </row>
    <row r="388" spans="1:5" x14ac:dyDescent="0.4">
      <c r="A388">
        <v>41</v>
      </c>
      <c r="B388">
        <v>0</v>
      </c>
      <c r="C388">
        <v>63</v>
      </c>
      <c r="D388" t="s">
        <v>432</v>
      </c>
      <c r="E388" s="1">
        <v>44587.685185185182</v>
      </c>
    </row>
    <row r="389" spans="1:5" x14ac:dyDescent="0.4">
      <c r="A389">
        <v>42</v>
      </c>
      <c r="B389">
        <v>0</v>
      </c>
      <c r="C389">
        <v>64</v>
      </c>
      <c r="D389" t="s">
        <v>433</v>
      </c>
      <c r="E389" s="1">
        <v>44587.685185185182</v>
      </c>
    </row>
    <row r="390" spans="1:5" x14ac:dyDescent="0.4">
      <c r="A390">
        <v>43</v>
      </c>
      <c r="B390">
        <v>0</v>
      </c>
      <c r="C390">
        <v>65</v>
      </c>
      <c r="D390" t="s">
        <v>434</v>
      </c>
      <c r="E390" s="1">
        <v>44587.685185185182</v>
      </c>
    </row>
    <row r="391" spans="1:5" x14ac:dyDescent="0.4">
      <c r="A391">
        <v>44</v>
      </c>
      <c r="B391">
        <v>0</v>
      </c>
      <c r="C391">
        <v>66</v>
      </c>
      <c r="D391" t="s">
        <v>435</v>
      </c>
      <c r="E391" s="1">
        <v>44587.685185185182</v>
      </c>
    </row>
    <row r="392" spans="1:5" x14ac:dyDescent="0.4">
      <c r="A392">
        <v>45</v>
      </c>
      <c r="B392">
        <v>0</v>
      </c>
      <c r="C392">
        <v>67</v>
      </c>
      <c r="D392" t="s">
        <v>436</v>
      </c>
      <c r="E392" s="1">
        <v>44587.685185185182</v>
      </c>
    </row>
    <row r="393" spans="1:5" x14ac:dyDescent="0.4">
      <c r="A393">
        <v>46</v>
      </c>
      <c r="B393">
        <v>0</v>
      </c>
      <c r="C393">
        <v>68</v>
      </c>
      <c r="D393" t="s">
        <v>437</v>
      </c>
      <c r="E393" s="1">
        <v>44587.685185185182</v>
      </c>
    </row>
    <row r="394" spans="1:5" x14ac:dyDescent="0.4">
      <c r="A394">
        <v>47</v>
      </c>
      <c r="B394">
        <v>0</v>
      </c>
      <c r="C394">
        <v>69</v>
      </c>
      <c r="D394" t="s">
        <v>438</v>
      </c>
      <c r="E394" s="1">
        <v>44587.685185185182</v>
      </c>
    </row>
    <row r="395" spans="1:5" x14ac:dyDescent="0.4">
      <c r="A395">
        <v>48</v>
      </c>
      <c r="B395">
        <v>0</v>
      </c>
      <c r="C395">
        <v>70</v>
      </c>
      <c r="D395" t="s">
        <v>439</v>
      </c>
      <c r="E395" s="1">
        <v>44587.685185185182</v>
      </c>
    </row>
    <row r="396" spans="1:5" x14ac:dyDescent="0.4">
      <c r="A396">
        <v>49</v>
      </c>
      <c r="B396">
        <v>0</v>
      </c>
      <c r="C396">
        <v>71</v>
      </c>
      <c r="D396" t="s">
        <v>440</v>
      </c>
      <c r="E396" s="1">
        <v>44587.685185185182</v>
      </c>
    </row>
    <row r="397" spans="1:5" x14ac:dyDescent="0.4">
      <c r="A397">
        <v>50</v>
      </c>
      <c r="B397">
        <v>0</v>
      </c>
      <c r="C397">
        <v>72</v>
      </c>
      <c r="D397" t="s">
        <v>441</v>
      </c>
      <c r="E397" s="1">
        <v>44587.685185185182</v>
      </c>
    </row>
    <row r="398" spans="1:5" x14ac:dyDescent="0.4">
      <c r="A398">
        <v>51</v>
      </c>
      <c r="B398">
        <v>0</v>
      </c>
      <c r="C398">
        <v>73</v>
      </c>
      <c r="D398" t="s">
        <v>442</v>
      </c>
      <c r="E398" s="1">
        <v>44587.685185185182</v>
      </c>
    </row>
    <row r="399" spans="1:5" x14ac:dyDescent="0.4">
      <c r="A399">
        <v>52</v>
      </c>
      <c r="B399">
        <v>0</v>
      </c>
      <c r="C399">
        <v>74</v>
      </c>
      <c r="D399" t="s">
        <v>443</v>
      </c>
      <c r="E399" s="1">
        <v>44587.685185185182</v>
      </c>
    </row>
    <row r="400" spans="1:5" x14ac:dyDescent="0.4">
      <c r="A400">
        <v>53</v>
      </c>
      <c r="B400">
        <v>0</v>
      </c>
      <c r="C400">
        <v>75</v>
      </c>
      <c r="D400" t="s">
        <v>444</v>
      </c>
      <c r="E400" s="1">
        <v>44587.685185185182</v>
      </c>
    </row>
    <row r="401" spans="1:5" x14ac:dyDescent="0.4">
      <c r="A401">
        <v>54</v>
      </c>
      <c r="B401">
        <v>0</v>
      </c>
      <c r="C401">
        <v>76</v>
      </c>
      <c r="D401" t="s">
        <v>445</v>
      </c>
      <c r="E401" s="1">
        <v>44587.685185185182</v>
      </c>
    </row>
    <row r="402" spans="1:5" x14ac:dyDescent="0.4">
      <c r="A402">
        <v>55</v>
      </c>
      <c r="B402">
        <v>0</v>
      </c>
      <c r="C402">
        <v>77</v>
      </c>
      <c r="D402" t="s">
        <v>446</v>
      </c>
      <c r="E402" s="1">
        <v>44587.685185185182</v>
      </c>
    </row>
    <row r="403" spans="1:5" x14ac:dyDescent="0.4">
      <c r="A403">
        <v>56</v>
      </c>
      <c r="B403">
        <v>0</v>
      </c>
      <c r="C403">
        <v>78</v>
      </c>
      <c r="D403" t="s">
        <v>447</v>
      </c>
      <c r="E403" s="1">
        <v>44587.685185185182</v>
      </c>
    </row>
    <row r="404" spans="1:5" x14ac:dyDescent="0.4">
      <c r="A404">
        <v>57</v>
      </c>
      <c r="B404">
        <v>0</v>
      </c>
      <c r="C404">
        <v>79</v>
      </c>
      <c r="D404" t="s">
        <v>448</v>
      </c>
      <c r="E404" s="1">
        <v>44587.685185185182</v>
      </c>
    </row>
    <row r="405" spans="1:5" x14ac:dyDescent="0.4">
      <c r="A405">
        <v>58</v>
      </c>
      <c r="B405">
        <v>0</v>
      </c>
      <c r="C405">
        <v>91</v>
      </c>
      <c r="D405" t="s">
        <v>449</v>
      </c>
      <c r="E405" s="1">
        <v>44587.685185185182</v>
      </c>
    </row>
    <row r="406" spans="1:5" x14ac:dyDescent="0.4">
      <c r="A406">
        <v>59</v>
      </c>
      <c r="B406">
        <v>0</v>
      </c>
      <c r="C406">
        <v>92</v>
      </c>
      <c r="D406" t="s">
        <v>450</v>
      </c>
      <c r="E406" s="1">
        <v>44587.685185185182</v>
      </c>
    </row>
    <row r="407" spans="1:5" x14ac:dyDescent="0.4">
      <c r="A407">
        <v>60</v>
      </c>
      <c r="B407">
        <v>0</v>
      </c>
      <c r="C407">
        <v>93</v>
      </c>
      <c r="D407" t="s">
        <v>451</v>
      </c>
      <c r="E407" s="1">
        <v>44587.685185185182</v>
      </c>
    </row>
    <row r="408" spans="1:5" x14ac:dyDescent="0.4">
      <c r="A408">
        <v>61</v>
      </c>
      <c r="B408">
        <v>0</v>
      </c>
      <c r="C408">
        <v>94</v>
      </c>
      <c r="D408" t="s">
        <v>452</v>
      </c>
      <c r="E408" s="1">
        <v>44587.685185185182</v>
      </c>
    </row>
    <row r="409" spans="1:5" x14ac:dyDescent="0.4">
      <c r="A409">
        <v>62</v>
      </c>
      <c r="B409">
        <v>0</v>
      </c>
      <c r="C409">
        <v>95</v>
      </c>
      <c r="D409" t="s">
        <v>453</v>
      </c>
      <c r="E409" s="1">
        <v>44587.685185185182</v>
      </c>
    </row>
    <row r="410" spans="1:5" x14ac:dyDescent="0.4">
      <c r="A410">
        <v>63</v>
      </c>
      <c r="B410">
        <v>0</v>
      </c>
      <c r="C410">
        <v>96</v>
      </c>
      <c r="D410" t="s">
        <v>454</v>
      </c>
      <c r="E410" s="1">
        <v>44587.685185185182</v>
      </c>
    </row>
    <row r="411" spans="1:5" x14ac:dyDescent="0.4">
      <c r="A411">
        <v>64</v>
      </c>
      <c r="B411">
        <v>0</v>
      </c>
      <c r="C411">
        <v>97</v>
      </c>
      <c r="D411" t="s">
        <v>455</v>
      </c>
      <c r="E411" s="1">
        <v>44587.685185185182</v>
      </c>
    </row>
    <row r="412" spans="1:5" x14ac:dyDescent="0.4">
      <c r="A412">
        <v>65</v>
      </c>
      <c r="B412">
        <v>0</v>
      </c>
      <c r="C412">
        <v>98</v>
      </c>
      <c r="D412" t="s">
        <v>456</v>
      </c>
      <c r="E412" s="1">
        <v>44587.685185185182</v>
      </c>
    </row>
    <row r="413" spans="1:5" x14ac:dyDescent="0.4">
      <c r="A413">
        <v>66</v>
      </c>
      <c r="B413">
        <v>0</v>
      </c>
      <c r="C413">
        <v>99</v>
      </c>
      <c r="D413" t="s">
        <v>457</v>
      </c>
      <c r="E413" s="1">
        <v>44587.685185185182</v>
      </c>
    </row>
    <row r="414" spans="1:5" x14ac:dyDescent="0.4">
      <c r="A414">
        <v>67</v>
      </c>
      <c r="B414">
        <v>0</v>
      </c>
      <c r="C414">
        <v>100</v>
      </c>
      <c r="D414" t="s">
        <v>458</v>
      </c>
      <c r="E414" s="1">
        <v>44587.685185185182</v>
      </c>
    </row>
    <row r="415" spans="1:5" x14ac:dyDescent="0.4">
      <c r="A415">
        <v>68</v>
      </c>
      <c r="B415">
        <v>0</v>
      </c>
      <c r="C415">
        <v>101</v>
      </c>
      <c r="D415" t="s">
        <v>459</v>
      </c>
      <c r="E415" s="1">
        <v>44587.685185185182</v>
      </c>
    </row>
    <row r="416" spans="1:5" x14ac:dyDescent="0.4">
      <c r="A416">
        <v>69</v>
      </c>
      <c r="B416">
        <v>0</v>
      </c>
      <c r="C416">
        <v>102</v>
      </c>
      <c r="D416" t="s">
        <v>460</v>
      </c>
      <c r="E416" s="1">
        <v>44587.685185185182</v>
      </c>
    </row>
    <row r="417" spans="1:5" x14ac:dyDescent="0.4">
      <c r="A417">
        <v>70</v>
      </c>
      <c r="B417">
        <v>0</v>
      </c>
      <c r="C417">
        <v>103</v>
      </c>
      <c r="D417" t="s">
        <v>461</v>
      </c>
      <c r="E417" s="1">
        <v>44587.685185185182</v>
      </c>
    </row>
    <row r="418" spans="1:5" x14ac:dyDescent="0.4">
      <c r="A418">
        <v>71</v>
      </c>
      <c r="B418">
        <v>0</v>
      </c>
      <c r="C418">
        <v>104</v>
      </c>
      <c r="D418" t="s">
        <v>462</v>
      </c>
      <c r="E418" s="1">
        <v>44587.685185185182</v>
      </c>
    </row>
    <row r="419" spans="1:5" x14ac:dyDescent="0.4">
      <c r="A419">
        <v>72</v>
      </c>
      <c r="B419">
        <v>0</v>
      </c>
      <c r="C419">
        <v>105</v>
      </c>
      <c r="D419" t="s">
        <v>463</v>
      </c>
      <c r="E419" s="1">
        <v>44587.685185185182</v>
      </c>
    </row>
    <row r="420" spans="1:5" x14ac:dyDescent="0.4">
      <c r="A420">
        <v>73</v>
      </c>
      <c r="B420">
        <v>0</v>
      </c>
      <c r="C420">
        <v>106</v>
      </c>
      <c r="D420" t="s">
        <v>464</v>
      </c>
      <c r="E420" s="1">
        <v>44587.685185185182</v>
      </c>
    </row>
    <row r="421" spans="1:5" x14ac:dyDescent="0.4">
      <c r="A421">
        <v>74</v>
      </c>
      <c r="B421">
        <v>0</v>
      </c>
      <c r="C421">
        <v>107</v>
      </c>
      <c r="D421" t="s">
        <v>465</v>
      </c>
      <c r="E421" s="1">
        <v>44587.685185185182</v>
      </c>
    </row>
    <row r="422" spans="1:5" x14ac:dyDescent="0.4">
      <c r="A422">
        <v>75</v>
      </c>
      <c r="B422">
        <v>0</v>
      </c>
      <c r="C422">
        <v>108</v>
      </c>
      <c r="D422" t="s">
        <v>466</v>
      </c>
      <c r="E422" s="1">
        <v>44587.685185185182</v>
      </c>
    </row>
    <row r="423" spans="1:5" x14ac:dyDescent="0.4">
      <c r="A423">
        <v>76</v>
      </c>
      <c r="B423">
        <v>0</v>
      </c>
      <c r="C423">
        <v>109</v>
      </c>
      <c r="D423" t="s">
        <v>467</v>
      </c>
      <c r="E423" s="1">
        <v>44587.685185185182</v>
      </c>
    </row>
    <row r="424" spans="1:5" x14ac:dyDescent="0.4">
      <c r="A424">
        <v>77</v>
      </c>
      <c r="B424">
        <v>0</v>
      </c>
      <c r="C424">
        <v>110</v>
      </c>
      <c r="D424" t="s">
        <v>468</v>
      </c>
      <c r="E424" s="1">
        <v>44587.685185185182</v>
      </c>
    </row>
    <row r="425" spans="1:5" x14ac:dyDescent="0.4">
      <c r="A425">
        <v>78</v>
      </c>
      <c r="B425">
        <v>0</v>
      </c>
      <c r="C425">
        <v>111</v>
      </c>
      <c r="D425" t="s">
        <v>469</v>
      </c>
      <c r="E425" s="1">
        <v>44587.685185185182</v>
      </c>
    </row>
    <row r="426" spans="1:5" x14ac:dyDescent="0.4">
      <c r="A426">
        <v>79</v>
      </c>
      <c r="B426">
        <v>0</v>
      </c>
      <c r="C426">
        <v>112</v>
      </c>
      <c r="D426" t="s">
        <v>470</v>
      </c>
      <c r="E426" s="1">
        <v>44587.685185185182</v>
      </c>
    </row>
    <row r="427" spans="1:5" x14ac:dyDescent="0.4">
      <c r="A427">
        <v>80</v>
      </c>
      <c r="B427">
        <v>0</v>
      </c>
      <c r="C427">
        <v>113</v>
      </c>
      <c r="D427" t="s">
        <v>471</v>
      </c>
      <c r="E427" s="1">
        <v>44587.685185185182</v>
      </c>
    </row>
    <row r="428" spans="1:5" x14ac:dyDescent="0.4">
      <c r="A428">
        <v>81</v>
      </c>
      <c r="B428">
        <v>0</v>
      </c>
      <c r="C428">
        <v>114</v>
      </c>
      <c r="D428" t="s">
        <v>472</v>
      </c>
      <c r="E428" s="1">
        <v>44587.685185185182</v>
      </c>
    </row>
    <row r="429" spans="1:5" x14ac:dyDescent="0.4">
      <c r="A429">
        <v>82</v>
      </c>
      <c r="B429">
        <v>0</v>
      </c>
      <c r="C429">
        <v>115</v>
      </c>
      <c r="D429" t="s">
        <v>473</v>
      </c>
      <c r="E429" s="1">
        <v>44587.685185185182</v>
      </c>
    </row>
    <row r="430" spans="1:5" x14ac:dyDescent="0.4">
      <c r="A430">
        <v>83</v>
      </c>
      <c r="B430">
        <v>0</v>
      </c>
      <c r="C430">
        <v>116</v>
      </c>
      <c r="D430" t="s">
        <v>474</v>
      </c>
      <c r="E430" s="1">
        <v>44587.685185185182</v>
      </c>
    </row>
    <row r="431" spans="1:5" x14ac:dyDescent="0.4">
      <c r="A431">
        <v>84</v>
      </c>
      <c r="B431">
        <v>0</v>
      </c>
      <c r="C431">
        <v>121</v>
      </c>
      <c r="D431" t="s">
        <v>475</v>
      </c>
      <c r="E431" s="1">
        <v>44587.685185185182</v>
      </c>
    </row>
    <row r="432" spans="1:5" x14ac:dyDescent="0.4">
      <c r="A432">
        <v>85</v>
      </c>
      <c r="B432">
        <v>0</v>
      </c>
      <c r="C432">
        <v>122</v>
      </c>
      <c r="D432" t="s">
        <v>476</v>
      </c>
      <c r="E432" s="1">
        <v>44587.685185185182</v>
      </c>
    </row>
    <row r="433" spans="1:5" x14ac:dyDescent="0.4">
      <c r="A433">
        <v>86</v>
      </c>
      <c r="B433">
        <v>0</v>
      </c>
      <c r="C433">
        <v>123</v>
      </c>
      <c r="D433" t="s">
        <v>477</v>
      </c>
      <c r="E433" s="1">
        <v>44587.685185185182</v>
      </c>
    </row>
    <row r="434" spans="1:5" x14ac:dyDescent="0.4">
      <c r="A434">
        <v>87</v>
      </c>
      <c r="B434">
        <v>0</v>
      </c>
      <c r="C434">
        <v>124</v>
      </c>
      <c r="D434" t="s">
        <v>478</v>
      </c>
      <c r="E434" s="1">
        <v>44587.685185185182</v>
      </c>
    </row>
    <row r="435" spans="1:5" x14ac:dyDescent="0.4">
      <c r="A435">
        <v>88</v>
      </c>
      <c r="B435">
        <v>0</v>
      </c>
      <c r="C435">
        <v>125</v>
      </c>
      <c r="D435" t="s">
        <v>479</v>
      </c>
      <c r="E435" s="1">
        <v>44587.685185185182</v>
      </c>
    </row>
    <row r="436" spans="1:5" x14ac:dyDescent="0.4">
      <c r="A436">
        <v>89</v>
      </c>
      <c r="B436">
        <v>0</v>
      </c>
      <c r="C436">
        <v>126</v>
      </c>
      <c r="D436" t="s">
        <v>480</v>
      </c>
      <c r="E436" s="1">
        <v>44587.685185185182</v>
      </c>
    </row>
    <row r="437" spans="1:5" x14ac:dyDescent="0.4">
      <c r="A437">
        <v>90</v>
      </c>
      <c r="B437">
        <v>0</v>
      </c>
      <c r="C437">
        <v>131</v>
      </c>
      <c r="D437" t="s">
        <v>481</v>
      </c>
      <c r="E437" s="1">
        <v>44587.685185185182</v>
      </c>
    </row>
    <row r="438" spans="1:5" x14ac:dyDescent="0.4">
      <c r="A438">
        <v>91</v>
      </c>
      <c r="B438">
        <v>0</v>
      </c>
      <c r="C438">
        <v>141</v>
      </c>
      <c r="D438" t="s">
        <v>482</v>
      </c>
      <c r="E438" s="1">
        <v>44587.685185185182</v>
      </c>
    </row>
    <row r="439" spans="1:5" x14ac:dyDescent="0.4">
      <c r="A439">
        <v>92</v>
      </c>
      <c r="B439">
        <v>0</v>
      </c>
      <c r="C439">
        <v>142</v>
      </c>
      <c r="D439" t="s">
        <v>483</v>
      </c>
      <c r="E439" s="1">
        <v>44587.685185185182</v>
      </c>
    </row>
    <row r="440" spans="1:5" x14ac:dyDescent="0.4">
      <c r="A440">
        <v>93</v>
      </c>
      <c r="B440">
        <v>0</v>
      </c>
      <c r="C440">
        <v>143</v>
      </c>
      <c r="D440" t="s">
        <v>484</v>
      </c>
      <c r="E440" s="1">
        <v>44587.685185185182</v>
      </c>
    </row>
    <row r="441" spans="1:5" x14ac:dyDescent="0.4">
      <c r="A441">
        <v>94</v>
      </c>
      <c r="B441">
        <v>0</v>
      </c>
      <c r="C441">
        <v>144</v>
      </c>
      <c r="D441" t="s">
        <v>485</v>
      </c>
      <c r="E441" s="1">
        <v>44587.685185185182</v>
      </c>
    </row>
    <row r="442" spans="1:5" x14ac:dyDescent="0.4">
      <c r="A442">
        <v>95</v>
      </c>
      <c r="B442">
        <v>0</v>
      </c>
      <c r="C442">
        <v>145</v>
      </c>
      <c r="D442" t="s">
        <v>486</v>
      </c>
      <c r="E442" s="1">
        <v>44587.685185185182</v>
      </c>
    </row>
    <row r="443" spans="1:5" x14ac:dyDescent="0.4">
      <c r="A443">
        <v>96</v>
      </c>
      <c r="B443">
        <v>0</v>
      </c>
      <c r="C443">
        <v>146</v>
      </c>
      <c r="D443" t="s">
        <v>487</v>
      </c>
      <c r="E443" s="1">
        <v>44587.685185185182</v>
      </c>
    </row>
    <row r="444" spans="1:5" x14ac:dyDescent="0.4">
      <c r="A444">
        <v>97</v>
      </c>
      <c r="B444">
        <v>0</v>
      </c>
      <c r="C444">
        <v>147</v>
      </c>
      <c r="D444" t="s">
        <v>488</v>
      </c>
      <c r="E444" s="1">
        <v>44587.685185185182</v>
      </c>
    </row>
    <row r="445" spans="1:5" x14ac:dyDescent="0.4">
      <c r="A445">
        <v>98</v>
      </c>
      <c r="B445">
        <v>0</v>
      </c>
      <c r="C445">
        <v>161</v>
      </c>
      <c r="D445" t="s">
        <v>489</v>
      </c>
      <c r="E445" s="1">
        <v>44587.685185185182</v>
      </c>
    </row>
    <row r="446" spans="1:5" x14ac:dyDescent="0.4">
      <c r="A446">
        <v>99</v>
      </c>
      <c r="B446">
        <v>0</v>
      </c>
      <c r="C446">
        <v>162</v>
      </c>
      <c r="D446" t="s">
        <v>490</v>
      </c>
      <c r="E446" s="1">
        <v>44587.685185185182</v>
      </c>
    </row>
    <row r="447" spans="1:5" x14ac:dyDescent="0.4">
      <c r="A447">
        <v>100</v>
      </c>
      <c r="B447">
        <v>0</v>
      </c>
      <c r="C447">
        <v>163</v>
      </c>
      <c r="D447" t="s">
        <v>491</v>
      </c>
      <c r="E447" s="1">
        <v>44587.685185185182</v>
      </c>
    </row>
    <row r="448" spans="1:5" x14ac:dyDescent="0.4">
      <c r="A448">
        <v>101</v>
      </c>
      <c r="B448">
        <v>0</v>
      </c>
      <c r="C448">
        <v>164</v>
      </c>
      <c r="D448" t="s">
        <v>492</v>
      </c>
      <c r="E448" s="1">
        <v>44587.685185185182</v>
      </c>
    </row>
    <row r="449" spans="1:5" x14ac:dyDescent="0.4">
      <c r="A449">
        <v>102</v>
      </c>
      <c r="B449">
        <v>0</v>
      </c>
      <c r="C449">
        <v>165</v>
      </c>
      <c r="D449" t="s">
        <v>493</v>
      </c>
      <c r="E449" s="1">
        <v>44587.685185185182</v>
      </c>
    </row>
    <row r="450" spans="1:5" x14ac:dyDescent="0.4">
      <c r="A450">
        <v>103</v>
      </c>
      <c r="B450">
        <v>0</v>
      </c>
      <c r="C450">
        <v>166</v>
      </c>
      <c r="D450" t="s">
        <v>494</v>
      </c>
      <c r="E450" s="1">
        <v>44587.685185185182</v>
      </c>
    </row>
    <row r="451" spans="1:5" x14ac:dyDescent="0.4">
      <c r="A451">
        <v>104</v>
      </c>
      <c r="B451">
        <v>0</v>
      </c>
      <c r="C451">
        <v>167</v>
      </c>
      <c r="D451" t="s">
        <v>495</v>
      </c>
      <c r="E451" s="1">
        <v>44587.685185185182</v>
      </c>
    </row>
    <row r="452" spans="1:5" x14ac:dyDescent="0.4">
      <c r="A452">
        <v>105</v>
      </c>
      <c r="B452">
        <v>0</v>
      </c>
      <c r="C452">
        <v>168</v>
      </c>
      <c r="D452" t="s">
        <v>496</v>
      </c>
      <c r="E452" s="1">
        <v>44587.685185185182</v>
      </c>
    </row>
    <row r="453" spans="1:5" x14ac:dyDescent="0.4">
      <c r="A453">
        <v>106</v>
      </c>
      <c r="B453">
        <v>0</v>
      </c>
      <c r="C453">
        <v>169</v>
      </c>
      <c r="D453" t="s">
        <v>497</v>
      </c>
      <c r="E453" s="1">
        <v>44587.685185185182</v>
      </c>
    </row>
    <row r="454" spans="1:5" x14ac:dyDescent="0.4">
      <c r="A454">
        <v>107</v>
      </c>
      <c r="B454">
        <v>0</v>
      </c>
      <c r="C454">
        <v>170</v>
      </c>
      <c r="D454" t="s">
        <v>498</v>
      </c>
      <c r="E454" s="1">
        <v>44587.685185185182</v>
      </c>
    </row>
    <row r="455" spans="1:5" x14ac:dyDescent="0.4">
      <c r="A455">
        <v>108</v>
      </c>
      <c r="B455">
        <v>0</v>
      </c>
      <c r="C455">
        <v>171</v>
      </c>
      <c r="D455" t="s">
        <v>499</v>
      </c>
      <c r="E455" s="1">
        <v>44587.685185185182</v>
      </c>
    </row>
    <row r="456" spans="1:5" x14ac:dyDescent="0.4">
      <c r="A456">
        <v>109</v>
      </c>
      <c r="B456">
        <v>0</v>
      </c>
      <c r="C456">
        <v>172</v>
      </c>
      <c r="D456" t="s">
        <v>500</v>
      </c>
      <c r="E456" s="1">
        <v>44587.685185185182</v>
      </c>
    </row>
    <row r="457" spans="1:5" x14ac:dyDescent="0.4">
      <c r="A457">
        <v>110</v>
      </c>
      <c r="B457">
        <v>0</v>
      </c>
      <c r="C457">
        <v>173</v>
      </c>
      <c r="D457" t="s">
        <v>501</v>
      </c>
      <c r="E457" s="1">
        <v>44587.685185185182</v>
      </c>
    </row>
    <row r="458" spans="1:5" x14ac:dyDescent="0.4">
      <c r="A458">
        <v>111</v>
      </c>
      <c r="B458">
        <v>0</v>
      </c>
      <c r="C458">
        <v>174</v>
      </c>
      <c r="D458" t="s">
        <v>502</v>
      </c>
      <c r="E458" s="1">
        <v>44587.685185185182</v>
      </c>
    </row>
    <row r="459" spans="1:5" x14ac:dyDescent="0.4">
      <c r="A459">
        <v>112</v>
      </c>
      <c r="B459">
        <v>0</v>
      </c>
      <c r="C459">
        <v>175</v>
      </c>
      <c r="D459" t="s">
        <v>503</v>
      </c>
      <c r="E459" s="1">
        <v>44587.685185185182</v>
      </c>
    </row>
    <row r="460" spans="1:5" x14ac:dyDescent="0.4">
      <c r="A460">
        <v>113</v>
      </c>
      <c r="B460">
        <v>0</v>
      </c>
      <c r="C460">
        <v>181</v>
      </c>
      <c r="D460" t="s">
        <v>504</v>
      </c>
      <c r="E460" s="1">
        <v>44587.685185185182</v>
      </c>
    </row>
    <row r="461" spans="1:5" x14ac:dyDescent="0.4">
      <c r="A461">
        <v>114</v>
      </c>
      <c r="B461">
        <v>0</v>
      </c>
      <c r="C461">
        <v>182</v>
      </c>
      <c r="D461" t="s">
        <v>505</v>
      </c>
      <c r="E461" s="1">
        <v>44587.685185185182</v>
      </c>
    </row>
    <row r="462" spans="1:5" x14ac:dyDescent="0.4">
      <c r="A462">
        <v>115</v>
      </c>
      <c r="B462">
        <v>0</v>
      </c>
      <c r="C462">
        <v>183</v>
      </c>
      <c r="D462" t="s">
        <v>506</v>
      </c>
      <c r="E462" s="1">
        <v>44587.685185185182</v>
      </c>
    </row>
    <row r="463" spans="1:5" x14ac:dyDescent="0.4">
      <c r="A463">
        <v>116</v>
      </c>
      <c r="B463">
        <v>0</v>
      </c>
      <c r="C463">
        <v>184</v>
      </c>
      <c r="D463" t="s">
        <v>507</v>
      </c>
      <c r="E463" s="1">
        <v>44587.685185185182</v>
      </c>
    </row>
    <row r="464" spans="1:5" x14ac:dyDescent="0.4">
      <c r="A464">
        <v>117</v>
      </c>
      <c r="B464">
        <v>0</v>
      </c>
      <c r="C464">
        <v>185</v>
      </c>
      <c r="D464" t="s">
        <v>508</v>
      </c>
      <c r="E464" s="1">
        <v>44587.685185185182</v>
      </c>
    </row>
    <row r="465" spans="1:5" x14ac:dyDescent="0.4">
      <c r="A465">
        <v>118</v>
      </c>
      <c r="B465">
        <v>0</v>
      </c>
      <c r="C465">
        <v>186</v>
      </c>
      <c r="D465" t="s">
        <v>509</v>
      </c>
      <c r="E465" s="1">
        <v>44587.685185185182</v>
      </c>
    </row>
    <row r="466" spans="1:5" x14ac:dyDescent="0.4">
      <c r="A466">
        <v>119</v>
      </c>
      <c r="B466">
        <v>0</v>
      </c>
      <c r="C466">
        <v>190</v>
      </c>
      <c r="D466" t="s">
        <v>510</v>
      </c>
      <c r="E466" s="1">
        <v>44587.685185185182</v>
      </c>
    </row>
    <row r="467" spans="1:5" x14ac:dyDescent="0.4">
      <c r="A467">
        <v>120</v>
      </c>
      <c r="B467">
        <v>0</v>
      </c>
      <c r="C467">
        <v>191</v>
      </c>
      <c r="D467" t="s">
        <v>511</v>
      </c>
      <c r="E467" s="1">
        <v>44587.685185185182</v>
      </c>
    </row>
    <row r="468" spans="1:5" x14ac:dyDescent="0.4">
      <c r="A468">
        <v>121</v>
      </c>
      <c r="B468">
        <v>0</v>
      </c>
      <c r="C468">
        <v>192</v>
      </c>
      <c r="D468" t="s">
        <v>512</v>
      </c>
      <c r="E468" s="1">
        <v>44587.685185185182</v>
      </c>
    </row>
    <row r="469" spans="1:5" x14ac:dyDescent="0.4">
      <c r="A469">
        <v>122</v>
      </c>
      <c r="B469">
        <v>0</v>
      </c>
      <c r="C469">
        <v>193</v>
      </c>
      <c r="D469" t="s">
        <v>513</v>
      </c>
      <c r="E469" s="1">
        <v>44587.685185185182</v>
      </c>
    </row>
    <row r="470" spans="1:5" x14ac:dyDescent="0.4">
      <c r="A470">
        <v>123</v>
      </c>
      <c r="B470">
        <v>0</v>
      </c>
      <c r="C470">
        <v>194</v>
      </c>
      <c r="D470" t="s">
        <v>514</v>
      </c>
      <c r="E470" s="1">
        <v>44587.685185185182</v>
      </c>
    </row>
    <row r="471" spans="1:5" x14ac:dyDescent="0.4">
      <c r="A471">
        <v>124</v>
      </c>
      <c r="B471">
        <v>0</v>
      </c>
      <c r="C471">
        <v>195</v>
      </c>
      <c r="D471" t="s">
        <v>515</v>
      </c>
      <c r="E471" s="1">
        <v>44587.685185185182</v>
      </c>
    </row>
    <row r="472" spans="1:5" x14ac:dyDescent="0.4">
      <c r="A472">
        <v>125</v>
      </c>
      <c r="B472">
        <v>0</v>
      </c>
      <c r="C472">
        <v>301</v>
      </c>
      <c r="D472" t="s">
        <v>516</v>
      </c>
      <c r="E472" s="1">
        <v>44587.685185185182</v>
      </c>
    </row>
    <row r="473" spans="1:5" x14ac:dyDescent="0.4">
      <c r="A473">
        <v>126</v>
      </c>
      <c r="B473">
        <v>0</v>
      </c>
      <c r="C473">
        <v>302</v>
      </c>
      <c r="D473" t="s">
        <v>517</v>
      </c>
      <c r="E473" s="1">
        <v>44587.685185185182</v>
      </c>
    </row>
    <row r="474" spans="1:5" x14ac:dyDescent="0.4">
      <c r="A474">
        <v>127</v>
      </c>
      <c r="B474">
        <v>0</v>
      </c>
      <c r="C474">
        <v>321</v>
      </c>
      <c r="D474" t="s">
        <v>518</v>
      </c>
      <c r="E474" s="1">
        <v>44587.685185185182</v>
      </c>
    </row>
    <row r="475" spans="1:5" x14ac:dyDescent="0.4">
      <c r="A475">
        <v>128</v>
      </c>
      <c r="B475">
        <v>0</v>
      </c>
      <c r="C475">
        <v>322</v>
      </c>
      <c r="D475" t="s">
        <v>519</v>
      </c>
      <c r="E475" s="1">
        <v>44587.685185185182</v>
      </c>
    </row>
    <row r="476" spans="1:5" x14ac:dyDescent="0.4">
      <c r="A476">
        <v>129</v>
      </c>
      <c r="B476">
        <v>0</v>
      </c>
      <c r="C476">
        <v>323</v>
      </c>
      <c r="D476" t="s">
        <v>520</v>
      </c>
      <c r="E476" s="1">
        <v>44587.685185185182</v>
      </c>
    </row>
    <row r="477" spans="1:5" x14ac:dyDescent="0.4">
      <c r="A477">
        <v>130</v>
      </c>
      <c r="B477">
        <v>0</v>
      </c>
      <c r="C477">
        <v>324</v>
      </c>
      <c r="D477" t="s">
        <v>521</v>
      </c>
      <c r="E477" s="1">
        <v>44587.685185185182</v>
      </c>
    </row>
    <row r="478" spans="1:5" x14ac:dyDescent="0.4">
      <c r="A478">
        <v>131</v>
      </c>
      <c r="B478">
        <v>0</v>
      </c>
      <c r="C478">
        <v>325</v>
      </c>
      <c r="D478" t="s">
        <v>522</v>
      </c>
      <c r="E478" s="1">
        <v>44587.685185185182</v>
      </c>
    </row>
    <row r="479" spans="1:5" x14ac:dyDescent="0.4">
      <c r="A479">
        <v>132</v>
      </c>
      <c r="B479">
        <v>0</v>
      </c>
      <c r="C479">
        <v>326</v>
      </c>
      <c r="D479" t="s">
        <v>523</v>
      </c>
      <c r="E479" s="1">
        <v>44587.685185185182</v>
      </c>
    </row>
    <row r="480" spans="1:5" x14ac:dyDescent="0.4">
      <c r="A480">
        <v>133</v>
      </c>
      <c r="B480">
        <v>0</v>
      </c>
      <c r="C480">
        <v>327</v>
      </c>
      <c r="D480" t="s">
        <v>524</v>
      </c>
      <c r="E480" s="1">
        <v>44587.685185185182</v>
      </c>
    </row>
    <row r="481" spans="1:5" x14ac:dyDescent="0.4">
      <c r="A481">
        <v>134</v>
      </c>
      <c r="B481">
        <v>0</v>
      </c>
      <c r="C481">
        <v>328</v>
      </c>
      <c r="D481" t="s">
        <v>525</v>
      </c>
      <c r="E481" s="1">
        <v>44587.685185185182</v>
      </c>
    </row>
    <row r="482" spans="1:5" x14ac:dyDescent="0.4">
      <c r="A482">
        <v>135</v>
      </c>
      <c r="B482">
        <v>0</v>
      </c>
      <c r="C482">
        <v>329</v>
      </c>
      <c r="D482" t="s">
        <v>526</v>
      </c>
      <c r="E482" s="1">
        <v>44587.685185185182</v>
      </c>
    </row>
    <row r="483" spans="1:5" x14ac:dyDescent="0.4">
      <c r="A483">
        <v>136</v>
      </c>
      <c r="B483">
        <v>0</v>
      </c>
      <c r="C483">
        <v>330</v>
      </c>
      <c r="D483" t="s">
        <v>527</v>
      </c>
      <c r="E483" s="1">
        <v>44587.685185185182</v>
      </c>
    </row>
    <row r="484" spans="1:5" x14ac:dyDescent="0.4">
      <c r="A484">
        <v>137</v>
      </c>
      <c r="B484">
        <v>0</v>
      </c>
      <c r="C484">
        <v>331</v>
      </c>
      <c r="D484" t="s">
        <v>528</v>
      </c>
      <c r="E484" s="1">
        <v>44587.685185185182</v>
      </c>
    </row>
    <row r="485" spans="1:5" x14ac:dyDescent="0.4">
      <c r="A485">
        <v>138</v>
      </c>
      <c r="B485">
        <v>0</v>
      </c>
      <c r="C485">
        <v>332</v>
      </c>
      <c r="D485" t="s">
        <v>529</v>
      </c>
      <c r="E485" s="1">
        <v>44587.685185185182</v>
      </c>
    </row>
    <row r="486" spans="1:5" x14ac:dyDescent="0.4">
      <c r="A486">
        <v>139</v>
      </c>
      <c r="B486">
        <v>0</v>
      </c>
      <c r="C486">
        <v>333</v>
      </c>
      <c r="D486" t="s">
        <v>530</v>
      </c>
      <c r="E486" s="1">
        <v>44587.685185185182</v>
      </c>
    </row>
    <row r="487" spans="1:5" x14ac:dyDescent="0.4">
      <c r="A487">
        <v>140</v>
      </c>
      <c r="B487">
        <v>0</v>
      </c>
      <c r="C487">
        <v>341</v>
      </c>
      <c r="D487" t="s">
        <v>531</v>
      </c>
      <c r="E487" s="1">
        <v>44587.685185185182</v>
      </c>
    </row>
    <row r="488" spans="1:5" x14ac:dyDescent="0.4">
      <c r="A488">
        <v>141</v>
      </c>
      <c r="B488">
        <v>0</v>
      </c>
      <c r="C488">
        <v>342</v>
      </c>
      <c r="D488" t="s">
        <v>532</v>
      </c>
      <c r="E488" s="1">
        <v>44587.685185185182</v>
      </c>
    </row>
    <row r="489" spans="1:5" x14ac:dyDescent="0.4">
      <c r="A489">
        <v>142</v>
      </c>
      <c r="B489">
        <v>0</v>
      </c>
      <c r="C489">
        <v>343</v>
      </c>
      <c r="D489" t="s">
        <v>533</v>
      </c>
      <c r="E489" s="1">
        <v>44587.685185185182</v>
      </c>
    </row>
    <row r="490" spans="1:5" x14ac:dyDescent="0.4">
      <c r="A490">
        <v>143</v>
      </c>
      <c r="B490">
        <v>0</v>
      </c>
      <c r="C490">
        <v>344</v>
      </c>
      <c r="D490" t="s">
        <v>534</v>
      </c>
      <c r="E490" s="1">
        <v>44587.685185185182</v>
      </c>
    </row>
    <row r="491" spans="1:5" x14ac:dyDescent="0.4">
      <c r="A491">
        <v>144</v>
      </c>
      <c r="B491">
        <v>0</v>
      </c>
      <c r="C491">
        <v>345</v>
      </c>
      <c r="D491" t="s">
        <v>535</v>
      </c>
      <c r="E491" s="1">
        <v>44587.685185185182</v>
      </c>
    </row>
    <row r="492" spans="1:5" x14ac:dyDescent="0.4">
      <c r="A492">
        <v>145</v>
      </c>
      <c r="B492">
        <v>0</v>
      </c>
      <c r="C492">
        <v>346</v>
      </c>
      <c r="D492" t="s">
        <v>536</v>
      </c>
      <c r="E492" s="1">
        <v>44587.685185185182</v>
      </c>
    </row>
    <row r="493" spans="1:5" x14ac:dyDescent="0.4">
      <c r="A493">
        <v>146</v>
      </c>
      <c r="B493">
        <v>0</v>
      </c>
      <c r="C493">
        <v>361</v>
      </c>
      <c r="D493" t="s">
        <v>537</v>
      </c>
      <c r="E493" s="1">
        <v>44587.685185185182</v>
      </c>
    </row>
    <row r="494" spans="1:5" x14ac:dyDescent="0.4">
      <c r="A494">
        <v>147</v>
      </c>
      <c r="B494">
        <v>0</v>
      </c>
      <c r="C494">
        <v>362</v>
      </c>
      <c r="D494" t="s">
        <v>538</v>
      </c>
      <c r="E494" s="1">
        <v>44587.685185185182</v>
      </c>
    </row>
    <row r="495" spans="1:5" x14ac:dyDescent="0.4">
      <c r="A495">
        <v>148</v>
      </c>
      <c r="B495">
        <v>0</v>
      </c>
      <c r="C495">
        <v>363</v>
      </c>
      <c r="D495" t="s">
        <v>539</v>
      </c>
      <c r="E495" s="1">
        <v>44587.685185185182</v>
      </c>
    </row>
    <row r="496" spans="1:5" x14ac:dyDescent="0.4">
      <c r="A496">
        <v>149</v>
      </c>
      <c r="B496">
        <v>0</v>
      </c>
      <c r="C496">
        <v>364</v>
      </c>
      <c r="D496" t="s">
        <v>540</v>
      </c>
      <c r="E496" s="1">
        <v>44587.685185185182</v>
      </c>
    </row>
    <row r="497" spans="1:5" x14ac:dyDescent="0.4">
      <c r="A497">
        <v>150</v>
      </c>
      <c r="B497">
        <v>0</v>
      </c>
      <c r="C497">
        <v>365</v>
      </c>
      <c r="D497" t="s">
        <v>541</v>
      </c>
      <c r="E497" s="1">
        <v>44587.685185185182</v>
      </c>
    </row>
    <row r="498" spans="1:5" x14ac:dyDescent="0.4">
      <c r="A498">
        <v>151</v>
      </c>
      <c r="B498">
        <v>0</v>
      </c>
      <c r="C498">
        <v>366</v>
      </c>
      <c r="D498" t="s">
        <v>542</v>
      </c>
      <c r="E498" s="1">
        <v>44587.685185185182</v>
      </c>
    </row>
    <row r="499" spans="1:5" x14ac:dyDescent="0.4">
      <c r="A499">
        <v>152</v>
      </c>
      <c r="B499">
        <v>0</v>
      </c>
      <c r="C499">
        <v>367</v>
      </c>
      <c r="D499" t="s">
        <v>543</v>
      </c>
      <c r="E499" s="1">
        <v>44587.685185185182</v>
      </c>
    </row>
    <row r="500" spans="1:5" x14ac:dyDescent="0.4">
      <c r="A500">
        <v>153</v>
      </c>
      <c r="B500">
        <v>0</v>
      </c>
      <c r="C500">
        <v>368</v>
      </c>
      <c r="D500" t="s">
        <v>544</v>
      </c>
      <c r="E500" s="1">
        <v>44587.685185185182</v>
      </c>
    </row>
    <row r="501" spans="1:5" x14ac:dyDescent="0.4">
      <c r="A501">
        <v>154</v>
      </c>
      <c r="B501">
        <v>0</v>
      </c>
      <c r="C501">
        <v>369</v>
      </c>
      <c r="D501" t="s">
        <v>545</v>
      </c>
      <c r="E501" s="1">
        <v>44587.685185185182</v>
      </c>
    </row>
    <row r="502" spans="1:5" x14ac:dyDescent="0.4">
      <c r="A502">
        <v>155</v>
      </c>
      <c r="B502">
        <v>0</v>
      </c>
      <c r="C502">
        <v>370</v>
      </c>
      <c r="D502" t="s">
        <v>546</v>
      </c>
      <c r="E502" s="1">
        <v>44587.685185185182</v>
      </c>
    </row>
    <row r="503" spans="1:5" x14ac:dyDescent="0.4">
      <c r="A503">
        <v>156</v>
      </c>
      <c r="B503">
        <v>0</v>
      </c>
      <c r="C503">
        <v>371</v>
      </c>
      <c r="D503" t="s">
        <v>547</v>
      </c>
      <c r="E503" s="1">
        <v>44587.685185185182</v>
      </c>
    </row>
    <row r="504" spans="1:5" x14ac:dyDescent="0.4">
      <c r="A504">
        <v>157</v>
      </c>
      <c r="B504">
        <v>0</v>
      </c>
      <c r="C504">
        <v>372</v>
      </c>
      <c r="D504" t="s">
        <v>548</v>
      </c>
      <c r="E504" s="1">
        <v>44587.685185185182</v>
      </c>
    </row>
    <row r="505" spans="1:5" x14ac:dyDescent="0.4">
      <c r="A505">
        <v>158</v>
      </c>
      <c r="B505">
        <v>0</v>
      </c>
      <c r="C505">
        <v>373</v>
      </c>
      <c r="D505" t="s">
        <v>549</v>
      </c>
      <c r="E505" s="1">
        <v>44587.685185185182</v>
      </c>
    </row>
    <row r="506" spans="1:5" x14ac:dyDescent="0.4">
      <c r="A506">
        <v>159</v>
      </c>
      <c r="B506">
        <v>0</v>
      </c>
      <c r="C506">
        <v>381</v>
      </c>
      <c r="D506" t="s">
        <v>550</v>
      </c>
      <c r="E506" s="1">
        <v>44587.685185185182</v>
      </c>
    </row>
    <row r="507" spans="1:5" x14ac:dyDescent="0.4">
      <c r="A507">
        <v>160</v>
      </c>
      <c r="B507">
        <v>0</v>
      </c>
      <c r="C507">
        <v>382</v>
      </c>
      <c r="D507" t="s">
        <v>551</v>
      </c>
      <c r="E507" s="1">
        <v>44587.685185185182</v>
      </c>
    </row>
    <row r="508" spans="1:5" x14ac:dyDescent="0.4">
      <c r="A508">
        <v>161</v>
      </c>
      <c r="B508">
        <v>0</v>
      </c>
      <c r="C508">
        <v>383</v>
      </c>
      <c r="D508" t="s">
        <v>552</v>
      </c>
      <c r="E508" s="1">
        <v>44587.685185185182</v>
      </c>
    </row>
    <row r="509" spans="1:5" x14ac:dyDescent="0.4">
      <c r="A509">
        <v>162</v>
      </c>
      <c r="B509">
        <v>0</v>
      </c>
      <c r="C509">
        <v>384</v>
      </c>
      <c r="D509" t="s">
        <v>553</v>
      </c>
      <c r="E509" s="1">
        <v>44587.685185185182</v>
      </c>
    </row>
    <row r="510" spans="1:5" x14ac:dyDescent="0.4">
      <c r="A510">
        <v>163</v>
      </c>
      <c r="B510">
        <v>0</v>
      </c>
      <c r="C510">
        <v>385</v>
      </c>
      <c r="D510" t="s">
        <v>554</v>
      </c>
      <c r="E510" s="1">
        <v>44587.685185185182</v>
      </c>
    </row>
    <row r="511" spans="1:5" x14ac:dyDescent="0.4">
      <c r="A511">
        <v>164</v>
      </c>
      <c r="B511">
        <v>0</v>
      </c>
      <c r="C511">
        <v>386</v>
      </c>
      <c r="D511" t="s">
        <v>555</v>
      </c>
      <c r="E511" s="1">
        <v>44587.685185185182</v>
      </c>
    </row>
    <row r="512" spans="1:5" x14ac:dyDescent="0.4">
      <c r="A512">
        <v>165</v>
      </c>
      <c r="B512">
        <v>0</v>
      </c>
      <c r="C512">
        <v>391</v>
      </c>
      <c r="D512" t="s">
        <v>556</v>
      </c>
      <c r="E512" s="1">
        <v>44587.685185185182</v>
      </c>
    </row>
    <row r="513" spans="1:5" x14ac:dyDescent="0.4">
      <c r="A513">
        <v>166</v>
      </c>
      <c r="B513">
        <v>0</v>
      </c>
      <c r="C513">
        <v>392</v>
      </c>
      <c r="D513" t="s">
        <v>557</v>
      </c>
      <c r="E513" s="1">
        <v>44587.685185185182</v>
      </c>
    </row>
    <row r="514" spans="1:5" x14ac:dyDescent="0.4">
      <c r="A514">
        <v>167</v>
      </c>
      <c r="B514">
        <v>0</v>
      </c>
      <c r="C514">
        <v>393</v>
      </c>
      <c r="D514" t="s">
        <v>558</v>
      </c>
      <c r="E514" s="1">
        <v>44587.685185185182</v>
      </c>
    </row>
    <row r="515" spans="1:5" x14ac:dyDescent="0.4">
      <c r="A515">
        <v>168</v>
      </c>
      <c r="B515">
        <v>0</v>
      </c>
      <c r="C515">
        <v>395</v>
      </c>
      <c r="D515" t="s">
        <v>559</v>
      </c>
      <c r="E515" s="1">
        <v>44587.685185185182</v>
      </c>
    </row>
    <row r="516" spans="1:5" x14ac:dyDescent="0.4">
      <c r="A516">
        <v>169</v>
      </c>
      <c r="B516">
        <v>0</v>
      </c>
      <c r="C516">
        <v>396</v>
      </c>
      <c r="D516" t="s">
        <v>560</v>
      </c>
      <c r="E516" s="1">
        <v>44587.685185185182</v>
      </c>
    </row>
    <row r="517" spans="1:5" x14ac:dyDescent="0.4">
      <c r="A517">
        <v>170</v>
      </c>
      <c r="B517">
        <v>0</v>
      </c>
      <c r="C517">
        <v>401</v>
      </c>
      <c r="D517" t="s">
        <v>561</v>
      </c>
      <c r="E517" s="1">
        <v>44587.685185185182</v>
      </c>
    </row>
    <row r="518" spans="1:5" x14ac:dyDescent="0.4">
      <c r="A518">
        <v>171</v>
      </c>
      <c r="B518">
        <v>0</v>
      </c>
      <c r="C518">
        <v>402</v>
      </c>
      <c r="D518" t="s">
        <v>562</v>
      </c>
      <c r="E518" s="1">
        <v>44587.685185185182</v>
      </c>
    </row>
    <row r="519" spans="1:5" x14ac:dyDescent="0.4">
      <c r="A519">
        <v>172</v>
      </c>
      <c r="B519">
        <v>0</v>
      </c>
      <c r="C519">
        <v>403</v>
      </c>
      <c r="D519" t="s">
        <v>563</v>
      </c>
      <c r="E519" s="1">
        <v>44587.685185185182</v>
      </c>
    </row>
    <row r="520" spans="1:5" x14ac:dyDescent="0.4">
      <c r="A520">
        <v>173</v>
      </c>
      <c r="B520">
        <v>0</v>
      </c>
      <c r="C520">
        <v>404</v>
      </c>
      <c r="D520" t="s">
        <v>564</v>
      </c>
      <c r="E520" s="1">
        <v>44587.685185185182</v>
      </c>
    </row>
    <row r="521" spans="1:5" x14ac:dyDescent="0.4">
      <c r="A521">
        <v>174</v>
      </c>
      <c r="B521">
        <v>0</v>
      </c>
      <c r="C521">
        <v>405</v>
      </c>
      <c r="D521" t="s">
        <v>565</v>
      </c>
      <c r="E521" s="1">
        <v>44587.685185185182</v>
      </c>
    </row>
    <row r="522" spans="1:5" x14ac:dyDescent="0.4">
      <c r="A522">
        <v>175</v>
      </c>
      <c r="B522">
        <v>0</v>
      </c>
      <c r="C522">
        <v>406</v>
      </c>
      <c r="D522" t="s">
        <v>566</v>
      </c>
      <c r="E522" s="1">
        <v>44587.685185185182</v>
      </c>
    </row>
    <row r="523" spans="1:5" x14ac:dyDescent="0.4">
      <c r="A523">
        <v>176</v>
      </c>
      <c r="B523">
        <v>0</v>
      </c>
      <c r="C523">
        <v>411</v>
      </c>
      <c r="D523" t="s">
        <v>567</v>
      </c>
      <c r="E523" s="1">
        <v>44587.685185185182</v>
      </c>
    </row>
    <row r="524" spans="1:5" x14ac:dyDescent="0.4">
      <c r="A524">
        <v>177</v>
      </c>
      <c r="B524">
        <v>0</v>
      </c>
      <c r="C524">
        <v>412</v>
      </c>
      <c r="D524" t="s">
        <v>568</v>
      </c>
      <c r="E524" s="1">
        <v>44587.685185185182</v>
      </c>
    </row>
    <row r="525" spans="1:5" x14ac:dyDescent="0.4">
      <c r="A525">
        <v>178</v>
      </c>
      <c r="B525">
        <v>0</v>
      </c>
      <c r="C525">
        <v>413</v>
      </c>
      <c r="D525" t="s">
        <v>569</v>
      </c>
      <c r="E525" s="1">
        <v>44587.685185185182</v>
      </c>
    </row>
    <row r="526" spans="1:5" x14ac:dyDescent="0.4">
      <c r="A526">
        <v>179</v>
      </c>
      <c r="B526">
        <v>0</v>
      </c>
      <c r="C526">
        <v>414</v>
      </c>
      <c r="D526" t="s">
        <v>570</v>
      </c>
      <c r="E526" s="1">
        <v>44587.685185185182</v>
      </c>
    </row>
    <row r="527" spans="1:5" x14ac:dyDescent="0.4">
      <c r="A527">
        <v>180</v>
      </c>
      <c r="B527">
        <v>0</v>
      </c>
      <c r="C527">
        <v>421</v>
      </c>
      <c r="D527" t="s">
        <v>571</v>
      </c>
      <c r="E527" s="1">
        <v>44587.685185185182</v>
      </c>
    </row>
    <row r="528" spans="1:5" x14ac:dyDescent="0.4">
      <c r="A528">
        <v>181</v>
      </c>
      <c r="B528">
        <v>0</v>
      </c>
      <c r="C528">
        <v>422</v>
      </c>
      <c r="D528" t="s">
        <v>572</v>
      </c>
      <c r="E528" s="1">
        <v>44587.685185185182</v>
      </c>
    </row>
    <row r="529" spans="1:5" x14ac:dyDescent="0.4">
      <c r="A529">
        <v>182</v>
      </c>
      <c r="B529">
        <v>0</v>
      </c>
      <c r="C529">
        <v>431</v>
      </c>
      <c r="D529" t="s">
        <v>573</v>
      </c>
      <c r="E529" s="1">
        <v>44587.685185185182</v>
      </c>
    </row>
    <row r="530" spans="1:5" x14ac:dyDescent="0.4">
      <c r="A530">
        <v>183</v>
      </c>
      <c r="B530">
        <v>0</v>
      </c>
      <c r="C530">
        <v>432</v>
      </c>
      <c r="D530" t="s">
        <v>574</v>
      </c>
      <c r="E530" s="1">
        <v>44587.685185185182</v>
      </c>
    </row>
    <row r="531" spans="1:5" x14ac:dyDescent="0.4">
      <c r="A531">
        <v>184</v>
      </c>
      <c r="B531">
        <v>0</v>
      </c>
      <c r="C531">
        <v>433</v>
      </c>
      <c r="D531" t="s">
        <v>575</v>
      </c>
      <c r="E531" s="1">
        <v>44587.685185185182</v>
      </c>
    </row>
    <row r="532" spans="1:5" x14ac:dyDescent="0.4">
      <c r="A532">
        <v>185</v>
      </c>
      <c r="B532">
        <v>0</v>
      </c>
      <c r="C532">
        <v>1</v>
      </c>
      <c r="D532" t="s">
        <v>88</v>
      </c>
      <c r="E532" s="1">
        <v>44598.477395833332</v>
      </c>
    </row>
    <row r="533" spans="1:5" x14ac:dyDescent="0.4">
      <c r="A533">
        <v>186</v>
      </c>
      <c r="B533">
        <v>0</v>
      </c>
      <c r="C533">
        <v>2</v>
      </c>
      <c r="D533" t="s">
        <v>88</v>
      </c>
      <c r="E533" s="1">
        <v>44598.477395833332</v>
      </c>
    </row>
    <row r="534" spans="1:5" x14ac:dyDescent="0.4">
      <c r="A534">
        <v>187</v>
      </c>
      <c r="B534">
        <v>0</v>
      </c>
      <c r="C534">
        <v>3</v>
      </c>
      <c r="D534" t="s">
        <v>88</v>
      </c>
      <c r="E534" s="1">
        <v>44598.477395833332</v>
      </c>
    </row>
    <row r="535" spans="1:5" x14ac:dyDescent="0.4">
      <c r="A535">
        <v>188</v>
      </c>
      <c r="B535">
        <v>0</v>
      </c>
      <c r="C535">
        <v>4</v>
      </c>
      <c r="D535" t="s">
        <v>88</v>
      </c>
      <c r="E535" s="1">
        <v>44598.477395833332</v>
      </c>
    </row>
    <row r="536" spans="1:5" x14ac:dyDescent="0.4">
      <c r="A536">
        <v>189</v>
      </c>
      <c r="B536">
        <v>0</v>
      </c>
      <c r="C536">
        <v>5</v>
      </c>
      <c r="D536" t="s">
        <v>88</v>
      </c>
      <c r="E536" s="1">
        <v>44598.477395833332</v>
      </c>
    </row>
    <row r="537" spans="1:5" x14ac:dyDescent="0.4">
      <c r="A537">
        <v>190</v>
      </c>
      <c r="B537">
        <v>0</v>
      </c>
      <c r="C537">
        <v>11</v>
      </c>
      <c r="D537" t="s">
        <v>88</v>
      </c>
      <c r="E537" s="1">
        <v>44598.477395833332</v>
      </c>
    </row>
    <row r="538" spans="1:5" x14ac:dyDescent="0.4">
      <c r="A538">
        <v>191</v>
      </c>
      <c r="B538">
        <v>0</v>
      </c>
      <c r="C538">
        <v>12</v>
      </c>
      <c r="D538" t="s">
        <v>88</v>
      </c>
      <c r="E538" s="1">
        <v>44598.477395833332</v>
      </c>
    </row>
    <row r="539" spans="1:5" x14ac:dyDescent="0.4">
      <c r="A539">
        <v>192</v>
      </c>
      <c r="B539">
        <v>0</v>
      </c>
      <c r="C539">
        <v>15</v>
      </c>
      <c r="D539" t="s">
        <v>88</v>
      </c>
      <c r="E539" s="1">
        <v>44598.477395833332</v>
      </c>
    </row>
    <row r="540" spans="1:5" x14ac:dyDescent="0.4">
      <c r="A540">
        <v>193</v>
      </c>
      <c r="B540">
        <v>0</v>
      </c>
      <c r="C540">
        <v>16</v>
      </c>
      <c r="D540" t="s">
        <v>88</v>
      </c>
      <c r="E540" s="1">
        <v>44598.477395833332</v>
      </c>
    </row>
    <row r="541" spans="1:5" x14ac:dyDescent="0.4">
      <c r="A541">
        <v>194</v>
      </c>
      <c r="B541">
        <v>0</v>
      </c>
      <c r="C541">
        <v>17</v>
      </c>
      <c r="D541" t="s">
        <v>88</v>
      </c>
      <c r="E541" s="1">
        <v>44598.477395833332</v>
      </c>
    </row>
    <row r="542" spans="1:5" x14ac:dyDescent="0.4">
      <c r="A542">
        <v>195</v>
      </c>
      <c r="B542">
        <v>0</v>
      </c>
      <c r="C542">
        <v>21</v>
      </c>
      <c r="D542" t="s">
        <v>88</v>
      </c>
      <c r="E542" s="1">
        <v>44598.477395833332</v>
      </c>
    </row>
    <row r="543" spans="1:5" x14ac:dyDescent="0.4">
      <c r="A543">
        <v>196</v>
      </c>
      <c r="B543">
        <v>0</v>
      </c>
      <c r="C543">
        <v>22</v>
      </c>
      <c r="D543" t="s">
        <v>88</v>
      </c>
      <c r="E543" s="1">
        <v>44598.477395833332</v>
      </c>
    </row>
    <row r="544" spans="1:5" x14ac:dyDescent="0.4">
      <c r="A544">
        <v>197</v>
      </c>
      <c r="B544">
        <v>0</v>
      </c>
      <c r="C544">
        <v>23</v>
      </c>
      <c r="D544" t="s">
        <v>88</v>
      </c>
      <c r="E544" s="1">
        <v>44598.477395833332</v>
      </c>
    </row>
    <row r="545" spans="1:5" x14ac:dyDescent="0.4">
      <c r="A545">
        <v>198</v>
      </c>
      <c r="B545">
        <v>0</v>
      </c>
      <c r="C545">
        <v>24</v>
      </c>
      <c r="D545" t="s">
        <v>88</v>
      </c>
      <c r="E545" s="1">
        <v>44598.477395833332</v>
      </c>
    </row>
    <row r="546" spans="1:5" x14ac:dyDescent="0.4">
      <c r="A546">
        <v>199</v>
      </c>
      <c r="B546">
        <v>0</v>
      </c>
      <c r="C546">
        <v>25</v>
      </c>
      <c r="D546" t="s">
        <v>88</v>
      </c>
      <c r="E546" s="1">
        <v>44598.477395833332</v>
      </c>
    </row>
    <row r="547" spans="1:5" x14ac:dyDescent="0.4">
      <c r="A547">
        <v>200</v>
      </c>
      <c r="B547">
        <v>0</v>
      </c>
      <c r="C547">
        <v>26</v>
      </c>
      <c r="D547" t="s">
        <v>88</v>
      </c>
      <c r="E547" s="1">
        <v>44598.477395833332</v>
      </c>
    </row>
    <row r="548" spans="1:5" x14ac:dyDescent="0.4">
      <c r="A548">
        <v>201</v>
      </c>
      <c r="B548">
        <v>0</v>
      </c>
      <c r="C548">
        <v>27</v>
      </c>
      <c r="D548" t="s">
        <v>88</v>
      </c>
      <c r="E548" s="1">
        <v>44598.477395833332</v>
      </c>
    </row>
    <row r="549" spans="1:5" x14ac:dyDescent="0.4">
      <c r="A549">
        <v>202</v>
      </c>
      <c r="B549">
        <v>0</v>
      </c>
      <c r="C549">
        <v>28</v>
      </c>
      <c r="D549" t="s">
        <v>88</v>
      </c>
      <c r="E549" s="1">
        <v>44598.477395833332</v>
      </c>
    </row>
    <row r="550" spans="1:5" x14ac:dyDescent="0.4">
      <c r="A550">
        <v>203</v>
      </c>
      <c r="B550">
        <v>0</v>
      </c>
      <c r="C550">
        <v>29</v>
      </c>
      <c r="D550" t="s">
        <v>88</v>
      </c>
      <c r="E550" s="1">
        <v>44598.477395833332</v>
      </c>
    </row>
    <row r="551" spans="1:5" x14ac:dyDescent="0.4">
      <c r="A551">
        <v>204</v>
      </c>
      <c r="B551">
        <v>0</v>
      </c>
      <c r="C551">
        <v>30</v>
      </c>
      <c r="D551" t="s">
        <v>88</v>
      </c>
      <c r="E551" s="1">
        <v>44598.477395833332</v>
      </c>
    </row>
    <row r="552" spans="1:5" x14ac:dyDescent="0.4">
      <c r="A552">
        <v>205</v>
      </c>
      <c r="B552">
        <v>0</v>
      </c>
      <c r="C552">
        <v>31</v>
      </c>
      <c r="D552" t="s">
        <v>88</v>
      </c>
      <c r="E552" s="1">
        <v>44598.477395833332</v>
      </c>
    </row>
    <row r="553" spans="1:5" x14ac:dyDescent="0.4">
      <c r="A553">
        <v>206</v>
      </c>
      <c r="B553">
        <v>0</v>
      </c>
      <c r="C553">
        <v>32</v>
      </c>
      <c r="D553" t="s">
        <v>88</v>
      </c>
      <c r="E553" s="1">
        <v>44598.477395833332</v>
      </c>
    </row>
    <row r="554" spans="1:5" x14ac:dyDescent="0.4">
      <c r="A554">
        <v>207</v>
      </c>
      <c r="B554">
        <v>0</v>
      </c>
      <c r="C554">
        <v>33</v>
      </c>
      <c r="D554" t="s">
        <v>88</v>
      </c>
      <c r="E554" s="1">
        <v>44598.477395833332</v>
      </c>
    </row>
    <row r="555" spans="1:5" x14ac:dyDescent="0.4">
      <c r="A555">
        <v>208</v>
      </c>
      <c r="B555">
        <v>0</v>
      </c>
      <c r="C555">
        <v>41</v>
      </c>
      <c r="D555" t="s">
        <v>88</v>
      </c>
      <c r="E555" s="1">
        <v>44598.477395833332</v>
      </c>
    </row>
    <row r="556" spans="1:5" x14ac:dyDescent="0.4">
      <c r="A556">
        <v>209</v>
      </c>
      <c r="B556">
        <v>0</v>
      </c>
      <c r="C556">
        <v>42</v>
      </c>
      <c r="D556" t="s">
        <v>88</v>
      </c>
      <c r="E556" s="1">
        <v>44598.477395833332</v>
      </c>
    </row>
    <row r="557" spans="1:5" x14ac:dyDescent="0.4">
      <c r="A557">
        <v>210</v>
      </c>
      <c r="B557">
        <v>0</v>
      </c>
      <c r="C557">
        <v>43</v>
      </c>
      <c r="D557" t="s">
        <v>88</v>
      </c>
      <c r="E557" s="1">
        <v>44598.477395833332</v>
      </c>
    </row>
    <row r="558" spans="1:5" x14ac:dyDescent="0.4">
      <c r="A558">
        <v>211</v>
      </c>
      <c r="B558">
        <v>0</v>
      </c>
      <c r="C558">
        <v>44</v>
      </c>
      <c r="D558" t="s">
        <v>88</v>
      </c>
      <c r="E558" s="1">
        <v>44598.477395833332</v>
      </c>
    </row>
    <row r="559" spans="1:5" x14ac:dyDescent="0.4">
      <c r="A559">
        <v>212</v>
      </c>
      <c r="B559">
        <v>0</v>
      </c>
      <c r="C559">
        <v>45</v>
      </c>
      <c r="D559" t="s">
        <v>88</v>
      </c>
      <c r="E559" s="1">
        <v>44598.477395833332</v>
      </c>
    </row>
    <row r="560" spans="1:5" x14ac:dyDescent="0.4">
      <c r="A560">
        <v>213</v>
      </c>
      <c r="B560">
        <v>0</v>
      </c>
      <c r="C560">
        <v>46</v>
      </c>
      <c r="D560" t="s">
        <v>88</v>
      </c>
      <c r="E560" s="1">
        <v>44598.477395833332</v>
      </c>
    </row>
    <row r="561" spans="1:5" x14ac:dyDescent="0.4">
      <c r="A561">
        <v>214</v>
      </c>
      <c r="B561">
        <v>0</v>
      </c>
      <c r="C561">
        <v>47</v>
      </c>
      <c r="D561" t="s">
        <v>88</v>
      </c>
      <c r="E561" s="1">
        <v>44598.477395833332</v>
      </c>
    </row>
    <row r="562" spans="1:5" x14ac:dyDescent="0.4">
      <c r="A562">
        <v>215</v>
      </c>
      <c r="B562">
        <v>0</v>
      </c>
      <c r="C562">
        <v>48</v>
      </c>
      <c r="D562" t="s">
        <v>88</v>
      </c>
      <c r="E562" s="1">
        <v>44598.477395833332</v>
      </c>
    </row>
    <row r="563" spans="1:5" x14ac:dyDescent="0.4">
      <c r="A563">
        <v>216</v>
      </c>
      <c r="B563">
        <v>0</v>
      </c>
      <c r="C563">
        <v>49</v>
      </c>
      <c r="D563" t="s">
        <v>88</v>
      </c>
      <c r="E563" s="1">
        <v>44598.477395833332</v>
      </c>
    </row>
    <row r="564" spans="1:5" x14ac:dyDescent="0.4">
      <c r="A564">
        <v>217</v>
      </c>
      <c r="B564">
        <v>0</v>
      </c>
      <c r="C564">
        <v>50</v>
      </c>
      <c r="D564" t="s">
        <v>88</v>
      </c>
      <c r="E564" s="1">
        <v>44598.477395833332</v>
      </c>
    </row>
    <row r="565" spans="1:5" x14ac:dyDescent="0.4">
      <c r="A565">
        <v>218</v>
      </c>
      <c r="B565">
        <v>0</v>
      </c>
      <c r="C565">
        <v>51</v>
      </c>
      <c r="D565" t="s">
        <v>88</v>
      </c>
      <c r="E565" s="1">
        <v>44598.477395833332</v>
      </c>
    </row>
    <row r="566" spans="1:5" x14ac:dyDescent="0.4">
      <c r="A566">
        <v>219</v>
      </c>
      <c r="B566">
        <v>0</v>
      </c>
      <c r="C566">
        <v>52</v>
      </c>
      <c r="D566" t="s">
        <v>88</v>
      </c>
      <c r="E566" s="1">
        <v>44598.477395833332</v>
      </c>
    </row>
    <row r="567" spans="1:5" x14ac:dyDescent="0.4">
      <c r="A567">
        <v>220</v>
      </c>
      <c r="B567">
        <v>0</v>
      </c>
      <c r="C567">
        <v>53</v>
      </c>
      <c r="D567" t="s">
        <v>88</v>
      </c>
      <c r="E567" s="1">
        <v>44598.477395833332</v>
      </c>
    </row>
    <row r="568" spans="1:5" x14ac:dyDescent="0.4">
      <c r="A568">
        <v>221</v>
      </c>
      <c r="B568">
        <v>0</v>
      </c>
      <c r="C568">
        <v>54</v>
      </c>
      <c r="D568" t="s">
        <v>88</v>
      </c>
      <c r="E568" s="1">
        <v>44598.477395833332</v>
      </c>
    </row>
    <row r="569" spans="1:5" x14ac:dyDescent="0.4">
      <c r="A569">
        <v>222</v>
      </c>
      <c r="B569">
        <v>0</v>
      </c>
      <c r="C569">
        <v>55</v>
      </c>
      <c r="D569" t="s">
        <v>88</v>
      </c>
      <c r="E569" s="1">
        <v>44598.477395833332</v>
      </c>
    </row>
    <row r="570" spans="1:5" x14ac:dyDescent="0.4">
      <c r="A570">
        <v>223</v>
      </c>
      <c r="B570">
        <v>0</v>
      </c>
      <c r="C570">
        <v>61</v>
      </c>
      <c r="D570" t="s">
        <v>88</v>
      </c>
      <c r="E570" s="1">
        <v>44598.477395833332</v>
      </c>
    </row>
    <row r="571" spans="1:5" x14ac:dyDescent="0.4">
      <c r="A571">
        <v>224</v>
      </c>
      <c r="B571">
        <v>0</v>
      </c>
      <c r="C571">
        <v>62</v>
      </c>
      <c r="D571" t="s">
        <v>88</v>
      </c>
      <c r="E571" s="1">
        <v>44598.477395833332</v>
      </c>
    </row>
    <row r="572" spans="1:5" x14ac:dyDescent="0.4">
      <c r="A572">
        <v>225</v>
      </c>
      <c r="B572">
        <v>0</v>
      </c>
      <c r="C572">
        <v>63</v>
      </c>
      <c r="D572" t="s">
        <v>88</v>
      </c>
      <c r="E572" s="1">
        <v>44598.477395833332</v>
      </c>
    </row>
    <row r="573" spans="1:5" x14ac:dyDescent="0.4">
      <c r="A573">
        <v>226</v>
      </c>
      <c r="B573">
        <v>0</v>
      </c>
      <c r="C573">
        <v>64</v>
      </c>
      <c r="D573" t="s">
        <v>88</v>
      </c>
      <c r="E573" s="1">
        <v>44598.477395833332</v>
      </c>
    </row>
    <row r="574" spans="1:5" x14ac:dyDescent="0.4">
      <c r="A574">
        <v>227</v>
      </c>
      <c r="B574">
        <v>0</v>
      </c>
      <c r="C574">
        <v>65</v>
      </c>
      <c r="D574" t="s">
        <v>88</v>
      </c>
      <c r="E574" s="1">
        <v>44598.477395833332</v>
      </c>
    </row>
    <row r="575" spans="1:5" x14ac:dyDescent="0.4">
      <c r="A575">
        <v>228</v>
      </c>
      <c r="B575">
        <v>0</v>
      </c>
      <c r="C575">
        <v>66</v>
      </c>
      <c r="D575" t="s">
        <v>88</v>
      </c>
      <c r="E575" s="1">
        <v>44598.477395833332</v>
      </c>
    </row>
    <row r="576" spans="1:5" x14ac:dyDescent="0.4">
      <c r="A576">
        <v>229</v>
      </c>
      <c r="B576">
        <v>0</v>
      </c>
      <c r="C576">
        <v>67</v>
      </c>
      <c r="D576" t="s">
        <v>88</v>
      </c>
      <c r="E576" s="1">
        <v>44598.477395833332</v>
      </c>
    </row>
    <row r="577" spans="1:5" x14ac:dyDescent="0.4">
      <c r="A577">
        <v>230</v>
      </c>
      <c r="B577">
        <v>0</v>
      </c>
      <c r="C577">
        <v>68</v>
      </c>
      <c r="D577" t="s">
        <v>88</v>
      </c>
      <c r="E577" s="1">
        <v>44598.477395833332</v>
      </c>
    </row>
    <row r="578" spans="1:5" x14ac:dyDescent="0.4">
      <c r="A578">
        <v>231</v>
      </c>
      <c r="B578">
        <v>0</v>
      </c>
      <c r="C578">
        <v>69</v>
      </c>
      <c r="D578" t="s">
        <v>88</v>
      </c>
      <c r="E578" s="1">
        <v>44598.477395833332</v>
      </c>
    </row>
    <row r="579" spans="1:5" x14ac:dyDescent="0.4">
      <c r="A579">
        <v>232</v>
      </c>
      <c r="B579">
        <v>0</v>
      </c>
      <c r="C579">
        <v>70</v>
      </c>
      <c r="D579" t="s">
        <v>88</v>
      </c>
      <c r="E579" s="1">
        <v>44598.477395833332</v>
      </c>
    </row>
    <row r="580" spans="1:5" x14ac:dyDescent="0.4">
      <c r="A580">
        <v>233</v>
      </c>
      <c r="B580">
        <v>0</v>
      </c>
      <c r="C580">
        <v>71</v>
      </c>
      <c r="D580" t="s">
        <v>88</v>
      </c>
      <c r="E580" s="1">
        <v>44598.477395833332</v>
      </c>
    </row>
    <row r="581" spans="1:5" x14ac:dyDescent="0.4">
      <c r="A581">
        <v>234</v>
      </c>
      <c r="B581">
        <v>0</v>
      </c>
      <c r="C581">
        <v>72</v>
      </c>
      <c r="D581" t="s">
        <v>88</v>
      </c>
      <c r="E581" s="1">
        <v>44598.477395833332</v>
      </c>
    </row>
    <row r="582" spans="1:5" x14ac:dyDescent="0.4">
      <c r="A582">
        <v>235</v>
      </c>
      <c r="B582">
        <v>0</v>
      </c>
      <c r="C582">
        <v>73</v>
      </c>
      <c r="D582" t="s">
        <v>88</v>
      </c>
      <c r="E582" s="1">
        <v>44598.477395833332</v>
      </c>
    </row>
    <row r="583" spans="1:5" x14ac:dyDescent="0.4">
      <c r="A583">
        <v>236</v>
      </c>
      <c r="B583">
        <v>0</v>
      </c>
      <c r="C583">
        <v>74</v>
      </c>
      <c r="D583" t="s">
        <v>88</v>
      </c>
      <c r="E583" s="1">
        <v>44598.477395833332</v>
      </c>
    </row>
    <row r="584" spans="1:5" x14ac:dyDescent="0.4">
      <c r="A584">
        <v>237</v>
      </c>
      <c r="B584">
        <v>0</v>
      </c>
      <c r="C584">
        <v>75</v>
      </c>
      <c r="D584" t="s">
        <v>88</v>
      </c>
      <c r="E584" s="1">
        <v>44598.477395833332</v>
      </c>
    </row>
    <row r="585" spans="1:5" x14ac:dyDescent="0.4">
      <c r="A585">
        <v>238</v>
      </c>
      <c r="B585">
        <v>0</v>
      </c>
      <c r="C585">
        <v>76</v>
      </c>
      <c r="D585" t="s">
        <v>88</v>
      </c>
      <c r="E585" s="1">
        <v>44598.477395833332</v>
      </c>
    </row>
    <row r="586" spans="1:5" x14ac:dyDescent="0.4">
      <c r="A586">
        <v>239</v>
      </c>
      <c r="B586">
        <v>0</v>
      </c>
      <c r="C586">
        <v>77</v>
      </c>
      <c r="D586" t="s">
        <v>88</v>
      </c>
      <c r="E586" s="1">
        <v>44598.477395833332</v>
      </c>
    </row>
    <row r="587" spans="1:5" x14ac:dyDescent="0.4">
      <c r="A587">
        <v>240</v>
      </c>
      <c r="B587">
        <v>0</v>
      </c>
      <c r="C587">
        <v>78</v>
      </c>
      <c r="D587" t="s">
        <v>88</v>
      </c>
      <c r="E587" s="1">
        <v>44598.477395833332</v>
      </c>
    </row>
    <row r="588" spans="1:5" x14ac:dyDescent="0.4">
      <c r="A588">
        <v>241</v>
      </c>
      <c r="B588">
        <v>0</v>
      </c>
      <c r="C588">
        <v>79</v>
      </c>
      <c r="D588" t="s">
        <v>88</v>
      </c>
      <c r="E588" s="1">
        <v>44598.477395833332</v>
      </c>
    </row>
    <row r="589" spans="1:5" x14ac:dyDescent="0.4">
      <c r="A589">
        <v>242</v>
      </c>
      <c r="B589">
        <v>0</v>
      </c>
      <c r="C589">
        <v>91</v>
      </c>
      <c r="D589" t="s">
        <v>88</v>
      </c>
      <c r="E589" s="1">
        <v>44598.477395833332</v>
      </c>
    </row>
    <row r="590" spans="1:5" x14ac:dyDescent="0.4">
      <c r="A590">
        <v>243</v>
      </c>
      <c r="B590">
        <v>0</v>
      </c>
      <c r="C590">
        <v>92</v>
      </c>
      <c r="D590" t="s">
        <v>88</v>
      </c>
      <c r="E590" s="1">
        <v>44598.477395833332</v>
      </c>
    </row>
    <row r="591" spans="1:5" x14ac:dyDescent="0.4">
      <c r="A591">
        <v>244</v>
      </c>
      <c r="B591">
        <v>0</v>
      </c>
      <c r="C591">
        <v>93</v>
      </c>
      <c r="D591" t="s">
        <v>88</v>
      </c>
      <c r="E591" s="1">
        <v>44598.477395833332</v>
      </c>
    </row>
    <row r="592" spans="1:5" x14ac:dyDescent="0.4">
      <c r="A592">
        <v>245</v>
      </c>
      <c r="B592">
        <v>0</v>
      </c>
      <c r="C592">
        <v>94</v>
      </c>
      <c r="D592" t="s">
        <v>88</v>
      </c>
      <c r="E592" s="1">
        <v>44598.477395833332</v>
      </c>
    </row>
    <row r="593" spans="1:5" x14ac:dyDescent="0.4">
      <c r="A593">
        <v>246</v>
      </c>
      <c r="B593">
        <v>0</v>
      </c>
      <c r="C593">
        <v>95</v>
      </c>
      <c r="D593" t="s">
        <v>88</v>
      </c>
      <c r="E593" s="1">
        <v>44598.477395833332</v>
      </c>
    </row>
    <row r="594" spans="1:5" x14ac:dyDescent="0.4">
      <c r="A594">
        <v>247</v>
      </c>
      <c r="B594">
        <v>0</v>
      </c>
      <c r="C594">
        <v>96</v>
      </c>
      <c r="D594" t="s">
        <v>88</v>
      </c>
      <c r="E594" s="1">
        <v>44598.477395833332</v>
      </c>
    </row>
    <row r="595" spans="1:5" x14ac:dyDescent="0.4">
      <c r="A595">
        <v>248</v>
      </c>
      <c r="B595">
        <v>0</v>
      </c>
      <c r="C595">
        <v>97</v>
      </c>
      <c r="D595" t="s">
        <v>88</v>
      </c>
      <c r="E595" s="1">
        <v>44598.477395833332</v>
      </c>
    </row>
    <row r="596" spans="1:5" x14ac:dyDescent="0.4">
      <c r="A596">
        <v>249</v>
      </c>
      <c r="B596">
        <v>0</v>
      </c>
      <c r="C596">
        <v>98</v>
      </c>
      <c r="D596" t="s">
        <v>88</v>
      </c>
      <c r="E596" s="1">
        <v>44598.477395833332</v>
      </c>
    </row>
    <row r="597" spans="1:5" x14ac:dyDescent="0.4">
      <c r="A597">
        <v>250</v>
      </c>
      <c r="B597">
        <v>0</v>
      </c>
      <c r="C597">
        <v>99</v>
      </c>
      <c r="D597" t="s">
        <v>88</v>
      </c>
      <c r="E597" s="1">
        <v>44598.477395833332</v>
      </c>
    </row>
    <row r="598" spans="1:5" x14ac:dyDescent="0.4">
      <c r="A598">
        <v>251</v>
      </c>
      <c r="B598">
        <v>0</v>
      </c>
      <c r="C598">
        <v>100</v>
      </c>
      <c r="D598" t="s">
        <v>88</v>
      </c>
      <c r="E598" s="1">
        <v>44598.477395833332</v>
      </c>
    </row>
    <row r="599" spans="1:5" x14ac:dyDescent="0.4">
      <c r="A599">
        <v>252</v>
      </c>
      <c r="B599">
        <v>0</v>
      </c>
      <c r="C599">
        <v>101</v>
      </c>
      <c r="D599" t="s">
        <v>88</v>
      </c>
      <c r="E599" s="1">
        <v>44598.477395833332</v>
      </c>
    </row>
    <row r="600" spans="1:5" x14ac:dyDescent="0.4">
      <c r="A600">
        <v>253</v>
      </c>
      <c r="B600">
        <v>0</v>
      </c>
      <c r="C600">
        <v>102</v>
      </c>
      <c r="D600" t="s">
        <v>88</v>
      </c>
      <c r="E600" s="1">
        <v>44598.477395833332</v>
      </c>
    </row>
    <row r="601" spans="1:5" x14ac:dyDescent="0.4">
      <c r="A601">
        <v>254</v>
      </c>
      <c r="B601">
        <v>0</v>
      </c>
      <c r="C601">
        <v>103</v>
      </c>
      <c r="D601" t="s">
        <v>88</v>
      </c>
      <c r="E601" s="1">
        <v>44598.477395833332</v>
      </c>
    </row>
    <row r="602" spans="1:5" x14ac:dyDescent="0.4">
      <c r="A602">
        <v>255</v>
      </c>
      <c r="B602">
        <v>0</v>
      </c>
      <c r="C602">
        <v>104</v>
      </c>
      <c r="D602" t="s">
        <v>88</v>
      </c>
      <c r="E602" s="1">
        <v>44598.477395833332</v>
      </c>
    </row>
    <row r="603" spans="1:5" x14ac:dyDescent="0.4">
      <c r="A603">
        <v>256</v>
      </c>
      <c r="B603">
        <v>0</v>
      </c>
      <c r="C603">
        <v>105</v>
      </c>
      <c r="D603" t="s">
        <v>88</v>
      </c>
      <c r="E603" s="1">
        <v>44598.477395833332</v>
      </c>
    </row>
    <row r="604" spans="1:5" x14ac:dyDescent="0.4">
      <c r="A604">
        <v>257</v>
      </c>
      <c r="B604">
        <v>0</v>
      </c>
      <c r="C604">
        <v>106</v>
      </c>
      <c r="D604" t="s">
        <v>88</v>
      </c>
      <c r="E604" s="1">
        <v>44598.477395833332</v>
      </c>
    </row>
    <row r="605" spans="1:5" x14ac:dyDescent="0.4">
      <c r="A605">
        <v>258</v>
      </c>
      <c r="B605">
        <v>0</v>
      </c>
      <c r="C605">
        <v>107</v>
      </c>
      <c r="D605" t="s">
        <v>88</v>
      </c>
      <c r="E605" s="1">
        <v>44598.477395833332</v>
      </c>
    </row>
    <row r="606" spans="1:5" x14ac:dyDescent="0.4">
      <c r="A606">
        <v>259</v>
      </c>
      <c r="B606">
        <v>0</v>
      </c>
      <c r="C606">
        <v>108</v>
      </c>
      <c r="D606" t="s">
        <v>88</v>
      </c>
      <c r="E606" s="1">
        <v>44598.477395833332</v>
      </c>
    </row>
    <row r="607" spans="1:5" x14ac:dyDescent="0.4">
      <c r="A607">
        <v>260</v>
      </c>
      <c r="B607">
        <v>0</v>
      </c>
      <c r="C607">
        <v>109</v>
      </c>
      <c r="D607" t="s">
        <v>88</v>
      </c>
      <c r="E607" s="1">
        <v>44598.477395833332</v>
      </c>
    </row>
    <row r="608" spans="1:5" x14ac:dyDescent="0.4">
      <c r="A608">
        <v>261</v>
      </c>
      <c r="B608">
        <v>0</v>
      </c>
      <c r="C608">
        <v>110</v>
      </c>
      <c r="D608" t="s">
        <v>88</v>
      </c>
      <c r="E608" s="1">
        <v>44598.477395833332</v>
      </c>
    </row>
    <row r="609" spans="1:5" x14ac:dyDescent="0.4">
      <c r="A609">
        <v>262</v>
      </c>
      <c r="B609">
        <v>0</v>
      </c>
      <c r="C609">
        <v>111</v>
      </c>
      <c r="D609" t="s">
        <v>88</v>
      </c>
      <c r="E609" s="1">
        <v>44598.477395833332</v>
      </c>
    </row>
    <row r="610" spans="1:5" x14ac:dyDescent="0.4">
      <c r="A610">
        <v>263</v>
      </c>
      <c r="B610">
        <v>0</v>
      </c>
      <c r="C610">
        <v>112</v>
      </c>
      <c r="D610" t="s">
        <v>88</v>
      </c>
      <c r="E610" s="1">
        <v>44598.477395833332</v>
      </c>
    </row>
    <row r="611" spans="1:5" x14ac:dyDescent="0.4">
      <c r="A611">
        <v>264</v>
      </c>
      <c r="B611">
        <v>0</v>
      </c>
      <c r="C611">
        <v>113</v>
      </c>
      <c r="D611" t="s">
        <v>88</v>
      </c>
      <c r="E611" s="1">
        <v>44598.477395833332</v>
      </c>
    </row>
    <row r="612" spans="1:5" x14ac:dyDescent="0.4">
      <c r="A612">
        <v>265</v>
      </c>
      <c r="B612">
        <v>0</v>
      </c>
      <c r="C612">
        <v>114</v>
      </c>
      <c r="D612" t="s">
        <v>88</v>
      </c>
      <c r="E612" s="1">
        <v>44598.477395833332</v>
      </c>
    </row>
    <row r="613" spans="1:5" x14ac:dyDescent="0.4">
      <c r="A613">
        <v>266</v>
      </c>
      <c r="B613">
        <v>0</v>
      </c>
      <c r="C613">
        <v>115</v>
      </c>
      <c r="D613" t="s">
        <v>88</v>
      </c>
      <c r="E613" s="1">
        <v>44598.477395833332</v>
      </c>
    </row>
    <row r="614" spans="1:5" x14ac:dyDescent="0.4">
      <c r="A614">
        <v>267</v>
      </c>
      <c r="B614">
        <v>0</v>
      </c>
      <c r="C614">
        <v>116</v>
      </c>
      <c r="D614" t="s">
        <v>88</v>
      </c>
      <c r="E614" s="1">
        <v>44598.477395833332</v>
      </c>
    </row>
    <row r="615" spans="1:5" x14ac:dyDescent="0.4">
      <c r="A615">
        <v>268</v>
      </c>
      <c r="B615">
        <v>0</v>
      </c>
      <c r="C615">
        <v>121</v>
      </c>
      <c r="D615" t="s">
        <v>88</v>
      </c>
      <c r="E615" s="1">
        <v>44598.477395833332</v>
      </c>
    </row>
    <row r="616" spans="1:5" x14ac:dyDescent="0.4">
      <c r="A616">
        <v>269</v>
      </c>
      <c r="B616">
        <v>0</v>
      </c>
      <c r="C616">
        <v>122</v>
      </c>
      <c r="D616" t="s">
        <v>88</v>
      </c>
      <c r="E616" s="1">
        <v>44598.477395833332</v>
      </c>
    </row>
    <row r="617" spans="1:5" x14ac:dyDescent="0.4">
      <c r="A617">
        <v>270</v>
      </c>
      <c r="B617">
        <v>0</v>
      </c>
      <c r="C617">
        <v>123</v>
      </c>
      <c r="D617" t="s">
        <v>88</v>
      </c>
      <c r="E617" s="1">
        <v>44598.477395833332</v>
      </c>
    </row>
    <row r="618" spans="1:5" x14ac:dyDescent="0.4">
      <c r="A618">
        <v>271</v>
      </c>
      <c r="B618">
        <v>0</v>
      </c>
      <c r="C618">
        <v>124</v>
      </c>
      <c r="D618" t="s">
        <v>88</v>
      </c>
      <c r="E618" s="1">
        <v>44598.477395833332</v>
      </c>
    </row>
    <row r="619" spans="1:5" x14ac:dyDescent="0.4">
      <c r="A619">
        <v>272</v>
      </c>
      <c r="B619">
        <v>0</v>
      </c>
      <c r="C619">
        <v>125</v>
      </c>
      <c r="D619" t="s">
        <v>88</v>
      </c>
      <c r="E619" s="1">
        <v>44598.477395833332</v>
      </c>
    </row>
    <row r="620" spans="1:5" x14ac:dyDescent="0.4">
      <c r="A620">
        <v>273</v>
      </c>
      <c r="B620">
        <v>0</v>
      </c>
      <c r="C620">
        <v>126</v>
      </c>
      <c r="D620" t="s">
        <v>88</v>
      </c>
      <c r="E620" s="1">
        <v>44598.477395833332</v>
      </c>
    </row>
    <row r="621" spans="1:5" x14ac:dyDescent="0.4">
      <c r="A621">
        <v>274</v>
      </c>
      <c r="B621">
        <v>0</v>
      </c>
      <c r="C621">
        <v>131</v>
      </c>
      <c r="D621" t="s">
        <v>88</v>
      </c>
      <c r="E621" s="1">
        <v>44598.477395833332</v>
      </c>
    </row>
    <row r="622" spans="1:5" x14ac:dyDescent="0.4">
      <c r="A622">
        <v>275</v>
      </c>
      <c r="B622">
        <v>0</v>
      </c>
      <c r="C622">
        <v>141</v>
      </c>
      <c r="D622" t="s">
        <v>88</v>
      </c>
      <c r="E622" s="1">
        <v>44598.477395833332</v>
      </c>
    </row>
    <row r="623" spans="1:5" x14ac:dyDescent="0.4">
      <c r="A623">
        <v>276</v>
      </c>
      <c r="B623">
        <v>0</v>
      </c>
      <c r="C623">
        <v>142</v>
      </c>
      <c r="D623" t="s">
        <v>88</v>
      </c>
      <c r="E623" s="1">
        <v>44598.477395833332</v>
      </c>
    </row>
    <row r="624" spans="1:5" x14ac:dyDescent="0.4">
      <c r="A624">
        <v>277</v>
      </c>
      <c r="B624">
        <v>0</v>
      </c>
      <c r="C624">
        <v>143</v>
      </c>
      <c r="D624" t="s">
        <v>88</v>
      </c>
      <c r="E624" s="1">
        <v>44598.477395833332</v>
      </c>
    </row>
    <row r="625" spans="1:5" x14ac:dyDescent="0.4">
      <c r="A625">
        <v>278</v>
      </c>
      <c r="B625">
        <v>0</v>
      </c>
      <c r="C625">
        <v>144</v>
      </c>
      <c r="D625" t="s">
        <v>88</v>
      </c>
      <c r="E625" s="1">
        <v>44598.477395833332</v>
      </c>
    </row>
    <row r="626" spans="1:5" x14ac:dyDescent="0.4">
      <c r="A626">
        <v>279</v>
      </c>
      <c r="B626">
        <v>0</v>
      </c>
      <c r="C626">
        <v>145</v>
      </c>
      <c r="D626" t="s">
        <v>88</v>
      </c>
      <c r="E626" s="1">
        <v>44598.477395833332</v>
      </c>
    </row>
    <row r="627" spans="1:5" x14ac:dyDescent="0.4">
      <c r="A627">
        <v>280</v>
      </c>
      <c r="B627">
        <v>0</v>
      </c>
      <c r="C627">
        <v>146</v>
      </c>
      <c r="D627" t="s">
        <v>88</v>
      </c>
      <c r="E627" s="1">
        <v>44598.477395833332</v>
      </c>
    </row>
    <row r="628" spans="1:5" x14ac:dyDescent="0.4">
      <c r="A628">
        <v>281</v>
      </c>
      <c r="B628">
        <v>0</v>
      </c>
      <c r="C628">
        <v>147</v>
      </c>
      <c r="D628" t="s">
        <v>88</v>
      </c>
      <c r="E628" s="1">
        <v>44598.477395833332</v>
      </c>
    </row>
    <row r="629" spans="1:5" x14ac:dyDescent="0.4">
      <c r="A629">
        <v>282</v>
      </c>
      <c r="B629">
        <v>0</v>
      </c>
      <c r="C629">
        <v>161</v>
      </c>
      <c r="D629" t="s">
        <v>88</v>
      </c>
      <c r="E629" s="1">
        <v>44598.477395833332</v>
      </c>
    </row>
    <row r="630" spans="1:5" x14ac:dyDescent="0.4">
      <c r="A630">
        <v>283</v>
      </c>
      <c r="B630">
        <v>0</v>
      </c>
      <c r="C630">
        <v>162</v>
      </c>
      <c r="D630" t="s">
        <v>88</v>
      </c>
      <c r="E630" s="1">
        <v>44598.477395833332</v>
      </c>
    </row>
    <row r="631" spans="1:5" x14ac:dyDescent="0.4">
      <c r="A631">
        <v>284</v>
      </c>
      <c r="B631">
        <v>0</v>
      </c>
      <c r="C631">
        <v>163</v>
      </c>
      <c r="D631" t="s">
        <v>88</v>
      </c>
      <c r="E631" s="1">
        <v>44598.477395833332</v>
      </c>
    </row>
    <row r="632" spans="1:5" x14ac:dyDescent="0.4">
      <c r="A632">
        <v>285</v>
      </c>
      <c r="B632">
        <v>0</v>
      </c>
      <c r="C632">
        <v>164</v>
      </c>
      <c r="D632" t="s">
        <v>88</v>
      </c>
      <c r="E632" s="1">
        <v>44598.477395833332</v>
      </c>
    </row>
    <row r="633" spans="1:5" x14ac:dyDescent="0.4">
      <c r="A633">
        <v>286</v>
      </c>
      <c r="B633">
        <v>0</v>
      </c>
      <c r="C633">
        <v>165</v>
      </c>
      <c r="D633" t="s">
        <v>88</v>
      </c>
      <c r="E633" s="1">
        <v>44598.477395833332</v>
      </c>
    </row>
    <row r="634" spans="1:5" x14ac:dyDescent="0.4">
      <c r="A634">
        <v>287</v>
      </c>
      <c r="B634">
        <v>0</v>
      </c>
      <c r="C634">
        <v>166</v>
      </c>
      <c r="D634" t="s">
        <v>88</v>
      </c>
      <c r="E634" s="1">
        <v>44598.477395833332</v>
      </c>
    </row>
    <row r="635" spans="1:5" x14ac:dyDescent="0.4">
      <c r="A635">
        <v>288</v>
      </c>
      <c r="B635">
        <v>0</v>
      </c>
      <c r="C635">
        <v>167</v>
      </c>
      <c r="D635" t="s">
        <v>88</v>
      </c>
      <c r="E635" s="1">
        <v>44598.477395833332</v>
      </c>
    </row>
    <row r="636" spans="1:5" x14ac:dyDescent="0.4">
      <c r="A636">
        <v>289</v>
      </c>
      <c r="B636">
        <v>0</v>
      </c>
      <c r="C636">
        <v>168</v>
      </c>
      <c r="D636" t="s">
        <v>88</v>
      </c>
      <c r="E636" s="1">
        <v>44598.477395833332</v>
      </c>
    </row>
    <row r="637" spans="1:5" x14ac:dyDescent="0.4">
      <c r="A637">
        <v>290</v>
      </c>
      <c r="B637">
        <v>0</v>
      </c>
      <c r="C637">
        <v>169</v>
      </c>
      <c r="D637" t="s">
        <v>88</v>
      </c>
      <c r="E637" s="1">
        <v>44598.477395833332</v>
      </c>
    </row>
    <row r="638" spans="1:5" x14ac:dyDescent="0.4">
      <c r="A638">
        <v>291</v>
      </c>
      <c r="B638">
        <v>0</v>
      </c>
      <c r="C638">
        <v>170</v>
      </c>
      <c r="D638" t="s">
        <v>88</v>
      </c>
      <c r="E638" s="1">
        <v>44598.477395833332</v>
      </c>
    </row>
    <row r="639" spans="1:5" x14ac:dyDescent="0.4">
      <c r="A639">
        <v>292</v>
      </c>
      <c r="B639">
        <v>0</v>
      </c>
      <c r="C639">
        <v>171</v>
      </c>
      <c r="D639" t="s">
        <v>88</v>
      </c>
      <c r="E639" s="1">
        <v>44598.477395833332</v>
      </c>
    </row>
    <row r="640" spans="1:5" x14ac:dyDescent="0.4">
      <c r="A640">
        <v>293</v>
      </c>
      <c r="B640">
        <v>0</v>
      </c>
      <c r="C640">
        <v>172</v>
      </c>
      <c r="D640" t="s">
        <v>88</v>
      </c>
      <c r="E640" s="1">
        <v>44598.477395833332</v>
      </c>
    </row>
    <row r="641" spans="1:5" x14ac:dyDescent="0.4">
      <c r="A641">
        <v>294</v>
      </c>
      <c r="B641">
        <v>0</v>
      </c>
      <c r="C641">
        <v>173</v>
      </c>
      <c r="D641" t="s">
        <v>88</v>
      </c>
      <c r="E641" s="1">
        <v>44598.477395833332</v>
      </c>
    </row>
    <row r="642" spans="1:5" x14ac:dyDescent="0.4">
      <c r="A642">
        <v>295</v>
      </c>
      <c r="B642">
        <v>0</v>
      </c>
      <c r="C642">
        <v>174</v>
      </c>
      <c r="D642" t="s">
        <v>88</v>
      </c>
      <c r="E642" s="1">
        <v>44598.477395833332</v>
      </c>
    </row>
    <row r="643" spans="1:5" x14ac:dyDescent="0.4">
      <c r="A643">
        <v>296</v>
      </c>
      <c r="B643">
        <v>0</v>
      </c>
      <c r="C643">
        <v>175</v>
      </c>
      <c r="D643" t="s">
        <v>88</v>
      </c>
      <c r="E643" s="1">
        <v>44598.477395833332</v>
      </c>
    </row>
    <row r="644" spans="1:5" x14ac:dyDescent="0.4">
      <c r="A644">
        <v>297</v>
      </c>
      <c r="B644">
        <v>0</v>
      </c>
      <c r="C644">
        <v>181</v>
      </c>
      <c r="D644" t="s">
        <v>88</v>
      </c>
      <c r="E644" s="1">
        <v>44598.477395833332</v>
      </c>
    </row>
    <row r="645" spans="1:5" x14ac:dyDescent="0.4">
      <c r="A645">
        <v>298</v>
      </c>
      <c r="B645">
        <v>0</v>
      </c>
      <c r="C645">
        <v>182</v>
      </c>
      <c r="D645" t="s">
        <v>88</v>
      </c>
      <c r="E645" s="1">
        <v>44598.477395833332</v>
      </c>
    </row>
    <row r="646" spans="1:5" x14ac:dyDescent="0.4">
      <c r="A646">
        <v>299</v>
      </c>
      <c r="B646">
        <v>0</v>
      </c>
      <c r="C646">
        <v>183</v>
      </c>
      <c r="D646" t="s">
        <v>88</v>
      </c>
      <c r="E646" s="1">
        <v>44598.477395833332</v>
      </c>
    </row>
    <row r="647" spans="1:5" x14ac:dyDescent="0.4">
      <c r="A647">
        <v>300</v>
      </c>
      <c r="B647">
        <v>0</v>
      </c>
      <c r="C647">
        <v>184</v>
      </c>
      <c r="D647" t="s">
        <v>88</v>
      </c>
      <c r="E647" s="1">
        <v>44598.477395833332</v>
      </c>
    </row>
    <row r="648" spans="1:5" x14ac:dyDescent="0.4">
      <c r="A648">
        <v>301</v>
      </c>
      <c r="B648">
        <v>0</v>
      </c>
      <c r="C648">
        <v>185</v>
      </c>
      <c r="D648" t="s">
        <v>88</v>
      </c>
      <c r="E648" s="1">
        <v>44598.477395833332</v>
      </c>
    </row>
    <row r="649" spans="1:5" x14ac:dyDescent="0.4">
      <c r="A649">
        <v>302</v>
      </c>
      <c r="B649">
        <v>0</v>
      </c>
      <c r="C649">
        <v>186</v>
      </c>
      <c r="D649" t="s">
        <v>88</v>
      </c>
      <c r="E649" s="1">
        <v>44598.477395833332</v>
      </c>
    </row>
    <row r="650" spans="1:5" x14ac:dyDescent="0.4">
      <c r="A650">
        <v>303</v>
      </c>
      <c r="B650">
        <v>0</v>
      </c>
      <c r="C650">
        <v>190</v>
      </c>
      <c r="D650" t="s">
        <v>88</v>
      </c>
      <c r="E650" s="1">
        <v>44598.477395833332</v>
      </c>
    </row>
    <row r="651" spans="1:5" x14ac:dyDescent="0.4">
      <c r="A651">
        <v>304</v>
      </c>
      <c r="B651">
        <v>0</v>
      </c>
      <c r="C651">
        <v>191</v>
      </c>
      <c r="D651" t="s">
        <v>88</v>
      </c>
      <c r="E651" s="1">
        <v>44598.477395833332</v>
      </c>
    </row>
    <row r="652" spans="1:5" x14ac:dyDescent="0.4">
      <c r="A652">
        <v>305</v>
      </c>
      <c r="B652">
        <v>0</v>
      </c>
      <c r="C652">
        <v>192</v>
      </c>
      <c r="D652" t="s">
        <v>88</v>
      </c>
      <c r="E652" s="1">
        <v>44598.477395833332</v>
      </c>
    </row>
    <row r="653" spans="1:5" x14ac:dyDescent="0.4">
      <c r="A653">
        <v>306</v>
      </c>
      <c r="B653">
        <v>0</v>
      </c>
      <c r="C653">
        <v>193</v>
      </c>
      <c r="D653" t="s">
        <v>88</v>
      </c>
      <c r="E653" s="1">
        <v>44598.477395833332</v>
      </c>
    </row>
    <row r="654" spans="1:5" x14ac:dyDescent="0.4">
      <c r="A654">
        <v>307</v>
      </c>
      <c r="B654">
        <v>0</v>
      </c>
      <c r="C654">
        <v>194</v>
      </c>
      <c r="D654" t="s">
        <v>88</v>
      </c>
      <c r="E654" s="1">
        <v>44598.477395833332</v>
      </c>
    </row>
    <row r="655" spans="1:5" x14ac:dyDescent="0.4">
      <c r="A655">
        <v>308</v>
      </c>
      <c r="B655">
        <v>0</v>
      </c>
      <c r="C655">
        <v>195</v>
      </c>
      <c r="D655" t="s">
        <v>88</v>
      </c>
      <c r="E655" s="1">
        <v>44598.477395833332</v>
      </c>
    </row>
    <row r="656" spans="1:5" x14ac:dyDescent="0.4">
      <c r="A656">
        <v>309</v>
      </c>
      <c r="B656">
        <v>0</v>
      </c>
      <c r="C656">
        <v>301</v>
      </c>
      <c r="D656" t="s">
        <v>88</v>
      </c>
      <c r="E656" s="1">
        <v>44598.477395833332</v>
      </c>
    </row>
    <row r="657" spans="1:5" x14ac:dyDescent="0.4">
      <c r="A657">
        <v>310</v>
      </c>
      <c r="B657">
        <v>0</v>
      </c>
      <c r="C657">
        <v>302</v>
      </c>
      <c r="D657" t="s">
        <v>88</v>
      </c>
      <c r="E657" s="1">
        <v>44598.477395833332</v>
      </c>
    </row>
    <row r="658" spans="1:5" x14ac:dyDescent="0.4">
      <c r="A658">
        <v>311</v>
      </c>
      <c r="B658">
        <v>0</v>
      </c>
      <c r="C658">
        <v>321</v>
      </c>
      <c r="D658" t="s">
        <v>88</v>
      </c>
      <c r="E658" s="1">
        <v>44598.477395833332</v>
      </c>
    </row>
    <row r="659" spans="1:5" x14ac:dyDescent="0.4">
      <c r="A659">
        <v>312</v>
      </c>
      <c r="B659">
        <v>0</v>
      </c>
      <c r="C659">
        <v>322</v>
      </c>
      <c r="D659" t="s">
        <v>88</v>
      </c>
      <c r="E659" s="1">
        <v>44598.477395833332</v>
      </c>
    </row>
    <row r="660" spans="1:5" x14ac:dyDescent="0.4">
      <c r="A660">
        <v>313</v>
      </c>
      <c r="B660">
        <v>0</v>
      </c>
      <c r="C660">
        <v>323</v>
      </c>
      <c r="D660" t="s">
        <v>88</v>
      </c>
      <c r="E660" s="1">
        <v>44598.477395833332</v>
      </c>
    </row>
    <row r="661" spans="1:5" x14ac:dyDescent="0.4">
      <c r="A661">
        <v>314</v>
      </c>
      <c r="B661">
        <v>0</v>
      </c>
      <c r="C661">
        <v>324</v>
      </c>
      <c r="D661" t="s">
        <v>88</v>
      </c>
      <c r="E661" s="1">
        <v>44598.477395833332</v>
      </c>
    </row>
    <row r="662" spans="1:5" x14ac:dyDescent="0.4">
      <c r="A662">
        <v>315</v>
      </c>
      <c r="B662">
        <v>0</v>
      </c>
      <c r="C662">
        <v>325</v>
      </c>
      <c r="D662" t="s">
        <v>88</v>
      </c>
      <c r="E662" s="1">
        <v>44598.477395833332</v>
      </c>
    </row>
    <row r="663" spans="1:5" x14ac:dyDescent="0.4">
      <c r="A663">
        <v>316</v>
      </c>
      <c r="B663">
        <v>0</v>
      </c>
      <c r="C663">
        <v>326</v>
      </c>
      <c r="D663" t="s">
        <v>88</v>
      </c>
      <c r="E663" s="1">
        <v>44598.477395833332</v>
      </c>
    </row>
    <row r="664" spans="1:5" x14ac:dyDescent="0.4">
      <c r="A664">
        <v>317</v>
      </c>
      <c r="B664">
        <v>0</v>
      </c>
      <c r="C664">
        <v>327</v>
      </c>
      <c r="D664" t="s">
        <v>88</v>
      </c>
      <c r="E664" s="1">
        <v>44598.477395833332</v>
      </c>
    </row>
    <row r="665" spans="1:5" x14ac:dyDescent="0.4">
      <c r="A665">
        <v>318</v>
      </c>
      <c r="B665">
        <v>0</v>
      </c>
      <c r="C665">
        <v>328</v>
      </c>
      <c r="D665" t="s">
        <v>88</v>
      </c>
      <c r="E665" s="1">
        <v>44598.477395833332</v>
      </c>
    </row>
    <row r="666" spans="1:5" x14ac:dyDescent="0.4">
      <c r="A666">
        <v>319</v>
      </c>
      <c r="B666">
        <v>0</v>
      </c>
      <c r="C666">
        <v>329</v>
      </c>
      <c r="D666" t="s">
        <v>88</v>
      </c>
      <c r="E666" s="1">
        <v>44598.477395833332</v>
      </c>
    </row>
    <row r="667" spans="1:5" x14ac:dyDescent="0.4">
      <c r="A667">
        <v>320</v>
      </c>
      <c r="B667">
        <v>0</v>
      </c>
      <c r="C667">
        <v>330</v>
      </c>
      <c r="D667" t="s">
        <v>88</v>
      </c>
      <c r="E667" s="1">
        <v>44598.477395833332</v>
      </c>
    </row>
    <row r="668" spans="1:5" x14ac:dyDescent="0.4">
      <c r="A668">
        <v>321</v>
      </c>
      <c r="B668">
        <v>0</v>
      </c>
      <c r="C668">
        <v>331</v>
      </c>
      <c r="D668" t="s">
        <v>88</v>
      </c>
      <c r="E668" s="1">
        <v>44598.477395833332</v>
      </c>
    </row>
    <row r="669" spans="1:5" x14ac:dyDescent="0.4">
      <c r="A669">
        <v>322</v>
      </c>
      <c r="B669">
        <v>0</v>
      </c>
      <c r="C669">
        <v>332</v>
      </c>
      <c r="D669" t="s">
        <v>88</v>
      </c>
      <c r="E669" s="1">
        <v>44598.477395833332</v>
      </c>
    </row>
    <row r="670" spans="1:5" x14ac:dyDescent="0.4">
      <c r="A670">
        <v>323</v>
      </c>
      <c r="B670">
        <v>0</v>
      </c>
      <c r="C670">
        <v>333</v>
      </c>
      <c r="D670" t="s">
        <v>88</v>
      </c>
      <c r="E670" s="1">
        <v>44598.477395833332</v>
      </c>
    </row>
    <row r="671" spans="1:5" x14ac:dyDescent="0.4">
      <c r="A671">
        <v>324</v>
      </c>
      <c r="B671">
        <v>0</v>
      </c>
      <c r="C671">
        <v>341</v>
      </c>
      <c r="D671" t="s">
        <v>88</v>
      </c>
      <c r="E671" s="1">
        <v>44598.477395833332</v>
      </c>
    </row>
    <row r="672" spans="1:5" x14ac:dyDescent="0.4">
      <c r="A672">
        <v>325</v>
      </c>
      <c r="B672">
        <v>0</v>
      </c>
      <c r="C672">
        <v>342</v>
      </c>
      <c r="D672" t="s">
        <v>88</v>
      </c>
      <c r="E672" s="1">
        <v>44598.477395833332</v>
      </c>
    </row>
    <row r="673" spans="1:5" x14ac:dyDescent="0.4">
      <c r="A673">
        <v>326</v>
      </c>
      <c r="B673">
        <v>0</v>
      </c>
      <c r="C673">
        <v>343</v>
      </c>
      <c r="D673" t="s">
        <v>88</v>
      </c>
      <c r="E673" s="1">
        <v>44598.477395833332</v>
      </c>
    </row>
    <row r="674" spans="1:5" x14ac:dyDescent="0.4">
      <c r="A674">
        <v>327</v>
      </c>
      <c r="B674">
        <v>0</v>
      </c>
      <c r="C674">
        <v>344</v>
      </c>
      <c r="D674" t="s">
        <v>88</v>
      </c>
      <c r="E674" s="1">
        <v>44598.477395833332</v>
      </c>
    </row>
    <row r="675" spans="1:5" x14ac:dyDescent="0.4">
      <c r="A675">
        <v>328</v>
      </c>
      <c r="B675">
        <v>0</v>
      </c>
      <c r="C675">
        <v>345</v>
      </c>
      <c r="D675" t="s">
        <v>88</v>
      </c>
      <c r="E675" s="1">
        <v>44598.477395833332</v>
      </c>
    </row>
    <row r="676" spans="1:5" x14ac:dyDescent="0.4">
      <c r="A676">
        <v>329</v>
      </c>
      <c r="B676">
        <v>0</v>
      </c>
      <c r="C676">
        <v>346</v>
      </c>
      <c r="D676" t="s">
        <v>88</v>
      </c>
      <c r="E676" s="1">
        <v>44598.477395833332</v>
      </c>
    </row>
    <row r="677" spans="1:5" x14ac:dyDescent="0.4">
      <c r="A677">
        <v>330</v>
      </c>
      <c r="B677">
        <v>0</v>
      </c>
      <c r="C677">
        <v>361</v>
      </c>
      <c r="D677" t="s">
        <v>88</v>
      </c>
      <c r="E677" s="1">
        <v>44598.477395833332</v>
      </c>
    </row>
    <row r="678" spans="1:5" x14ac:dyDescent="0.4">
      <c r="A678">
        <v>331</v>
      </c>
      <c r="B678">
        <v>0</v>
      </c>
      <c r="C678">
        <v>362</v>
      </c>
      <c r="D678" t="s">
        <v>88</v>
      </c>
      <c r="E678" s="1">
        <v>44598.477395833332</v>
      </c>
    </row>
    <row r="679" spans="1:5" x14ac:dyDescent="0.4">
      <c r="A679">
        <v>332</v>
      </c>
      <c r="B679">
        <v>0</v>
      </c>
      <c r="C679">
        <v>363</v>
      </c>
      <c r="D679" t="s">
        <v>88</v>
      </c>
      <c r="E679" s="1">
        <v>44598.477395833332</v>
      </c>
    </row>
    <row r="680" spans="1:5" x14ac:dyDescent="0.4">
      <c r="A680">
        <v>333</v>
      </c>
      <c r="B680">
        <v>0</v>
      </c>
      <c r="C680">
        <v>364</v>
      </c>
      <c r="D680" t="s">
        <v>88</v>
      </c>
      <c r="E680" s="1">
        <v>44598.477395833332</v>
      </c>
    </row>
    <row r="681" spans="1:5" x14ac:dyDescent="0.4">
      <c r="A681">
        <v>334</v>
      </c>
      <c r="B681">
        <v>0</v>
      </c>
      <c r="C681">
        <v>365</v>
      </c>
      <c r="D681" t="s">
        <v>88</v>
      </c>
      <c r="E681" s="1">
        <v>44598.477395833332</v>
      </c>
    </row>
    <row r="682" spans="1:5" x14ac:dyDescent="0.4">
      <c r="A682">
        <v>335</v>
      </c>
      <c r="B682">
        <v>0</v>
      </c>
      <c r="C682">
        <v>366</v>
      </c>
      <c r="D682" t="s">
        <v>88</v>
      </c>
      <c r="E682" s="1">
        <v>44598.477395833332</v>
      </c>
    </row>
    <row r="683" spans="1:5" x14ac:dyDescent="0.4">
      <c r="A683">
        <v>336</v>
      </c>
      <c r="B683">
        <v>0</v>
      </c>
      <c r="C683">
        <v>367</v>
      </c>
      <c r="D683" t="s">
        <v>88</v>
      </c>
      <c r="E683" s="1">
        <v>44598.477395833332</v>
      </c>
    </row>
    <row r="684" spans="1:5" x14ac:dyDescent="0.4">
      <c r="A684">
        <v>337</v>
      </c>
      <c r="B684">
        <v>0</v>
      </c>
      <c r="C684">
        <v>368</v>
      </c>
      <c r="D684" t="s">
        <v>88</v>
      </c>
      <c r="E684" s="1">
        <v>44598.477395833332</v>
      </c>
    </row>
    <row r="685" spans="1:5" x14ac:dyDescent="0.4">
      <c r="A685">
        <v>338</v>
      </c>
      <c r="B685">
        <v>0</v>
      </c>
      <c r="C685">
        <v>369</v>
      </c>
      <c r="D685" t="s">
        <v>88</v>
      </c>
      <c r="E685" s="1">
        <v>44598.477395833332</v>
      </c>
    </row>
    <row r="686" spans="1:5" x14ac:dyDescent="0.4">
      <c r="A686">
        <v>339</v>
      </c>
      <c r="B686">
        <v>0</v>
      </c>
      <c r="C686">
        <v>370</v>
      </c>
      <c r="D686" t="s">
        <v>88</v>
      </c>
      <c r="E686" s="1">
        <v>44598.477395833332</v>
      </c>
    </row>
    <row r="687" spans="1:5" x14ac:dyDescent="0.4">
      <c r="A687">
        <v>340</v>
      </c>
      <c r="B687">
        <v>0</v>
      </c>
      <c r="C687">
        <v>371</v>
      </c>
      <c r="D687" t="s">
        <v>88</v>
      </c>
      <c r="E687" s="1">
        <v>44598.477395833332</v>
      </c>
    </row>
    <row r="688" spans="1:5" x14ac:dyDescent="0.4">
      <c r="A688">
        <v>341</v>
      </c>
      <c r="B688">
        <v>0</v>
      </c>
      <c r="C688">
        <v>372</v>
      </c>
      <c r="D688" t="s">
        <v>88</v>
      </c>
      <c r="E688" s="1">
        <v>44598.477395833332</v>
      </c>
    </row>
    <row r="689" spans="1:5" x14ac:dyDescent="0.4">
      <c r="A689">
        <v>342</v>
      </c>
      <c r="B689">
        <v>0</v>
      </c>
      <c r="C689">
        <v>373</v>
      </c>
      <c r="D689" t="s">
        <v>88</v>
      </c>
      <c r="E689" s="1">
        <v>44598.477395833332</v>
      </c>
    </row>
    <row r="690" spans="1:5" x14ac:dyDescent="0.4">
      <c r="A690">
        <v>343</v>
      </c>
      <c r="B690">
        <v>0</v>
      </c>
      <c r="C690">
        <v>381</v>
      </c>
      <c r="D690" t="s">
        <v>88</v>
      </c>
      <c r="E690" s="1">
        <v>44598.477395833332</v>
      </c>
    </row>
    <row r="691" spans="1:5" x14ac:dyDescent="0.4">
      <c r="A691">
        <v>344</v>
      </c>
      <c r="B691">
        <v>0</v>
      </c>
      <c r="C691">
        <v>382</v>
      </c>
      <c r="D691" t="s">
        <v>88</v>
      </c>
      <c r="E691" s="1">
        <v>44598.477395833332</v>
      </c>
    </row>
    <row r="692" spans="1:5" x14ac:dyDescent="0.4">
      <c r="A692">
        <v>345</v>
      </c>
      <c r="B692">
        <v>0</v>
      </c>
      <c r="C692">
        <v>383</v>
      </c>
      <c r="D692" t="s">
        <v>88</v>
      </c>
      <c r="E692" s="1">
        <v>44598.477395833332</v>
      </c>
    </row>
    <row r="693" spans="1:5" x14ac:dyDescent="0.4">
      <c r="A693">
        <v>346</v>
      </c>
      <c r="B693">
        <v>0</v>
      </c>
      <c r="C693">
        <v>384</v>
      </c>
      <c r="D693" t="s">
        <v>88</v>
      </c>
      <c r="E693" s="1">
        <v>44598.477395833332</v>
      </c>
    </row>
    <row r="694" spans="1:5" x14ac:dyDescent="0.4">
      <c r="A694">
        <v>347</v>
      </c>
      <c r="B694">
        <v>0</v>
      </c>
      <c r="C694">
        <v>385</v>
      </c>
      <c r="D694" t="s">
        <v>88</v>
      </c>
      <c r="E694" s="1">
        <v>44598.477395833332</v>
      </c>
    </row>
    <row r="695" spans="1:5" x14ac:dyDescent="0.4">
      <c r="A695">
        <v>348</v>
      </c>
      <c r="B695">
        <v>0</v>
      </c>
      <c r="C695">
        <v>386</v>
      </c>
      <c r="D695" t="s">
        <v>88</v>
      </c>
      <c r="E695" s="1">
        <v>44598.477395833332</v>
      </c>
    </row>
    <row r="696" spans="1:5" x14ac:dyDescent="0.4">
      <c r="A696">
        <v>349</v>
      </c>
      <c r="B696">
        <v>0</v>
      </c>
      <c r="C696">
        <v>391</v>
      </c>
      <c r="D696" t="s">
        <v>88</v>
      </c>
      <c r="E696" s="1">
        <v>44598.477395833332</v>
      </c>
    </row>
    <row r="697" spans="1:5" x14ac:dyDescent="0.4">
      <c r="A697">
        <v>350</v>
      </c>
      <c r="B697">
        <v>0</v>
      </c>
      <c r="C697">
        <v>392</v>
      </c>
      <c r="D697" t="s">
        <v>88</v>
      </c>
      <c r="E697" s="1">
        <v>44598.477395833332</v>
      </c>
    </row>
    <row r="698" spans="1:5" x14ac:dyDescent="0.4">
      <c r="A698">
        <v>351</v>
      </c>
      <c r="B698">
        <v>0</v>
      </c>
      <c r="C698">
        <v>393</v>
      </c>
      <c r="D698" t="s">
        <v>88</v>
      </c>
      <c r="E698" s="1">
        <v>44598.477395833332</v>
      </c>
    </row>
    <row r="699" spans="1:5" x14ac:dyDescent="0.4">
      <c r="A699">
        <v>352</v>
      </c>
      <c r="B699">
        <v>0</v>
      </c>
      <c r="C699">
        <v>395</v>
      </c>
      <c r="D699" t="s">
        <v>88</v>
      </c>
      <c r="E699" s="1">
        <v>44598.477395833332</v>
      </c>
    </row>
    <row r="700" spans="1:5" x14ac:dyDescent="0.4">
      <c r="A700">
        <v>353</v>
      </c>
      <c r="B700">
        <v>0</v>
      </c>
      <c r="C700">
        <v>396</v>
      </c>
      <c r="D700" t="s">
        <v>88</v>
      </c>
      <c r="E700" s="1">
        <v>44598.477395833332</v>
      </c>
    </row>
    <row r="701" spans="1:5" x14ac:dyDescent="0.4">
      <c r="A701">
        <v>354</v>
      </c>
      <c r="B701">
        <v>0</v>
      </c>
      <c r="C701">
        <v>401</v>
      </c>
      <c r="D701" t="s">
        <v>88</v>
      </c>
      <c r="E701" s="1">
        <v>44598.477395833332</v>
      </c>
    </row>
    <row r="702" spans="1:5" x14ac:dyDescent="0.4">
      <c r="A702">
        <v>355</v>
      </c>
      <c r="B702">
        <v>0</v>
      </c>
      <c r="C702">
        <v>402</v>
      </c>
      <c r="D702" t="s">
        <v>88</v>
      </c>
      <c r="E702" s="1">
        <v>44598.477395833332</v>
      </c>
    </row>
    <row r="703" spans="1:5" x14ac:dyDescent="0.4">
      <c r="A703">
        <v>356</v>
      </c>
      <c r="B703">
        <v>0</v>
      </c>
      <c r="C703">
        <v>403</v>
      </c>
      <c r="D703" t="s">
        <v>88</v>
      </c>
      <c r="E703" s="1">
        <v>44598.477395833332</v>
      </c>
    </row>
    <row r="704" spans="1:5" x14ac:dyDescent="0.4">
      <c r="A704">
        <v>357</v>
      </c>
      <c r="B704">
        <v>0</v>
      </c>
      <c r="C704">
        <v>404</v>
      </c>
      <c r="D704" t="s">
        <v>88</v>
      </c>
      <c r="E704" s="1">
        <v>44598.477395833332</v>
      </c>
    </row>
    <row r="705" spans="1:5" x14ac:dyDescent="0.4">
      <c r="A705">
        <v>358</v>
      </c>
      <c r="B705">
        <v>0</v>
      </c>
      <c r="C705">
        <v>405</v>
      </c>
      <c r="D705" t="s">
        <v>88</v>
      </c>
      <c r="E705" s="1">
        <v>44598.477395833332</v>
      </c>
    </row>
    <row r="706" spans="1:5" x14ac:dyDescent="0.4">
      <c r="A706">
        <v>359</v>
      </c>
      <c r="B706">
        <v>0</v>
      </c>
      <c r="C706">
        <v>406</v>
      </c>
      <c r="D706" t="s">
        <v>88</v>
      </c>
      <c r="E706" s="1">
        <v>44598.477395833332</v>
      </c>
    </row>
    <row r="707" spans="1:5" x14ac:dyDescent="0.4">
      <c r="A707">
        <v>360</v>
      </c>
      <c r="B707">
        <v>0</v>
      </c>
      <c r="C707">
        <v>411</v>
      </c>
      <c r="D707" t="s">
        <v>88</v>
      </c>
      <c r="E707" s="1">
        <v>44598.477395833332</v>
      </c>
    </row>
    <row r="708" spans="1:5" x14ac:dyDescent="0.4">
      <c r="A708">
        <v>361</v>
      </c>
      <c r="B708">
        <v>0</v>
      </c>
      <c r="C708">
        <v>412</v>
      </c>
      <c r="D708" t="s">
        <v>88</v>
      </c>
      <c r="E708" s="1">
        <v>44598.477395833332</v>
      </c>
    </row>
    <row r="709" spans="1:5" x14ac:dyDescent="0.4">
      <c r="A709">
        <v>362</v>
      </c>
      <c r="B709">
        <v>0</v>
      </c>
      <c r="C709">
        <v>413</v>
      </c>
      <c r="D709" t="s">
        <v>88</v>
      </c>
      <c r="E709" s="1">
        <v>44598.477395833332</v>
      </c>
    </row>
    <row r="710" spans="1:5" x14ac:dyDescent="0.4">
      <c r="A710">
        <v>363</v>
      </c>
      <c r="B710">
        <v>0</v>
      </c>
      <c r="C710">
        <v>414</v>
      </c>
      <c r="D710" t="s">
        <v>88</v>
      </c>
      <c r="E710" s="1">
        <v>44598.477395833332</v>
      </c>
    </row>
    <row r="711" spans="1:5" x14ac:dyDescent="0.4">
      <c r="A711">
        <v>364</v>
      </c>
      <c r="B711">
        <v>0</v>
      </c>
      <c r="C711">
        <v>421</v>
      </c>
      <c r="D711" t="s">
        <v>88</v>
      </c>
      <c r="E711" s="1">
        <v>44598.477395833332</v>
      </c>
    </row>
    <row r="712" spans="1:5" x14ac:dyDescent="0.4">
      <c r="A712">
        <v>365</v>
      </c>
      <c r="B712">
        <v>0</v>
      </c>
      <c r="C712">
        <v>422</v>
      </c>
      <c r="D712" t="s">
        <v>88</v>
      </c>
      <c r="E712" s="1">
        <v>44598.477395833332</v>
      </c>
    </row>
    <row r="713" spans="1:5" x14ac:dyDescent="0.4">
      <c r="A713">
        <v>366</v>
      </c>
      <c r="B713">
        <v>0</v>
      </c>
      <c r="C713">
        <v>431</v>
      </c>
      <c r="D713" t="s">
        <v>88</v>
      </c>
      <c r="E713" s="1">
        <v>44598.477395833332</v>
      </c>
    </row>
    <row r="714" spans="1:5" x14ac:dyDescent="0.4">
      <c r="A714">
        <v>367</v>
      </c>
      <c r="B714">
        <v>0</v>
      </c>
      <c r="C714">
        <v>432</v>
      </c>
      <c r="D714" t="s">
        <v>88</v>
      </c>
      <c r="E714" s="1">
        <v>44598.477395833332</v>
      </c>
    </row>
    <row r="715" spans="1:5" x14ac:dyDescent="0.4">
      <c r="A715">
        <v>368</v>
      </c>
      <c r="B715">
        <v>0</v>
      </c>
      <c r="C715">
        <v>433</v>
      </c>
      <c r="D715" t="s">
        <v>88</v>
      </c>
      <c r="E715" s="1">
        <v>44598.477395833332</v>
      </c>
    </row>
    <row r="716" spans="1:5" x14ac:dyDescent="0.4">
      <c r="A716">
        <v>369</v>
      </c>
      <c r="B716">
        <v>0</v>
      </c>
      <c r="C716">
        <v>1</v>
      </c>
      <c r="D716" t="s">
        <v>88</v>
      </c>
      <c r="E716" s="1">
        <v>44599.876388888886</v>
      </c>
    </row>
    <row r="717" spans="1:5" x14ac:dyDescent="0.4">
      <c r="A717">
        <v>370</v>
      </c>
      <c r="B717">
        <v>0</v>
      </c>
      <c r="C717">
        <v>2</v>
      </c>
      <c r="D717" t="s">
        <v>88</v>
      </c>
      <c r="E717" s="1">
        <v>44599.876388888886</v>
      </c>
    </row>
    <row r="718" spans="1:5" x14ac:dyDescent="0.4">
      <c r="A718">
        <v>371</v>
      </c>
      <c r="B718">
        <v>0</v>
      </c>
      <c r="C718">
        <v>3</v>
      </c>
      <c r="D718" t="s">
        <v>88</v>
      </c>
      <c r="E718" s="1">
        <v>44599.876388888886</v>
      </c>
    </row>
    <row r="719" spans="1:5" x14ac:dyDescent="0.4">
      <c r="A719">
        <v>372</v>
      </c>
      <c r="B719">
        <v>0</v>
      </c>
      <c r="C719">
        <v>4</v>
      </c>
      <c r="D719" t="s">
        <v>88</v>
      </c>
      <c r="E719" s="1">
        <v>44599.876388888886</v>
      </c>
    </row>
    <row r="720" spans="1:5" x14ac:dyDescent="0.4">
      <c r="A720">
        <v>373</v>
      </c>
      <c r="B720">
        <v>0</v>
      </c>
      <c r="C720">
        <v>5</v>
      </c>
      <c r="D720" t="s">
        <v>88</v>
      </c>
      <c r="E720" s="1">
        <v>44599.876388888886</v>
      </c>
    </row>
    <row r="721" spans="1:5" x14ac:dyDescent="0.4">
      <c r="A721">
        <v>374</v>
      </c>
      <c r="B721">
        <v>0</v>
      </c>
      <c r="C721">
        <v>11</v>
      </c>
      <c r="D721" t="s">
        <v>88</v>
      </c>
      <c r="E721" s="1">
        <v>44599.876388888886</v>
      </c>
    </row>
    <row r="722" spans="1:5" x14ac:dyDescent="0.4">
      <c r="A722">
        <v>375</v>
      </c>
      <c r="B722">
        <v>0</v>
      </c>
      <c r="C722">
        <v>12</v>
      </c>
      <c r="D722" t="s">
        <v>88</v>
      </c>
      <c r="E722" s="1">
        <v>44599.876388888886</v>
      </c>
    </row>
    <row r="723" spans="1:5" x14ac:dyDescent="0.4">
      <c r="A723">
        <v>376</v>
      </c>
      <c r="B723">
        <v>0</v>
      </c>
      <c r="C723">
        <v>15</v>
      </c>
      <c r="D723" t="s">
        <v>88</v>
      </c>
      <c r="E723" s="1">
        <v>44599.876388888886</v>
      </c>
    </row>
    <row r="724" spans="1:5" x14ac:dyDescent="0.4">
      <c r="A724">
        <v>377</v>
      </c>
      <c r="B724">
        <v>0</v>
      </c>
      <c r="C724">
        <v>16</v>
      </c>
      <c r="D724" t="s">
        <v>88</v>
      </c>
      <c r="E724" s="1">
        <v>44599.876388888886</v>
      </c>
    </row>
    <row r="725" spans="1:5" x14ac:dyDescent="0.4">
      <c r="A725">
        <v>378</v>
      </c>
      <c r="B725">
        <v>0</v>
      </c>
      <c r="C725">
        <v>17</v>
      </c>
      <c r="D725" t="s">
        <v>88</v>
      </c>
      <c r="E725" s="1">
        <v>44599.876388888886</v>
      </c>
    </row>
    <row r="726" spans="1:5" x14ac:dyDescent="0.4">
      <c r="A726">
        <v>379</v>
      </c>
      <c r="B726">
        <v>0</v>
      </c>
      <c r="C726">
        <v>21</v>
      </c>
      <c r="D726" t="s">
        <v>88</v>
      </c>
      <c r="E726" s="1">
        <v>44599.876388888886</v>
      </c>
    </row>
    <row r="727" spans="1:5" x14ac:dyDescent="0.4">
      <c r="A727">
        <v>380</v>
      </c>
      <c r="B727">
        <v>0</v>
      </c>
      <c r="C727">
        <v>22</v>
      </c>
      <c r="D727" t="s">
        <v>88</v>
      </c>
      <c r="E727" s="1">
        <v>44599.876388888886</v>
      </c>
    </row>
    <row r="728" spans="1:5" x14ac:dyDescent="0.4">
      <c r="A728">
        <v>381</v>
      </c>
      <c r="B728">
        <v>0</v>
      </c>
      <c r="C728">
        <v>23</v>
      </c>
      <c r="D728" t="s">
        <v>88</v>
      </c>
      <c r="E728" s="1">
        <v>44599.876388888886</v>
      </c>
    </row>
    <row r="729" spans="1:5" x14ac:dyDescent="0.4">
      <c r="A729">
        <v>382</v>
      </c>
      <c r="B729">
        <v>0</v>
      </c>
      <c r="C729">
        <v>24</v>
      </c>
      <c r="D729" t="s">
        <v>88</v>
      </c>
      <c r="E729" s="1">
        <v>44599.876388888886</v>
      </c>
    </row>
    <row r="730" spans="1:5" x14ac:dyDescent="0.4">
      <c r="A730">
        <v>383</v>
      </c>
      <c r="B730">
        <v>0</v>
      </c>
      <c r="C730">
        <v>25</v>
      </c>
      <c r="D730" t="s">
        <v>88</v>
      </c>
      <c r="E730" s="1">
        <v>44599.876388888886</v>
      </c>
    </row>
    <row r="731" spans="1:5" x14ac:dyDescent="0.4">
      <c r="A731">
        <v>384</v>
      </c>
      <c r="B731">
        <v>0</v>
      </c>
      <c r="C731">
        <v>26</v>
      </c>
      <c r="D731" t="s">
        <v>88</v>
      </c>
      <c r="E731" s="1">
        <v>44599.876388888886</v>
      </c>
    </row>
    <row r="732" spans="1:5" x14ac:dyDescent="0.4">
      <c r="A732">
        <v>385</v>
      </c>
      <c r="B732">
        <v>0</v>
      </c>
      <c r="C732">
        <v>27</v>
      </c>
      <c r="D732" t="s">
        <v>88</v>
      </c>
      <c r="E732" s="1">
        <v>44599.876388888886</v>
      </c>
    </row>
    <row r="733" spans="1:5" x14ac:dyDescent="0.4">
      <c r="A733">
        <v>386</v>
      </c>
      <c r="B733">
        <v>0</v>
      </c>
      <c r="C733">
        <v>28</v>
      </c>
      <c r="D733" t="s">
        <v>88</v>
      </c>
      <c r="E733" s="1">
        <v>44599.876388888886</v>
      </c>
    </row>
    <row r="734" spans="1:5" x14ac:dyDescent="0.4">
      <c r="A734">
        <v>387</v>
      </c>
      <c r="B734">
        <v>0</v>
      </c>
      <c r="C734">
        <v>29</v>
      </c>
      <c r="D734" t="s">
        <v>88</v>
      </c>
      <c r="E734" s="1">
        <v>44599.876388888886</v>
      </c>
    </row>
    <row r="735" spans="1:5" x14ac:dyDescent="0.4">
      <c r="A735">
        <v>388</v>
      </c>
      <c r="B735">
        <v>0</v>
      </c>
      <c r="C735">
        <v>30</v>
      </c>
      <c r="D735" t="s">
        <v>88</v>
      </c>
      <c r="E735" s="1">
        <v>44599.876388888886</v>
      </c>
    </row>
    <row r="736" spans="1:5" x14ac:dyDescent="0.4">
      <c r="A736">
        <v>389</v>
      </c>
      <c r="B736">
        <v>0</v>
      </c>
      <c r="C736">
        <v>31</v>
      </c>
      <c r="D736" t="s">
        <v>88</v>
      </c>
      <c r="E736" s="1">
        <v>44599.876388888886</v>
      </c>
    </row>
    <row r="737" spans="1:5" x14ac:dyDescent="0.4">
      <c r="A737">
        <v>390</v>
      </c>
      <c r="B737">
        <v>0</v>
      </c>
      <c r="C737">
        <v>32</v>
      </c>
      <c r="D737" t="s">
        <v>88</v>
      </c>
      <c r="E737" s="1">
        <v>44599.876388888886</v>
      </c>
    </row>
    <row r="738" spans="1:5" x14ac:dyDescent="0.4">
      <c r="A738">
        <v>391</v>
      </c>
      <c r="B738">
        <v>0</v>
      </c>
      <c r="C738">
        <v>33</v>
      </c>
      <c r="D738" t="s">
        <v>88</v>
      </c>
      <c r="E738" s="1">
        <v>44599.876388888886</v>
      </c>
    </row>
    <row r="739" spans="1:5" x14ac:dyDescent="0.4">
      <c r="A739">
        <v>392</v>
      </c>
      <c r="B739">
        <v>0</v>
      </c>
      <c r="C739">
        <v>41</v>
      </c>
      <c r="D739" t="s">
        <v>88</v>
      </c>
      <c r="E739" s="1">
        <v>44599.876388888886</v>
      </c>
    </row>
    <row r="740" spans="1:5" x14ac:dyDescent="0.4">
      <c r="A740">
        <v>393</v>
      </c>
      <c r="B740">
        <v>0</v>
      </c>
      <c r="C740">
        <v>42</v>
      </c>
      <c r="D740" t="s">
        <v>88</v>
      </c>
      <c r="E740" s="1">
        <v>44599.876388888886</v>
      </c>
    </row>
    <row r="741" spans="1:5" x14ac:dyDescent="0.4">
      <c r="A741">
        <v>394</v>
      </c>
      <c r="B741">
        <v>0</v>
      </c>
      <c r="C741">
        <v>43</v>
      </c>
      <c r="D741" t="s">
        <v>88</v>
      </c>
      <c r="E741" s="1">
        <v>44599.876388888886</v>
      </c>
    </row>
    <row r="742" spans="1:5" x14ac:dyDescent="0.4">
      <c r="A742">
        <v>395</v>
      </c>
      <c r="B742">
        <v>0</v>
      </c>
      <c r="C742">
        <v>44</v>
      </c>
      <c r="D742" t="s">
        <v>88</v>
      </c>
      <c r="E742" s="1">
        <v>44599.876388888886</v>
      </c>
    </row>
    <row r="743" spans="1:5" x14ac:dyDescent="0.4">
      <c r="A743">
        <v>396</v>
      </c>
      <c r="B743">
        <v>0</v>
      </c>
      <c r="C743">
        <v>45</v>
      </c>
      <c r="D743" t="s">
        <v>88</v>
      </c>
      <c r="E743" s="1">
        <v>44599.876388888886</v>
      </c>
    </row>
    <row r="744" spans="1:5" x14ac:dyDescent="0.4">
      <c r="A744">
        <v>397</v>
      </c>
      <c r="B744">
        <v>0</v>
      </c>
      <c r="C744">
        <v>46</v>
      </c>
      <c r="D744" t="s">
        <v>88</v>
      </c>
      <c r="E744" s="1">
        <v>44599.876388888886</v>
      </c>
    </row>
    <row r="745" spans="1:5" x14ac:dyDescent="0.4">
      <c r="A745">
        <v>398</v>
      </c>
      <c r="B745">
        <v>0</v>
      </c>
      <c r="C745">
        <v>47</v>
      </c>
      <c r="D745" t="s">
        <v>88</v>
      </c>
      <c r="E745" s="1">
        <v>44599.876388888886</v>
      </c>
    </row>
    <row r="746" spans="1:5" x14ac:dyDescent="0.4">
      <c r="A746">
        <v>399</v>
      </c>
      <c r="B746">
        <v>0</v>
      </c>
      <c r="C746">
        <v>48</v>
      </c>
      <c r="D746" t="s">
        <v>88</v>
      </c>
      <c r="E746" s="1">
        <v>44599.876388888886</v>
      </c>
    </row>
    <row r="747" spans="1:5" x14ac:dyDescent="0.4">
      <c r="A747">
        <v>400</v>
      </c>
      <c r="B747">
        <v>0</v>
      </c>
      <c r="C747">
        <v>49</v>
      </c>
      <c r="D747" t="s">
        <v>88</v>
      </c>
      <c r="E747" s="1">
        <v>44599.876388888886</v>
      </c>
    </row>
    <row r="748" spans="1:5" x14ac:dyDescent="0.4">
      <c r="A748">
        <v>401</v>
      </c>
      <c r="B748">
        <v>0</v>
      </c>
      <c r="C748">
        <v>50</v>
      </c>
      <c r="D748" t="s">
        <v>88</v>
      </c>
      <c r="E748" s="1">
        <v>44599.876388888886</v>
      </c>
    </row>
    <row r="749" spans="1:5" x14ac:dyDescent="0.4">
      <c r="A749">
        <v>402</v>
      </c>
      <c r="B749">
        <v>0</v>
      </c>
      <c r="C749">
        <v>51</v>
      </c>
      <c r="D749" t="s">
        <v>88</v>
      </c>
      <c r="E749" s="1">
        <v>44599.876388888886</v>
      </c>
    </row>
    <row r="750" spans="1:5" x14ac:dyDescent="0.4">
      <c r="A750">
        <v>403</v>
      </c>
      <c r="B750">
        <v>0</v>
      </c>
      <c r="C750">
        <v>52</v>
      </c>
      <c r="D750" t="s">
        <v>88</v>
      </c>
      <c r="E750" s="1">
        <v>44599.876388888886</v>
      </c>
    </row>
    <row r="751" spans="1:5" x14ac:dyDescent="0.4">
      <c r="A751">
        <v>404</v>
      </c>
      <c r="B751">
        <v>0</v>
      </c>
      <c r="C751">
        <v>53</v>
      </c>
      <c r="D751" t="s">
        <v>88</v>
      </c>
      <c r="E751" s="1">
        <v>44599.876388888886</v>
      </c>
    </row>
    <row r="752" spans="1:5" x14ac:dyDescent="0.4">
      <c r="A752">
        <v>405</v>
      </c>
      <c r="B752">
        <v>0</v>
      </c>
      <c r="C752">
        <v>54</v>
      </c>
      <c r="D752" t="s">
        <v>88</v>
      </c>
      <c r="E752" s="1">
        <v>44599.876388888886</v>
      </c>
    </row>
    <row r="753" spans="1:5" x14ac:dyDescent="0.4">
      <c r="A753">
        <v>406</v>
      </c>
      <c r="B753">
        <v>0</v>
      </c>
      <c r="C753">
        <v>55</v>
      </c>
      <c r="D753" t="s">
        <v>88</v>
      </c>
      <c r="E753" s="1">
        <v>44599.876388888886</v>
      </c>
    </row>
    <row r="754" spans="1:5" x14ac:dyDescent="0.4">
      <c r="A754">
        <v>407</v>
      </c>
      <c r="B754">
        <v>0</v>
      </c>
      <c r="C754">
        <v>61</v>
      </c>
      <c r="D754" t="s">
        <v>88</v>
      </c>
      <c r="E754" s="1">
        <v>44599.876388888886</v>
      </c>
    </row>
    <row r="755" spans="1:5" x14ac:dyDescent="0.4">
      <c r="A755">
        <v>408</v>
      </c>
      <c r="B755">
        <v>0</v>
      </c>
      <c r="C755">
        <v>62</v>
      </c>
      <c r="D755" t="s">
        <v>88</v>
      </c>
      <c r="E755" s="1">
        <v>44599.876388888886</v>
      </c>
    </row>
    <row r="756" spans="1:5" x14ac:dyDescent="0.4">
      <c r="A756">
        <v>409</v>
      </c>
      <c r="B756">
        <v>0</v>
      </c>
      <c r="C756">
        <v>63</v>
      </c>
      <c r="D756" t="s">
        <v>88</v>
      </c>
      <c r="E756" s="1">
        <v>44599.876388888886</v>
      </c>
    </row>
    <row r="757" spans="1:5" x14ac:dyDescent="0.4">
      <c r="A757">
        <v>410</v>
      </c>
      <c r="B757">
        <v>0</v>
      </c>
      <c r="C757">
        <v>64</v>
      </c>
      <c r="D757" t="s">
        <v>88</v>
      </c>
      <c r="E757" s="1">
        <v>44599.876388888886</v>
      </c>
    </row>
    <row r="758" spans="1:5" x14ac:dyDescent="0.4">
      <c r="A758">
        <v>411</v>
      </c>
      <c r="B758">
        <v>0</v>
      </c>
      <c r="C758">
        <v>65</v>
      </c>
      <c r="D758" t="s">
        <v>88</v>
      </c>
      <c r="E758" s="1">
        <v>44599.876388888886</v>
      </c>
    </row>
    <row r="759" spans="1:5" x14ac:dyDescent="0.4">
      <c r="A759">
        <v>412</v>
      </c>
      <c r="B759">
        <v>0</v>
      </c>
      <c r="C759">
        <v>66</v>
      </c>
      <c r="D759" t="s">
        <v>88</v>
      </c>
      <c r="E759" s="1">
        <v>44599.876388888886</v>
      </c>
    </row>
    <row r="760" spans="1:5" x14ac:dyDescent="0.4">
      <c r="A760">
        <v>413</v>
      </c>
      <c r="B760">
        <v>0</v>
      </c>
      <c r="C760">
        <v>67</v>
      </c>
      <c r="D760" t="s">
        <v>88</v>
      </c>
      <c r="E760" s="1">
        <v>44599.876388888886</v>
      </c>
    </row>
    <row r="761" spans="1:5" x14ac:dyDescent="0.4">
      <c r="A761">
        <v>414</v>
      </c>
      <c r="B761">
        <v>0</v>
      </c>
      <c r="C761">
        <v>68</v>
      </c>
      <c r="D761" t="s">
        <v>88</v>
      </c>
      <c r="E761" s="1">
        <v>44599.876388888886</v>
      </c>
    </row>
    <row r="762" spans="1:5" x14ac:dyDescent="0.4">
      <c r="A762">
        <v>415</v>
      </c>
      <c r="B762">
        <v>0</v>
      </c>
      <c r="C762">
        <v>69</v>
      </c>
      <c r="D762" t="s">
        <v>88</v>
      </c>
      <c r="E762" s="1">
        <v>44599.876388888886</v>
      </c>
    </row>
    <row r="763" spans="1:5" x14ac:dyDescent="0.4">
      <c r="A763">
        <v>416</v>
      </c>
      <c r="B763">
        <v>0</v>
      </c>
      <c r="C763">
        <v>70</v>
      </c>
      <c r="D763" t="s">
        <v>88</v>
      </c>
      <c r="E763" s="1">
        <v>44599.876388888886</v>
      </c>
    </row>
    <row r="764" spans="1:5" x14ac:dyDescent="0.4">
      <c r="A764">
        <v>417</v>
      </c>
      <c r="B764">
        <v>0</v>
      </c>
      <c r="C764">
        <v>71</v>
      </c>
      <c r="D764" t="s">
        <v>88</v>
      </c>
      <c r="E764" s="1">
        <v>44599.876388888886</v>
      </c>
    </row>
    <row r="765" spans="1:5" x14ac:dyDescent="0.4">
      <c r="A765">
        <v>418</v>
      </c>
      <c r="B765">
        <v>0</v>
      </c>
      <c r="C765">
        <v>72</v>
      </c>
      <c r="D765" t="s">
        <v>88</v>
      </c>
      <c r="E765" s="1">
        <v>44599.876388888886</v>
      </c>
    </row>
    <row r="766" spans="1:5" x14ac:dyDescent="0.4">
      <c r="A766">
        <v>419</v>
      </c>
      <c r="B766">
        <v>0</v>
      </c>
      <c r="C766">
        <v>73</v>
      </c>
      <c r="D766" t="s">
        <v>88</v>
      </c>
      <c r="E766" s="1">
        <v>44599.876388888886</v>
      </c>
    </row>
    <row r="767" spans="1:5" x14ac:dyDescent="0.4">
      <c r="A767">
        <v>420</v>
      </c>
      <c r="B767">
        <v>0</v>
      </c>
      <c r="C767">
        <v>74</v>
      </c>
      <c r="D767" t="s">
        <v>88</v>
      </c>
      <c r="E767" s="1">
        <v>44599.876388888886</v>
      </c>
    </row>
    <row r="768" spans="1:5" x14ac:dyDescent="0.4">
      <c r="A768">
        <v>421</v>
      </c>
      <c r="B768">
        <v>0</v>
      </c>
      <c r="C768">
        <v>75</v>
      </c>
      <c r="D768" t="s">
        <v>88</v>
      </c>
      <c r="E768" s="1">
        <v>44599.876388888886</v>
      </c>
    </row>
    <row r="769" spans="1:5" x14ac:dyDescent="0.4">
      <c r="A769">
        <v>422</v>
      </c>
      <c r="B769">
        <v>0</v>
      </c>
      <c r="C769">
        <v>76</v>
      </c>
      <c r="D769" t="s">
        <v>88</v>
      </c>
      <c r="E769" s="1">
        <v>44599.876388888886</v>
      </c>
    </row>
    <row r="770" spans="1:5" x14ac:dyDescent="0.4">
      <c r="A770">
        <v>423</v>
      </c>
      <c r="B770">
        <v>0</v>
      </c>
      <c r="C770">
        <v>77</v>
      </c>
      <c r="D770" t="s">
        <v>88</v>
      </c>
      <c r="E770" s="1">
        <v>44599.876388888886</v>
      </c>
    </row>
    <row r="771" spans="1:5" x14ac:dyDescent="0.4">
      <c r="A771">
        <v>424</v>
      </c>
      <c r="B771">
        <v>0</v>
      </c>
      <c r="C771">
        <v>78</v>
      </c>
      <c r="D771" t="s">
        <v>88</v>
      </c>
      <c r="E771" s="1">
        <v>44599.876388888886</v>
      </c>
    </row>
    <row r="772" spans="1:5" x14ac:dyDescent="0.4">
      <c r="A772">
        <v>425</v>
      </c>
      <c r="B772">
        <v>0</v>
      </c>
      <c r="C772">
        <v>79</v>
      </c>
      <c r="D772" t="s">
        <v>88</v>
      </c>
      <c r="E772" s="1">
        <v>44599.876388888886</v>
      </c>
    </row>
    <row r="773" spans="1:5" x14ac:dyDescent="0.4">
      <c r="A773">
        <v>426</v>
      </c>
      <c r="B773">
        <v>0</v>
      </c>
      <c r="C773">
        <v>91</v>
      </c>
      <c r="D773" t="s">
        <v>88</v>
      </c>
      <c r="E773" s="1">
        <v>44599.876388888886</v>
      </c>
    </row>
    <row r="774" spans="1:5" x14ac:dyDescent="0.4">
      <c r="A774">
        <v>427</v>
      </c>
      <c r="B774">
        <v>0</v>
      </c>
      <c r="C774">
        <v>92</v>
      </c>
      <c r="D774" t="s">
        <v>88</v>
      </c>
      <c r="E774" s="1">
        <v>44599.876388888886</v>
      </c>
    </row>
    <row r="775" spans="1:5" x14ac:dyDescent="0.4">
      <c r="A775">
        <v>428</v>
      </c>
      <c r="B775">
        <v>0</v>
      </c>
      <c r="C775">
        <v>93</v>
      </c>
      <c r="D775" t="s">
        <v>88</v>
      </c>
      <c r="E775" s="1">
        <v>44599.876388888886</v>
      </c>
    </row>
    <row r="776" spans="1:5" x14ac:dyDescent="0.4">
      <c r="A776">
        <v>429</v>
      </c>
      <c r="B776">
        <v>0</v>
      </c>
      <c r="C776">
        <v>94</v>
      </c>
      <c r="D776" t="s">
        <v>88</v>
      </c>
      <c r="E776" s="1">
        <v>44599.876388888886</v>
      </c>
    </row>
    <row r="777" spans="1:5" x14ac:dyDescent="0.4">
      <c r="A777">
        <v>430</v>
      </c>
      <c r="B777">
        <v>0</v>
      </c>
      <c r="C777">
        <v>95</v>
      </c>
      <c r="D777" t="s">
        <v>88</v>
      </c>
      <c r="E777" s="1">
        <v>44599.876388888886</v>
      </c>
    </row>
    <row r="778" spans="1:5" x14ac:dyDescent="0.4">
      <c r="A778">
        <v>431</v>
      </c>
      <c r="B778">
        <v>0</v>
      </c>
      <c r="C778">
        <v>96</v>
      </c>
      <c r="D778" t="s">
        <v>88</v>
      </c>
      <c r="E778" s="1">
        <v>44599.876388888886</v>
      </c>
    </row>
    <row r="779" spans="1:5" x14ac:dyDescent="0.4">
      <c r="A779">
        <v>432</v>
      </c>
      <c r="B779">
        <v>0</v>
      </c>
      <c r="C779">
        <v>97</v>
      </c>
      <c r="D779" t="s">
        <v>88</v>
      </c>
      <c r="E779" s="1">
        <v>44599.876388888886</v>
      </c>
    </row>
    <row r="780" spans="1:5" x14ac:dyDescent="0.4">
      <c r="A780">
        <v>433</v>
      </c>
      <c r="B780">
        <v>0</v>
      </c>
      <c r="C780">
        <v>98</v>
      </c>
      <c r="D780" t="s">
        <v>88</v>
      </c>
      <c r="E780" s="1">
        <v>44599.876388888886</v>
      </c>
    </row>
    <row r="781" spans="1:5" x14ac:dyDescent="0.4">
      <c r="A781">
        <v>434</v>
      </c>
      <c r="B781">
        <v>0</v>
      </c>
      <c r="C781">
        <v>99</v>
      </c>
      <c r="D781" t="s">
        <v>88</v>
      </c>
      <c r="E781" s="1">
        <v>44599.876388888886</v>
      </c>
    </row>
    <row r="782" spans="1:5" x14ac:dyDescent="0.4">
      <c r="A782">
        <v>435</v>
      </c>
      <c r="B782">
        <v>0</v>
      </c>
      <c r="C782">
        <v>100</v>
      </c>
      <c r="D782" t="s">
        <v>88</v>
      </c>
      <c r="E782" s="1">
        <v>44599.876388888886</v>
      </c>
    </row>
    <row r="783" spans="1:5" x14ac:dyDescent="0.4">
      <c r="A783">
        <v>436</v>
      </c>
      <c r="B783">
        <v>0</v>
      </c>
      <c r="C783">
        <v>101</v>
      </c>
      <c r="D783" t="s">
        <v>88</v>
      </c>
      <c r="E783" s="1">
        <v>44599.876388888886</v>
      </c>
    </row>
    <row r="784" spans="1:5" x14ac:dyDescent="0.4">
      <c r="A784">
        <v>437</v>
      </c>
      <c r="B784">
        <v>0</v>
      </c>
      <c r="C784">
        <v>102</v>
      </c>
      <c r="D784" t="s">
        <v>88</v>
      </c>
      <c r="E784" s="1">
        <v>44599.876388888886</v>
      </c>
    </row>
    <row r="785" spans="1:5" x14ac:dyDescent="0.4">
      <c r="A785">
        <v>438</v>
      </c>
      <c r="B785">
        <v>0</v>
      </c>
      <c r="C785">
        <v>103</v>
      </c>
      <c r="D785" t="s">
        <v>88</v>
      </c>
      <c r="E785" s="1">
        <v>44599.876388888886</v>
      </c>
    </row>
    <row r="786" spans="1:5" x14ac:dyDescent="0.4">
      <c r="A786">
        <v>439</v>
      </c>
      <c r="B786">
        <v>0</v>
      </c>
      <c r="C786">
        <v>104</v>
      </c>
      <c r="D786" t="s">
        <v>88</v>
      </c>
      <c r="E786" s="1">
        <v>44599.876388888886</v>
      </c>
    </row>
    <row r="787" spans="1:5" x14ac:dyDescent="0.4">
      <c r="A787">
        <v>440</v>
      </c>
      <c r="B787">
        <v>0</v>
      </c>
      <c r="C787">
        <v>105</v>
      </c>
      <c r="D787" t="s">
        <v>88</v>
      </c>
      <c r="E787" s="1">
        <v>44599.876388888886</v>
      </c>
    </row>
    <row r="788" spans="1:5" x14ac:dyDescent="0.4">
      <c r="A788">
        <v>441</v>
      </c>
      <c r="B788">
        <v>0</v>
      </c>
      <c r="C788">
        <v>106</v>
      </c>
      <c r="D788" t="s">
        <v>88</v>
      </c>
      <c r="E788" s="1">
        <v>44599.876388888886</v>
      </c>
    </row>
    <row r="789" spans="1:5" x14ac:dyDescent="0.4">
      <c r="A789">
        <v>442</v>
      </c>
      <c r="B789">
        <v>0</v>
      </c>
      <c r="C789">
        <v>107</v>
      </c>
      <c r="D789" t="s">
        <v>88</v>
      </c>
      <c r="E789" s="1">
        <v>44599.876388888886</v>
      </c>
    </row>
    <row r="790" spans="1:5" x14ac:dyDescent="0.4">
      <c r="A790">
        <v>443</v>
      </c>
      <c r="B790">
        <v>0</v>
      </c>
      <c r="C790">
        <v>108</v>
      </c>
      <c r="D790" t="s">
        <v>88</v>
      </c>
      <c r="E790" s="1">
        <v>44599.876388888886</v>
      </c>
    </row>
    <row r="791" spans="1:5" x14ac:dyDescent="0.4">
      <c r="A791">
        <v>444</v>
      </c>
      <c r="B791">
        <v>0</v>
      </c>
      <c r="C791">
        <v>109</v>
      </c>
      <c r="D791" t="s">
        <v>88</v>
      </c>
      <c r="E791" s="1">
        <v>44599.876388888886</v>
      </c>
    </row>
    <row r="792" spans="1:5" x14ac:dyDescent="0.4">
      <c r="A792">
        <v>445</v>
      </c>
      <c r="B792">
        <v>0</v>
      </c>
      <c r="C792">
        <v>110</v>
      </c>
      <c r="D792" t="s">
        <v>88</v>
      </c>
      <c r="E792" s="1">
        <v>44599.876388888886</v>
      </c>
    </row>
    <row r="793" spans="1:5" x14ac:dyDescent="0.4">
      <c r="A793">
        <v>446</v>
      </c>
      <c r="B793">
        <v>0</v>
      </c>
      <c r="C793">
        <v>111</v>
      </c>
      <c r="D793" t="s">
        <v>88</v>
      </c>
      <c r="E793" s="1">
        <v>44599.876388888886</v>
      </c>
    </row>
    <row r="794" spans="1:5" x14ac:dyDescent="0.4">
      <c r="A794">
        <v>447</v>
      </c>
      <c r="B794">
        <v>0</v>
      </c>
      <c r="C794">
        <v>112</v>
      </c>
      <c r="D794" t="s">
        <v>88</v>
      </c>
      <c r="E794" s="1">
        <v>44599.876388888886</v>
      </c>
    </row>
    <row r="795" spans="1:5" x14ac:dyDescent="0.4">
      <c r="A795">
        <v>448</v>
      </c>
      <c r="B795">
        <v>0</v>
      </c>
      <c r="C795">
        <v>113</v>
      </c>
      <c r="D795" t="s">
        <v>88</v>
      </c>
      <c r="E795" s="1">
        <v>44599.876388888886</v>
      </c>
    </row>
    <row r="796" spans="1:5" x14ac:dyDescent="0.4">
      <c r="A796">
        <v>449</v>
      </c>
      <c r="B796">
        <v>0</v>
      </c>
      <c r="C796">
        <v>114</v>
      </c>
      <c r="D796" t="s">
        <v>88</v>
      </c>
      <c r="E796" s="1">
        <v>44599.876388888886</v>
      </c>
    </row>
    <row r="797" spans="1:5" x14ac:dyDescent="0.4">
      <c r="A797">
        <v>450</v>
      </c>
      <c r="B797">
        <v>0</v>
      </c>
      <c r="C797">
        <v>115</v>
      </c>
      <c r="D797" t="s">
        <v>88</v>
      </c>
      <c r="E797" s="1">
        <v>44599.876388888886</v>
      </c>
    </row>
    <row r="798" spans="1:5" x14ac:dyDescent="0.4">
      <c r="A798">
        <v>451</v>
      </c>
      <c r="B798">
        <v>0</v>
      </c>
      <c r="C798">
        <v>116</v>
      </c>
      <c r="D798" t="s">
        <v>88</v>
      </c>
      <c r="E798" s="1">
        <v>44599.876388888886</v>
      </c>
    </row>
    <row r="799" spans="1:5" x14ac:dyDescent="0.4">
      <c r="A799">
        <v>452</v>
      </c>
      <c r="B799">
        <v>0</v>
      </c>
      <c r="C799">
        <v>121</v>
      </c>
      <c r="D799" t="s">
        <v>88</v>
      </c>
      <c r="E799" s="1">
        <v>44599.876388888886</v>
      </c>
    </row>
    <row r="800" spans="1:5" x14ac:dyDescent="0.4">
      <c r="A800">
        <v>453</v>
      </c>
      <c r="B800">
        <v>0</v>
      </c>
      <c r="C800">
        <v>122</v>
      </c>
      <c r="D800" t="s">
        <v>88</v>
      </c>
      <c r="E800" s="1">
        <v>44599.876388888886</v>
      </c>
    </row>
    <row r="801" spans="1:5" x14ac:dyDescent="0.4">
      <c r="A801">
        <v>454</v>
      </c>
      <c r="B801">
        <v>0</v>
      </c>
      <c r="C801">
        <v>123</v>
      </c>
      <c r="D801" t="s">
        <v>88</v>
      </c>
      <c r="E801" s="1">
        <v>44599.876388888886</v>
      </c>
    </row>
    <row r="802" spans="1:5" x14ac:dyDescent="0.4">
      <c r="A802">
        <v>455</v>
      </c>
      <c r="B802">
        <v>0</v>
      </c>
      <c r="C802">
        <v>124</v>
      </c>
      <c r="D802" t="s">
        <v>88</v>
      </c>
      <c r="E802" s="1">
        <v>44599.876388888886</v>
      </c>
    </row>
    <row r="803" spans="1:5" x14ac:dyDescent="0.4">
      <c r="A803">
        <v>456</v>
      </c>
      <c r="B803">
        <v>0</v>
      </c>
      <c r="C803">
        <v>125</v>
      </c>
      <c r="D803" t="s">
        <v>88</v>
      </c>
      <c r="E803" s="1">
        <v>44599.876388888886</v>
      </c>
    </row>
    <row r="804" spans="1:5" x14ac:dyDescent="0.4">
      <c r="A804">
        <v>457</v>
      </c>
      <c r="B804">
        <v>0</v>
      </c>
      <c r="C804">
        <v>126</v>
      </c>
      <c r="D804" t="s">
        <v>88</v>
      </c>
      <c r="E804" s="1">
        <v>44599.876388888886</v>
      </c>
    </row>
    <row r="805" spans="1:5" x14ac:dyDescent="0.4">
      <c r="A805">
        <v>458</v>
      </c>
      <c r="B805">
        <v>0</v>
      </c>
      <c r="C805">
        <v>131</v>
      </c>
      <c r="D805" t="s">
        <v>88</v>
      </c>
      <c r="E805" s="1">
        <v>44599.876388888886</v>
      </c>
    </row>
    <row r="806" spans="1:5" x14ac:dyDescent="0.4">
      <c r="A806">
        <v>459</v>
      </c>
      <c r="B806">
        <v>0</v>
      </c>
      <c r="C806">
        <v>141</v>
      </c>
      <c r="D806" t="s">
        <v>88</v>
      </c>
      <c r="E806" s="1">
        <v>44599.876388888886</v>
      </c>
    </row>
    <row r="807" spans="1:5" x14ac:dyDescent="0.4">
      <c r="A807">
        <v>460</v>
      </c>
      <c r="B807">
        <v>0</v>
      </c>
      <c r="C807">
        <v>142</v>
      </c>
      <c r="D807" t="s">
        <v>88</v>
      </c>
      <c r="E807" s="1">
        <v>44599.876388888886</v>
      </c>
    </row>
    <row r="808" spans="1:5" x14ac:dyDescent="0.4">
      <c r="A808">
        <v>461</v>
      </c>
      <c r="B808">
        <v>0</v>
      </c>
      <c r="C808">
        <v>143</v>
      </c>
      <c r="D808" t="s">
        <v>88</v>
      </c>
      <c r="E808" s="1">
        <v>44599.876388888886</v>
      </c>
    </row>
    <row r="809" spans="1:5" x14ac:dyDescent="0.4">
      <c r="A809">
        <v>462</v>
      </c>
      <c r="B809">
        <v>0</v>
      </c>
      <c r="C809">
        <v>144</v>
      </c>
      <c r="D809" t="s">
        <v>88</v>
      </c>
      <c r="E809" s="1">
        <v>44599.876388888886</v>
      </c>
    </row>
    <row r="810" spans="1:5" x14ac:dyDescent="0.4">
      <c r="A810">
        <v>463</v>
      </c>
      <c r="B810">
        <v>0</v>
      </c>
      <c r="C810">
        <v>145</v>
      </c>
      <c r="D810" t="s">
        <v>88</v>
      </c>
      <c r="E810" s="1">
        <v>44599.876388888886</v>
      </c>
    </row>
    <row r="811" spans="1:5" x14ac:dyDescent="0.4">
      <c r="A811">
        <v>464</v>
      </c>
      <c r="B811">
        <v>0</v>
      </c>
      <c r="C811">
        <v>146</v>
      </c>
      <c r="D811" t="s">
        <v>88</v>
      </c>
      <c r="E811" s="1">
        <v>44599.876388888886</v>
      </c>
    </row>
    <row r="812" spans="1:5" x14ac:dyDescent="0.4">
      <c r="A812">
        <v>465</v>
      </c>
      <c r="B812">
        <v>0</v>
      </c>
      <c r="C812">
        <v>147</v>
      </c>
      <c r="D812" t="s">
        <v>88</v>
      </c>
      <c r="E812" s="1">
        <v>44599.876388888886</v>
      </c>
    </row>
    <row r="813" spans="1:5" x14ac:dyDescent="0.4">
      <c r="A813">
        <v>466</v>
      </c>
      <c r="B813">
        <v>0</v>
      </c>
      <c r="C813">
        <v>161</v>
      </c>
      <c r="D813" t="s">
        <v>88</v>
      </c>
      <c r="E813" s="1">
        <v>44599.876388888886</v>
      </c>
    </row>
    <row r="814" spans="1:5" x14ac:dyDescent="0.4">
      <c r="A814">
        <v>467</v>
      </c>
      <c r="B814">
        <v>0</v>
      </c>
      <c r="C814">
        <v>162</v>
      </c>
      <c r="D814" t="s">
        <v>88</v>
      </c>
      <c r="E814" s="1">
        <v>44599.876388888886</v>
      </c>
    </row>
    <row r="815" spans="1:5" x14ac:dyDescent="0.4">
      <c r="A815">
        <v>468</v>
      </c>
      <c r="B815">
        <v>0</v>
      </c>
      <c r="C815">
        <v>163</v>
      </c>
      <c r="D815" t="s">
        <v>88</v>
      </c>
      <c r="E815" s="1">
        <v>44599.876388888886</v>
      </c>
    </row>
    <row r="816" spans="1:5" x14ac:dyDescent="0.4">
      <c r="A816">
        <v>469</v>
      </c>
      <c r="B816">
        <v>0</v>
      </c>
      <c r="C816">
        <v>164</v>
      </c>
      <c r="D816" t="s">
        <v>88</v>
      </c>
      <c r="E816" s="1">
        <v>44599.876388888886</v>
      </c>
    </row>
    <row r="817" spans="1:5" x14ac:dyDescent="0.4">
      <c r="A817">
        <v>470</v>
      </c>
      <c r="B817">
        <v>0</v>
      </c>
      <c r="C817">
        <v>165</v>
      </c>
      <c r="D817" t="s">
        <v>88</v>
      </c>
      <c r="E817" s="1">
        <v>44599.876388888886</v>
      </c>
    </row>
    <row r="818" spans="1:5" x14ac:dyDescent="0.4">
      <c r="A818">
        <v>471</v>
      </c>
      <c r="B818">
        <v>0</v>
      </c>
      <c r="C818">
        <v>166</v>
      </c>
      <c r="D818" t="s">
        <v>88</v>
      </c>
      <c r="E818" s="1">
        <v>44599.876388888886</v>
      </c>
    </row>
    <row r="819" spans="1:5" x14ac:dyDescent="0.4">
      <c r="A819">
        <v>472</v>
      </c>
      <c r="B819">
        <v>0</v>
      </c>
      <c r="C819">
        <v>167</v>
      </c>
      <c r="D819" t="s">
        <v>88</v>
      </c>
      <c r="E819" s="1">
        <v>44599.876388888886</v>
      </c>
    </row>
    <row r="820" spans="1:5" x14ac:dyDescent="0.4">
      <c r="A820">
        <v>473</v>
      </c>
      <c r="B820">
        <v>0</v>
      </c>
      <c r="C820">
        <v>168</v>
      </c>
      <c r="D820" t="s">
        <v>88</v>
      </c>
      <c r="E820" s="1">
        <v>44599.876388888886</v>
      </c>
    </row>
    <row r="821" spans="1:5" x14ac:dyDescent="0.4">
      <c r="A821">
        <v>474</v>
      </c>
      <c r="B821">
        <v>0</v>
      </c>
      <c r="C821">
        <v>169</v>
      </c>
      <c r="D821" t="s">
        <v>88</v>
      </c>
      <c r="E821" s="1">
        <v>44599.876388888886</v>
      </c>
    </row>
    <row r="822" spans="1:5" x14ac:dyDescent="0.4">
      <c r="A822">
        <v>475</v>
      </c>
      <c r="B822">
        <v>0</v>
      </c>
      <c r="C822">
        <v>170</v>
      </c>
      <c r="D822" t="s">
        <v>88</v>
      </c>
      <c r="E822" s="1">
        <v>44599.876388888886</v>
      </c>
    </row>
    <row r="823" spans="1:5" x14ac:dyDescent="0.4">
      <c r="A823">
        <v>476</v>
      </c>
      <c r="B823">
        <v>0</v>
      </c>
      <c r="C823">
        <v>171</v>
      </c>
      <c r="D823" t="s">
        <v>88</v>
      </c>
      <c r="E823" s="1">
        <v>44599.876388888886</v>
      </c>
    </row>
    <row r="824" spans="1:5" x14ac:dyDescent="0.4">
      <c r="A824">
        <v>477</v>
      </c>
      <c r="B824">
        <v>0</v>
      </c>
      <c r="C824">
        <v>172</v>
      </c>
      <c r="D824" t="s">
        <v>88</v>
      </c>
      <c r="E824" s="1">
        <v>44599.876388888886</v>
      </c>
    </row>
    <row r="825" spans="1:5" x14ac:dyDescent="0.4">
      <c r="A825">
        <v>478</v>
      </c>
      <c r="B825">
        <v>0</v>
      </c>
      <c r="C825">
        <v>173</v>
      </c>
      <c r="D825" t="s">
        <v>88</v>
      </c>
      <c r="E825" s="1">
        <v>44599.876388888886</v>
      </c>
    </row>
    <row r="826" spans="1:5" x14ac:dyDescent="0.4">
      <c r="A826">
        <v>479</v>
      </c>
      <c r="B826">
        <v>0</v>
      </c>
      <c r="C826">
        <v>174</v>
      </c>
      <c r="D826" t="s">
        <v>88</v>
      </c>
      <c r="E826" s="1">
        <v>44599.876388888886</v>
      </c>
    </row>
    <row r="827" spans="1:5" x14ac:dyDescent="0.4">
      <c r="A827">
        <v>480</v>
      </c>
      <c r="B827">
        <v>0</v>
      </c>
      <c r="C827">
        <v>175</v>
      </c>
      <c r="D827" t="s">
        <v>88</v>
      </c>
      <c r="E827" s="1">
        <v>44599.876388888886</v>
      </c>
    </row>
    <row r="828" spans="1:5" x14ac:dyDescent="0.4">
      <c r="A828">
        <v>481</v>
      </c>
      <c r="B828">
        <v>0</v>
      </c>
      <c r="C828">
        <v>181</v>
      </c>
      <c r="D828" t="s">
        <v>88</v>
      </c>
      <c r="E828" s="1">
        <v>44599.876388888886</v>
      </c>
    </row>
    <row r="829" spans="1:5" x14ac:dyDescent="0.4">
      <c r="A829">
        <v>482</v>
      </c>
      <c r="B829">
        <v>0</v>
      </c>
      <c r="C829">
        <v>182</v>
      </c>
      <c r="D829" t="s">
        <v>88</v>
      </c>
      <c r="E829" s="1">
        <v>44599.876388888886</v>
      </c>
    </row>
    <row r="830" spans="1:5" x14ac:dyDescent="0.4">
      <c r="A830">
        <v>483</v>
      </c>
      <c r="B830">
        <v>0</v>
      </c>
      <c r="C830">
        <v>183</v>
      </c>
      <c r="D830" t="s">
        <v>88</v>
      </c>
      <c r="E830" s="1">
        <v>44599.876388888886</v>
      </c>
    </row>
    <row r="831" spans="1:5" x14ac:dyDescent="0.4">
      <c r="A831">
        <v>484</v>
      </c>
      <c r="B831">
        <v>0</v>
      </c>
      <c r="C831">
        <v>184</v>
      </c>
      <c r="D831" t="s">
        <v>88</v>
      </c>
      <c r="E831" s="1">
        <v>44599.876388888886</v>
      </c>
    </row>
    <row r="832" spans="1:5" x14ac:dyDescent="0.4">
      <c r="A832">
        <v>485</v>
      </c>
      <c r="B832">
        <v>0</v>
      </c>
      <c r="C832">
        <v>185</v>
      </c>
      <c r="D832" t="s">
        <v>88</v>
      </c>
      <c r="E832" s="1">
        <v>44599.876388888886</v>
      </c>
    </row>
    <row r="833" spans="1:5" x14ac:dyDescent="0.4">
      <c r="A833">
        <v>486</v>
      </c>
      <c r="B833">
        <v>0</v>
      </c>
      <c r="C833">
        <v>186</v>
      </c>
      <c r="D833" t="s">
        <v>88</v>
      </c>
      <c r="E833" s="1">
        <v>44599.876388888886</v>
      </c>
    </row>
    <row r="834" spans="1:5" x14ac:dyDescent="0.4">
      <c r="A834">
        <v>487</v>
      </c>
      <c r="B834">
        <v>0</v>
      </c>
      <c r="C834">
        <v>190</v>
      </c>
      <c r="D834" t="s">
        <v>88</v>
      </c>
      <c r="E834" s="1">
        <v>44599.876388888886</v>
      </c>
    </row>
    <row r="835" spans="1:5" x14ac:dyDescent="0.4">
      <c r="A835">
        <v>488</v>
      </c>
      <c r="B835">
        <v>0</v>
      </c>
      <c r="C835">
        <v>191</v>
      </c>
      <c r="D835" t="s">
        <v>88</v>
      </c>
      <c r="E835" s="1">
        <v>44599.876388888886</v>
      </c>
    </row>
    <row r="836" spans="1:5" x14ac:dyDescent="0.4">
      <c r="A836">
        <v>489</v>
      </c>
      <c r="B836">
        <v>0</v>
      </c>
      <c r="C836">
        <v>192</v>
      </c>
      <c r="D836" t="s">
        <v>88</v>
      </c>
      <c r="E836" s="1">
        <v>44599.876388888886</v>
      </c>
    </row>
    <row r="837" spans="1:5" x14ac:dyDescent="0.4">
      <c r="A837">
        <v>490</v>
      </c>
      <c r="B837">
        <v>0</v>
      </c>
      <c r="C837">
        <v>193</v>
      </c>
      <c r="D837" t="s">
        <v>88</v>
      </c>
      <c r="E837" s="1">
        <v>44599.876388888886</v>
      </c>
    </row>
    <row r="838" spans="1:5" x14ac:dyDescent="0.4">
      <c r="A838">
        <v>491</v>
      </c>
      <c r="B838">
        <v>0</v>
      </c>
      <c r="C838">
        <v>194</v>
      </c>
      <c r="D838" t="s">
        <v>88</v>
      </c>
      <c r="E838" s="1">
        <v>44599.876388888886</v>
      </c>
    </row>
    <row r="839" spans="1:5" x14ac:dyDescent="0.4">
      <c r="A839">
        <v>492</v>
      </c>
      <c r="B839">
        <v>0</v>
      </c>
      <c r="C839">
        <v>195</v>
      </c>
      <c r="D839" t="s">
        <v>88</v>
      </c>
      <c r="E839" s="1">
        <v>44599.876388888886</v>
      </c>
    </row>
    <row r="840" spans="1:5" x14ac:dyDescent="0.4">
      <c r="A840">
        <v>493</v>
      </c>
      <c r="B840">
        <v>0</v>
      </c>
      <c r="C840">
        <v>301</v>
      </c>
      <c r="D840" t="s">
        <v>88</v>
      </c>
      <c r="E840" s="1">
        <v>44599.876388888886</v>
      </c>
    </row>
    <row r="841" spans="1:5" x14ac:dyDescent="0.4">
      <c r="A841">
        <v>494</v>
      </c>
      <c r="B841">
        <v>0</v>
      </c>
      <c r="C841">
        <v>302</v>
      </c>
      <c r="D841" t="s">
        <v>88</v>
      </c>
      <c r="E841" s="1">
        <v>44599.876388888886</v>
      </c>
    </row>
    <row r="842" spans="1:5" x14ac:dyDescent="0.4">
      <c r="A842">
        <v>495</v>
      </c>
      <c r="B842">
        <v>0</v>
      </c>
      <c r="C842">
        <v>321</v>
      </c>
      <c r="D842" t="s">
        <v>88</v>
      </c>
      <c r="E842" s="1">
        <v>44599.876388888886</v>
      </c>
    </row>
    <row r="843" spans="1:5" x14ac:dyDescent="0.4">
      <c r="A843">
        <v>496</v>
      </c>
      <c r="B843">
        <v>0</v>
      </c>
      <c r="C843">
        <v>322</v>
      </c>
      <c r="D843" t="s">
        <v>88</v>
      </c>
      <c r="E843" s="1">
        <v>44599.876388888886</v>
      </c>
    </row>
    <row r="844" spans="1:5" x14ac:dyDescent="0.4">
      <c r="A844">
        <v>497</v>
      </c>
      <c r="B844">
        <v>0</v>
      </c>
      <c r="C844">
        <v>323</v>
      </c>
      <c r="D844" t="s">
        <v>88</v>
      </c>
      <c r="E844" s="1">
        <v>44599.876388888886</v>
      </c>
    </row>
    <row r="845" spans="1:5" x14ac:dyDescent="0.4">
      <c r="A845">
        <v>498</v>
      </c>
      <c r="B845">
        <v>0</v>
      </c>
      <c r="C845">
        <v>324</v>
      </c>
      <c r="D845" t="s">
        <v>88</v>
      </c>
      <c r="E845" s="1">
        <v>44599.876388888886</v>
      </c>
    </row>
    <row r="846" spans="1:5" x14ac:dyDescent="0.4">
      <c r="A846">
        <v>499</v>
      </c>
      <c r="B846">
        <v>0</v>
      </c>
      <c r="C846">
        <v>325</v>
      </c>
      <c r="D846" t="s">
        <v>88</v>
      </c>
      <c r="E846" s="1">
        <v>44599.876388888886</v>
      </c>
    </row>
    <row r="847" spans="1:5" x14ac:dyDescent="0.4">
      <c r="A847">
        <v>500</v>
      </c>
      <c r="B847">
        <v>0</v>
      </c>
      <c r="C847">
        <v>326</v>
      </c>
      <c r="D847" t="s">
        <v>88</v>
      </c>
      <c r="E847" s="1">
        <v>44599.876388888886</v>
      </c>
    </row>
    <row r="848" spans="1:5" x14ac:dyDescent="0.4">
      <c r="A848">
        <v>501</v>
      </c>
      <c r="B848">
        <v>0</v>
      </c>
      <c r="C848">
        <v>327</v>
      </c>
      <c r="D848" t="s">
        <v>88</v>
      </c>
      <c r="E848" s="1">
        <v>44599.876388888886</v>
      </c>
    </row>
    <row r="849" spans="1:5" x14ac:dyDescent="0.4">
      <c r="A849">
        <v>502</v>
      </c>
      <c r="B849">
        <v>0</v>
      </c>
      <c r="C849">
        <v>328</v>
      </c>
      <c r="D849" t="s">
        <v>88</v>
      </c>
      <c r="E849" s="1">
        <v>44599.876388888886</v>
      </c>
    </row>
    <row r="850" spans="1:5" x14ac:dyDescent="0.4">
      <c r="A850">
        <v>503</v>
      </c>
      <c r="B850">
        <v>0</v>
      </c>
      <c r="C850">
        <v>329</v>
      </c>
      <c r="D850" t="s">
        <v>88</v>
      </c>
      <c r="E850" s="1">
        <v>44599.876388888886</v>
      </c>
    </row>
    <row r="851" spans="1:5" x14ac:dyDescent="0.4">
      <c r="A851">
        <v>504</v>
      </c>
      <c r="B851">
        <v>0</v>
      </c>
      <c r="C851">
        <v>330</v>
      </c>
      <c r="D851" t="s">
        <v>88</v>
      </c>
      <c r="E851" s="1">
        <v>44599.876388888886</v>
      </c>
    </row>
    <row r="852" spans="1:5" x14ac:dyDescent="0.4">
      <c r="A852">
        <v>505</v>
      </c>
      <c r="B852">
        <v>0</v>
      </c>
      <c r="C852">
        <v>331</v>
      </c>
      <c r="D852" t="s">
        <v>88</v>
      </c>
      <c r="E852" s="1">
        <v>44599.876388888886</v>
      </c>
    </row>
    <row r="853" spans="1:5" x14ac:dyDescent="0.4">
      <c r="A853">
        <v>506</v>
      </c>
      <c r="B853">
        <v>0</v>
      </c>
      <c r="C853">
        <v>332</v>
      </c>
      <c r="D853" t="s">
        <v>88</v>
      </c>
      <c r="E853" s="1">
        <v>44599.876388888886</v>
      </c>
    </row>
    <row r="854" spans="1:5" x14ac:dyDescent="0.4">
      <c r="A854">
        <v>507</v>
      </c>
      <c r="B854">
        <v>0</v>
      </c>
      <c r="C854">
        <v>333</v>
      </c>
      <c r="D854" t="s">
        <v>88</v>
      </c>
      <c r="E854" s="1">
        <v>44599.876388888886</v>
      </c>
    </row>
    <row r="855" spans="1:5" x14ac:dyDescent="0.4">
      <c r="A855">
        <v>508</v>
      </c>
      <c r="B855">
        <v>0</v>
      </c>
      <c r="C855">
        <v>341</v>
      </c>
      <c r="D855" t="s">
        <v>88</v>
      </c>
      <c r="E855" s="1">
        <v>44599.876388888886</v>
      </c>
    </row>
    <row r="856" spans="1:5" x14ac:dyDescent="0.4">
      <c r="A856">
        <v>509</v>
      </c>
      <c r="B856">
        <v>0</v>
      </c>
      <c r="C856">
        <v>342</v>
      </c>
      <c r="D856" t="s">
        <v>88</v>
      </c>
      <c r="E856" s="1">
        <v>44599.876388888886</v>
      </c>
    </row>
    <row r="857" spans="1:5" x14ac:dyDescent="0.4">
      <c r="A857">
        <v>510</v>
      </c>
      <c r="B857">
        <v>0</v>
      </c>
      <c r="C857">
        <v>343</v>
      </c>
      <c r="D857" t="s">
        <v>88</v>
      </c>
      <c r="E857" s="1">
        <v>44599.876388888886</v>
      </c>
    </row>
    <row r="858" spans="1:5" x14ac:dyDescent="0.4">
      <c r="A858">
        <v>511</v>
      </c>
      <c r="B858">
        <v>0</v>
      </c>
      <c r="C858">
        <v>344</v>
      </c>
      <c r="D858" t="s">
        <v>88</v>
      </c>
      <c r="E858" s="1">
        <v>44599.876388888886</v>
      </c>
    </row>
    <row r="859" spans="1:5" x14ac:dyDescent="0.4">
      <c r="A859">
        <v>512</v>
      </c>
      <c r="B859">
        <v>0</v>
      </c>
      <c r="C859">
        <v>345</v>
      </c>
      <c r="D859" t="s">
        <v>88</v>
      </c>
      <c r="E859" s="1">
        <v>44599.876388888886</v>
      </c>
    </row>
    <row r="860" spans="1:5" x14ac:dyDescent="0.4">
      <c r="A860">
        <v>513</v>
      </c>
      <c r="B860">
        <v>0</v>
      </c>
      <c r="C860">
        <v>346</v>
      </c>
      <c r="D860" t="s">
        <v>88</v>
      </c>
      <c r="E860" s="1">
        <v>44599.876388888886</v>
      </c>
    </row>
    <row r="861" spans="1:5" x14ac:dyDescent="0.4">
      <c r="A861">
        <v>514</v>
      </c>
      <c r="B861">
        <v>0</v>
      </c>
      <c r="C861">
        <v>361</v>
      </c>
      <c r="D861" t="s">
        <v>88</v>
      </c>
      <c r="E861" s="1">
        <v>44599.876388888886</v>
      </c>
    </row>
    <row r="862" spans="1:5" x14ac:dyDescent="0.4">
      <c r="A862">
        <v>515</v>
      </c>
      <c r="B862">
        <v>0</v>
      </c>
      <c r="C862">
        <v>362</v>
      </c>
      <c r="D862" t="s">
        <v>88</v>
      </c>
      <c r="E862" s="1">
        <v>44599.876388888886</v>
      </c>
    </row>
    <row r="863" spans="1:5" x14ac:dyDescent="0.4">
      <c r="A863">
        <v>516</v>
      </c>
      <c r="B863">
        <v>0</v>
      </c>
      <c r="C863">
        <v>363</v>
      </c>
      <c r="D863" t="s">
        <v>88</v>
      </c>
      <c r="E863" s="1">
        <v>44599.876388888886</v>
      </c>
    </row>
    <row r="864" spans="1:5" x14ac:dyDescent="0.4">
      <c r="A864">
        <v>517</v>
      </c>
      <c r="B864">
        <v>0</v>
      </c>
      <c r="C864">
        <v>364</v>
      </c>
      <c r="D864" t="s">
        <v>88</v>
      </c>
      <c r="E864" s="1">
        <v>44599.876388888886</v>
      </c>
    </row>
    <row r="865" spans="1:5" x14ac:dyDescent="0.4">
      <c r="A865">
        <v>518</v>
      </c>
      <c r="B865">
        <v>0</v>
      </c>
      <c r="C865">
        <v>365</v>
      </c>
      <c r="D865" t="s">
        <v>88</v>
      </c>
      <c r="E865" s="1">
        <v>44599.876388888886</v>
      </c>
    </row>
    <row r="866" spans="1:5" x14ac:dyDescent="0.4">
      <c r="A866">
        <v>519</v>
      </c>
      <c r="B866">
        <v>0</v>
      </c>
      <c r="C866">
        <v>366</v>
      </c>
      <c r="D866" t="s">
        <v>88</v>
      </c>
      <c r="E866" s="1">
        <v>44599.876388888886</v>
      </c>
    </row>
    <row r="867" spans="1:5" x14ac:dyDescent="0.4">
      <c r="A867">
        <v>520</v>
      </c>
      <c r="B867">
        <v>0</v>
      </c>
      <c r="C867">
        <v>367</v>
      </c>
      <c r="D867" t="s">
        <v>88</v>
      </c>
      <c r="E867" s="1">
        <v>44599.876388888886</v>
      </c>
    </row>
    <row r="868" spans="1:5" x14ac:dyDescent="0.4">
      <c r="A868">
        <v>521</v>
      </c>
      <c r="B868">
        <v>0</v>
      </c>
      <c r="C868">
        <v>368</v>
      </c>
      <c r="D868" t="s">
        <v>88</v>
      </c>
      <c r="E868" s="1">
        <v>44599.876388888886</v>
      </c>
    </row>
    <row r="869" spans="1:5" x14ac:dyDescent="0.4">
      <c r="A869">
        <v>522</v>
      </c>
      <c r="B869">
        <v>0</v>
      </c>
      <c r="C869">
        <v>369</v>
      </c>
      <c r="D869" t="s">
        <v>88</v>
      </c>
      <c r="E869" s="1">
        <v>44599.876388888886</v>
      </c>
    </row>
    <row r="870" spans="1:5" x14ac:dyDescent="0.4">
      <c r="A870">
        <v>523</v>
      </c>
      <c r="B870">
        <v>0</v>
      </c>
      <c r="C870">
        <v>370</v>
      </c>
      <c r="D870" t="s">
        <v>88</v>
      </c>
      <c r="E870" s="1">
        <v>44599.876388888886</v>
      </c>
    </row>
    <row r="871" spans="1:5" x14ac:dyDescent="0.4">
      <c r="A871">
        <v>524</v>
      </c>
      <c r="B871">
        <v>0</v>
      </c>
      <c r="C871">
        <v>371</v>
      </c>
      <c r="D871" t="s">
        <v>88</v>
      </c>
      <c r="E871" s="1">
        <v>44599.876388888886</v>
      </c>
    </row>
    <row r="872" spans="1:5" x14ac:dyDescent="0.4">
      <c r="A872">
        <v>525</v>
      </c>
      <c r="B872">
        <v>0</v>
      </c>
      <c r="C872">
        <v>372</v>
      </c>
      <c r="D872" t="s">
        <v>88</v>
      </c>
      <c r="E872" s="1">
        <v>44599.876388888886</v>
      </c>
    </row>
    <row r="873" spans="1:5" x14ac:dyDescent="0.4">
      <c r="A873">
        <v>526</v>
      </c>
      <c r="B873">
        <v>0</v>
      </c>
      <c r="C873">
        <v>373</v>
      </c>
      <c r="D873" t="s">
        <v>88</v>
      </c>
      <c r="E873" s="1">
        <v>44599.876388888886</v>
      </c>
    </row>
    <row r="874" spans="1:5" x14ac:dyDescent="0.4">
      <c r="A874">
        <v>527</v>
      </c>
      <c r="B874">
        <v>0</v>
      </c>
      <c r="C874">
        <v>381</v>
      </c>
      <c r="D874" t="s">
        <v>88</v>
      </c>
      <c r="E874" s="1">
        <v>44599.876388888886</v>
      </c>
    </row>
    <row r="875" spans="1:5" x14ac:dyDescent="0.4">
      <c r="A875">
        <v>528</v>
      </c>
      <c r="B875">
        <v>0</v>
      </c>
      <c r="C875">
        <v>382</v>
      </c>
      <c r="D875" t="s">
        <v>88</v>
      </c>
      <c r="E875" s="1">
        <v>44599.876388888886</v>
      </c>
    </row>
    <row r="876" spans="1:5" x14ac:dyDescent="0.4">
      <c r="A876">
        <v>529</v>
      </c>
      <c r="B876">
        <v>0</v>
      </c>
      <c r="C876">
        <v>383</v>
      </c>
      <c r="D876" t="s">
        <v>88</v>
      </c>
      <c r="E876" s="1">
        <v>44599.876388888886</v>
      </c>
    </row>
    <row r="877" spans="1:5" x14ac:dyDescent="0.4">
      <c r="A877">
        <v>530</v>
      </c>
      <c r="B877">
        <v>0</v>
      </c>
      <c r="C877">
        <v>384</v>
      </c>
      <c r="D877" t="s">
        <v>88</v>
      </c>
      <c r="E877" s="1">
        <v>44599.876388888886</v>
      </c>
    </row>
    <row r="878" spans="1:5" x14ac:dyDescent="0.4">
      <c r="A878">
        <v>531</v>
      </c>
      <c r="B878">
        <v>0</v>
      </c>
      <c r="C878">
        <v>385</v>
      </c>
      <c r="D878" t="s">
        <v>88</v>
      </c>
      <c r="E878" s="1">
        <v>44599.876388888886</v>
      </c>
    </row>
    <row r="879" spans="1:5" x14ac:dyDescent="0.4">
      <c r="A879">
        <v>532</v>
      </c>
      <c r="B879">
        <v>0</v>
      </c>
      <c r="C879">
        <v>386</v>
      </c>
      <c r="D879" t="s">
        <v>88</v>
      </c>
      <c r="E879" s="1">
        <v>44599.876388888886</v>
      </c>
    </row>
    <row r="880" spans="1:5" x14ac:dyDescent="0.4">
      <c r="A880">
        <v>533</v>
      </c>
      <c r="B880">
        <v>0</v>
      </c>
      <c r="C880">
        <v>391</v>
      </c>
      <c r="D880" t="s">
        <v>88</v>
      </c>
      <c r="E880" s="1">
        <v>44599.876388888886</v>
      </c>
    </row>
    <row r="881" spans="1:5" x14ac:dyDescent="0.4">
      <c r="A881">
        <v>534</v>
      </c>
      <c r="B881">
        <v>0</v>
      </c>
      <c r="C881">
        <v>392</v>
      </c>
      <c r="D881" t="s">
        <v>88</v>
      </c>
      <c r="E881" s="1">
        <v>44599.876388888886</v>
      </c>
    </row>
    <row r="882" spans="1:5" x14ac:dyDescent="0.4">
      <c r="A882">
        <v>535</v>
      </c>
      <c r="B882">
        <v>0</v>
      </c>
      <c r="C882">
        <v>393</v>
      </c>
      <c r="D882" t="s">
        <v>88</v>
      </c>
      <c r="E882" s="1">
        <v>44599.876388888886</v>
      </c>
    </row>
    <row r="883" spans="1:5" x14ac:dyDescent="0.4">
      <c r="A883">
        <v>536</v>
      </c>
      <c r="B883">
        <v>0</v>
      </c>
      <c r="C883">
        <v>395</v>
      </c>
      <c r="D883" t="s">
        <v>88</v>
      </c>
      <c r="E883" s="1">
        <v>44599.876388888886</v>
      </c>
    </row>
    <row r="884" spans="1:5" x14ac:dyDescent="0.4">
      <c r="A884">
        <v>537</v>
      </c>
      <c r="B884">
        <v>0</v>
      </c>
      <c r="C884">
        <v>396</v>
      </c>
      <c r="D884" t="s">
        <v>88</v>
      </c>
      <c r="E884" s="1">
        <v>44599.876388888886</v>
      </c>
    </row>
    <row r="885" spans="1:5" x14ac:dyDescent="0.4">
      <c r="A885">
        <v>538</v>
      </c>
      <c r="B885">
        <v>0</v>
      </c>
      <c r="C885">
        <v>401</v>
      </c>
      <c r="D885" t="s">
        <v>88</v>
      </c>
      <c r="E885" s="1">
        <v>44599.876388888886</v>
      </c>
    </row>
    <row r="886" spans="1:5" x14ac:dyDescent="0.4">
      <c r="A886">
        <v>539</v>
      </c>
      <c r="B886">
        <v>0</v>
      </c>
      <c r="C886">
        <v>402</v>
      </c>
      <c r="D886" t="s">
        <v>88</v>
      </c>
      <c r="E886" s="1">
        <v>44599.876388888886</v>
      </c>
    </row>
    <row r="887" spans="1:5" x14ac:dyDescent="0.4">
      <c r="A887">
        <v>540</v>
      </c>
      <c r="B887">
        <v>0</v>
      </c>
      <c r="C887">
        <v>403</v>
      </c>
      <c r="D887" t="s">
        <v>88</v>
      </c>
      <c r="E887" s="1">
        <v>44599.876388888886</v>
      </c>
    </row>
    <row r="888" spans="1:5" x14ac:dyDescent="0.4">
      <c r="A888">
        <v>541</v>
      </c>
      <c r="B888">
        <v>0</v>
      </c>
      <c r="C888">
        <v>404</v>
      </c>
      <c r="D888" t="s">
        <v>88</v>
      </c>
      <c r="E888" s="1">
        <v>44599.876388888886</v>
      </c>
    </row>
    <row r="889" spans="1:5" x14ac:dyDescent="0.4">
      <c r="A889">
        <v>542</v>
      </c>
      <c r="B889">
        <v>0</v>
      </c>
      <c r="C889">
        <v>405</v>
      </c>
      <c r="D889" t="s">
        <v>88</v>
      </c>
      <c r="E889" s="1">
        <v>44599.876388888886</v>
      </c>
    </row>
    <row r="890" spans="1:5" x14ac:dyDescent="0.4">
      <c r="A890">
        <v>543</v>
      </c>
      <c r="B890">
        <v>0</v>
      </c>
      <c r="C890">
        <v>406</v>
      </c>
      <c r="D890" t="s">
        <v>88</v>
      </c>
      <c r="E890" s="1">
        <v>44599.876388888886</v>
      </c>
    </row>
    <row r="891" spans="1:5" x14ac:dyDescent="0.4">
      <c r="A891">
        <v>544</v>
      </c>
      <c r="B891">
        <v>0</v>
      </c>
      <c r="C891">
        <v>411</v>
      </c>
      <c r="D891" t="s">
        <v>88</v>
      </c>
      <c r="E891" s="1">
        <v>44599.876388888886</v>
      </c>
    </row>
    <row r="892" spans="1:5" x14ac:dyDescent="0.4">
      <c r="A892">
        <v>545</v>
      </c>
      <c r="B892">
        <v>0</v>
      </c>
      <c r="C892">
        <v>412</v>
      </c>
      <c r="D892" t="s">
        <v>88</v>
      </c>
      <c r="E892" s="1">
        <v>44599.876388888886</v>
      </c>
    </row>
    <row r="893" spans="1:5" x14ac:dyDescent="0.4">
      <c r="A893">
        <v>546</v>
      </c>
      <c r="B893">
        <v>0</v>
      </c>
      <c r="C893">
        <v>413</v>
      </c>
      <c r="D893" t="s">
        <v>88</v>
      </c>
      <c r="E893" s="1">
        <v>44599.876388888886</v>
      </c>
    </row>
    <row r="894" spans="1:5" x14ac:dyDescent="0.4">
      <c r="A894">
        <v>547</v>
      </c>
      <c r="B894">
        <v>0</v>
      </c>
      <c r="C894">
        <v>414</v>
      </c>
      <c r="D894" t="s">
        <v>88</v>
      </c>
      <c r="E894" s="1">
        <v>44599.876388888886</v>
      </c>
    </row>
    <row r="895" spans="1:5" x14ac:dyDescent="0.4">
      <c r="A895">
        <v>548</v>
      </c>
      <c r="B895">
        <v>0</v>
      </c>
      <c r="C895">
        <v>421</v>
      </c>
      <c r="D895" t="s">
        <v>88</v>
      </c>
      <c r="E895" s="1">
        <v>44599.876388888886</v>
      </c>
    </row>
    <row r="896" spans="1:5" x14ac:dyDescent="0.4">
      <c r="A896">
        <v>549</v>
      </c>
      <c r="B896">
        <v>0</v>
      </c>
      <c r="C896">
        <v>422</v>
      </c>
      <c r="D896" t="s">
        <v>88</v>
      </c>
      <c r="E896" s="1">
        <v>44599.876388888886</v>
      </c>
    </row>
    <row r="897" spans="1:5" x14ac:dyDescent="0.4">
      <c r="A897">
        <v>550</v>
      </c>
      <c r="B897">
        <v>0</v>
      </c>
      <c r="C897">
        <v>431</v>
      </c>
      <c r="D897" t="s">
        <v>88</v>
      </c>
      <c r="E897" s="1">
        <v>44599.876388888886</v>
      </c>
    </row>
    <row r="898" spans="1:5" x14ac:dyDescent="0.4">
      <c r="A898">
        <v>551</v>
      </c>
      <c r="B898">
        <v>0</v>
      </c>
      <c r="C898">
        <v>432</v>
      </c>
      <c r="D898" t="s">
        <v>88</v>
      </c>
      <c r="E898" s="1">
        <v>44599.876388888886</v>
      </c>
    </row>
    <row r="899" spans="1:5" x14ac:dyDescent="0.4">
      <c r="A899">
        <v>552</v>
      </c>
      <c r="B899">
        <v>0</v>
      </c>
      <c r="C899">
        <v>433</v>
      </c>
      <c r="D899" t="s">
        <v>88</v>
      </c>
      <c r="E899" s="1">
        <v>44599.876388888886</v>
      </c>
    </row>
    <row r="900" spans="1:5" x14ac:dyDescent="0.4">
      <c r="A900">
        <v>553</v>
      </c>
      <c r="B900">
        <v>0</v>
      </c>
      <c r="C900">
        <v>1</v>
      </c>
      <c r="D900" t="s">
        <v>88</v>
      </c>
      <c r="E900" s="1">
        <v>44599.881944444445</v>
      </c>
    </row>
    <row r="901" spans="1:5" x14ac:dyDescent="0.4">
      <c r="A901">
        <v>554</v>
      </c>
      <c r="B901">
        <v>0</v>
      </c>
      <c r="C901">
        <v>2</v>
      </c>
      <c r="D901" t="s">
        <v>88</v>
      </c>
      <c r="E901" s="1">
        <v>44599.881944444445</v>
      </c>
    </row>
    <row r="902" spans="1:5" x14ac:dyDescent="0.4">
      <c r="A902">
        <v>555</v>
      </c>
      <c r="B902">
        <v>0</v>
      </c>
      <c r="C902">
        <v>3</v>
      </c>
      <c r="D902" t="s">
        <v>88</v>
      </c>
      <c r="E902" s="1">
        <v>44599.881944444445</v>
      </c>
    </row>
    <row r="903" spans="1:5" x14ac:dyDescent="0.4">
      <c r="A903">
        <v>556</v>
      </c>
      <c r="B903">
        <v>0</v>
      </c>
      <c r="C903">
        <v>4</v>
      </c>
      <c r="D903" t="s">
        <v>88</v>
      </c>
      <c r="E903" s="1">
        <v>44599.881944444445</v>
      </c>
    </row>
    <row r="904" spans="1:5" x14ac:dyDescent="0.4">
      <c r="A904">
        <v>557</v>
      </c>
      <c r="B904">
        <v>0</v>
      </c>
      <c r="C904">
        <v>5</v>
      </c>
      <c r="D904" t="s">
        <v>88</v>
      </c>
      <c r="E904" s="1">
        <v>44599.881944444445</v>
      </c>
    </row>
    <row r="905" spans="1:5" x14ac:dyDescent="0.4">
      <c r="A905">
        <v>558</v>
      </c>
      <c r="B905">
        <v>0</v>
      </c>
      <c r="C905">
        <v>11</v>
      </c>
      <c r="D905" t="s">
        <v>88</v>
      </c>
      <c r="E905" s="1">
        <v>44599.881944444445</v>
      </c>
    </row>
    <row r="906" spans="1:5" x14ac:dyDescent="0.4">
      <c r="A906">
        <v>559</v>
      </c>
      <c r="B906">
        <v>0</v>
      </c>
      <c r="C906">
        <v>12</v>
      </c>
      <c r="D906" t="s">
        <v>88</v>
      </c>
      <c r="E906" s="1">
        <v>44599.881944444445</v>
      </c>
    </row>
    <row r="907" spans="1:5" x14ac:dyDescent="0.4">
      <c r="A907">
        <v>560</v>
      </c>
      <c r="B907">
        <v>0</v>
      </c>
      <c r="C907">
        <v>15</v>
      </c>
      <c r="D907" t="s">
        <v>88</v>
      </c>
      <c r="E907" s="1">
        <v>44599.881944444445</v>
      </c>
    </row>
    <row r="908" spans="1:5" x14ac:dyDescent="0.4">
      <c r="A908">
        <v>561</v>
      </c>
      <c r="B908">
        <v>0</v>
      </c>
      <c r="C908">
        <v>16</v>
      </c>
      <c r="D908" t="s">
        <v>88</v>
      </c>
      <c r="E908" s="1">
        <v>44599.881944444445</v>
      </c>
    </row>
    <row r="909" spans="1:5" x14ac:dyDescent="0.4">
      <c r="A909">
        <v>562</v>
      </c>
      <c r="B909">
        <v>0</v>
      </c>
      <c r="C909">
        <v>17</v>
      </c>
      <c r="D909" t="s">
        <v>88</v>
      </c>
      <c r="E909" s="1">
        <v>44599.881944444445</v>
      </c>
    </row>
    <row r="910" spans="1:5" x14ac:dyDescent="0.4">
      <c r="A910">
        <v>563</v>
      </c>
      <c r="B910">
        <v>0</v>
      </c>
      <c r="C910">
        <v>21</v>
      </c>
      <c r="D910" t="s">
        <v>88</v>
      </c>
      <c r="E910" s="1">
        <v>44599.881944444445</v>
      </c>
    </row>
    <row r="911" spans="1:5" x14ac:dyDescent="0.4">
      <c r="A911">
        <v>564</v>
      </c>
      <c r="B911">
        <v>0</v>
      </c>
      <c r="C911">
        <v>22</v>
      </c>
      <c r="D911" t="s">
        <v>88</v>
      </c>
      <c r="E911" s="1">
        <v>44599.881944444445</v>
      </c>
    </row>
    <row r="912" spans="1:5" x14ac:dyDescent="0.4">
      <c r="A912">
        <v>565</v>
      </c>
      <c r="B912">
        <v>0</v>
      </c>
      <c r="C912">
        <v>23</v>
      </c>
      <c r="D912" t="s">
        <v>88</v>
      </c>
      <c r="E912" s="1">
        <v>44599.881944444445</v>
      </c>
    </row>
    <row r="913" spans="1:5" x14ac:dyDescent="0.4">
      <c r="A913">
        <v>566</v>
      </c>
      <c r="B913">
        <v>0</v>
      </c>
      <c r="C913">
        <v>24</v>
      </c>
      <c r="D913" t="s">
        <v>88</v>
      </c>
      <c r="E913" s="1">
        <v>44599.881944444445</v>
      </c>
    </row>
    <row r="914" spans="1:5" x14ac:dyDescent="0.4">
      <c r="A914">
        <v>567</v>
      </c>
      <c r="B914">
        <v>0</v>
      </c>
      <c r="C914">
        <v>25</v>
      </c>
      <c r="D914" t="s">
        <v>88</v>
      </c>
      <c r="E914" s="1">
        <v>44599.881944444445</v>
      </c>
    </row>
    <row r="915" spans="1:5" x14ac:dyDescent="0.4">
      <c r="A915">
        <v>568</v>
      </c>
      <c r="B915">
        <v>0</v>
      </c>
      <c r="C915">
        <v>26</v>
      </c>
      <c r="D915" t="s">
        <v>88</v>
      </c>
      <c r="E915" s="1">
        <v>44599.881944444445</v>
      </c>
    </row>
    <row r="916" spans="1:5" x14ac:dyDescent="0.4">
      <c r="A916">
        <v>569</v>
      </c>
      <c r="B916">
        <v>0</v>
      </c>
      <c r="C916">
        <v>27</v>
      </c>
      <c r="D916" t="s">
        <v>88</v>
      </c>
      <c r="E916" s="1">
        <v>44599.881944444445</v>
      </c>
    </row>
    <row r="917" spans="1:5" x14ac:dyDescent="0.4">
      <c r="A917">
        <v>570</v>
      </c>
      <c r="B917">
        <v>0</v>
      </c>
      <c r="C917">
        <v>28</v>
      </c>
      <c r="D917" t="s">
        <v>88</v>
      </c>
      <c r="E917" s="1">
        <v>44599.881944444445</v>
      </c>
    </row>
    <row r="918" spans="1:5" x14ac:dyDescent="0.4">
      <c r="A918">
        <v>571</v>
      </c>
      <c r="B918">
        <v>0</v>
      </c>
      <c r="C918">
        <v>29</v>
      </c>
      <c r="D918" t="s">
        <v>88</v>
      </c>
      <c r="E918" s="1">
        <v>44599.881944444445</v>
      </c>
    </row>
    <row r="919" spans="1:5" x14ac:dyDescent="0.4">
      <c r="A919">
        <v>572</v>
      </c>
      <c r="B919">
        <v>0</v>
      </c>
      <c r="C919">
        <v>30</v>
      </c>
      <c r="D919" t="s">
        <v>88</v>
      </c>
      <c r="E919" s="1">
        <v>44599.881944444445</v>
      </c>
    </row>
    <row r="920" spans="1:5" x14ac:dyDescent="0.4">
      <c r="A920">
        <v>573</v>
      </c>
      <c r="B920">
        <v>0</v>
      </c>
      <c r="C920">
        <v>31</v>
      </c>
      <c r="D920" t="s">
        <v>88</v>
      </c>
      <c r="E920" s="1">
        <v>44599.881944444445</v>
      </c>
    </row>
    <row r="921" spans="1:5" x14ac:dyDescent="0.4">
      <c r="A921">
        <v>574</v>
      </c>
      <c r="B921">
        <v>0</v>
      </c>
      <c r="C921">
        <v>32</v>
      </c>
      <c r="D921" t="s">
        <v>88</v>
      </c>
      <c r="E921" s="1">
        <v>44599.881944444445</v>
      </c>
    </row>
    <row r="922" spans="1:5" x14ac:dyDescent="0.4">
      <c r="A922">
        <v>575</v>
      </c>
      <c r="B922">
        <v>0</v>
      </c>
      <c r="C922">
        <v>33</v>
      </c>
      <c r="D922" t="s">
        <v>88</v>
      </c>
      <c r="E922" s="1">
        <v>44599.881944444445</v>
      </c>
    </row>
    <row r="923" spans="1:5" x14ac:dyDescent="0.4">
      <c r="A923">
        <v>576</v>
      </c>
      <c r="B923">
        <v>0</v>
      </c>
      <c r="C923">
        <v>41</v>
      </c>
      <c r="D923" t="s">
        <v>88</v>
      </c>
      <c r="E923" s="1">
        <v>44599.881944444445</v>
      </c>
    </row>
    <row r="924" spans="1:5" x14ac:dyDescent="0.4">
      <c r="A924">
        <v>577</v>
      </c>
      <c r="B924">
        <v>0</v>
      </c>
      <c r="C924">
        <v>42</v>
      </c>
      <c r="D924" t="s">
        <v>88</v>
      </c>
      <c r="E924" s="1">
        <v>44599.881944444445</v>
      </c>
    </row>
    <row r="925" spans="1:5" x14ac:dyDescent="0.4">
      <c r="A925">
        <v>578</v>
      </c>
      <c r="B925">
        <v>0</v>
      </c>
      <c r="C925">
        <v>43</v>
      </c>
      <c r="D925" t="s">
        <v>88</v>
      </c>
      <c r="E925" s="1">
        <v>44599.881944444445</v>
      </c>
    </row>
    <row r="926" spans="1:5" x14ac:dyDescent="0.4">
      <c r="A926">
        <v>579</v>
      </c>
      <c r="B926">
        <v>0</v>
      </c>
      <c r="C926">
        <v>44</v>
      </c>
      <c r="D926" t="s">
        <v>88</v>
      </c>
      <c r="E926" s="1">
        <v>44599.881944444445</v>
      </c>
    </row>
    <row r="927" spans="1:5" x14ac:dyDescent="0.4">
      <c r="A927">
        <v>580</v>
      </c>
      <c r="B927">
        <v>0</v>
      </c>
      <c r="C927">
        <v>45</v>
      </c>
      <c r="D927" t="s">
        <v>88</v>
      </c>
      <c r="E927" s="1">
        <v>44599.881944444445</v>
      </c>
    </row>
    <row r="928" spans="1:5" x14ac:dyDescent="0.4">
      <c r="A928">
        <v>581</v>
      </c>
      <c r="B928">
        <v>0</v>
      </c>
      <c r="C928">
        <v>46</v>
      </c>
      <c r="D928" t="s">
        <v>88</v>
      </c>
      <c r="E928" s="1">
        <v>44599.881944444445</v>
      </c>
    </row>
    <row r="929" spans="1:5" x14ac:dyDescent="0.4">
      <c r="A929">
        <v>582</v>
      </c>
      <c r="B929">
        <v>0</v>
      </c>
      <c r="C929">
        <v>47</v>
      </c>
      <c r="D929" t="s">
        <v>88</v>
      </c>
      <c r="E929" s="1">
        <v>44599.881944444445</v>
      </c>
    </row>
    <row r="930" spans="1:5" x14ac:dyDescent="0.4">
      <c r="A930">
        <v>583</v>
      </c>
      <c r="B930">
        <v>0</v>
      </c>
      <c r="C930">
        <v>48</v>
      </c>
      <c r="D930" t="s">
        <v>88</v>
      </c>
      <c r="E930" s="1">
        <v>44599.881944444445</v>
      </c>
    </row>
    <row r="931" spans="1:5" x14ac:dyDescent="0.4">
      <c r="A931">
        <v>584</v>
      </c>
      <c r="B931">
        <v>0</v>
      </c>
      <c r="C931">
        <v>49</v>
      </c>
      <c r="D931" t="s">
        <v>88</v>
      </c>
      <c r="E931" s="1">
        <v>44599.881944444445</v>
      </c>
    </row>
    <row r="932" spans="1:5" x14ac:dyDescent="0.4">
      <c r="A932">
        <v>585</v>
      </c>
      <c r="B932">
        <v>0</v>
      </c>
      <c r="C932">
        <v>50</v>
      </c>
      <c r="D932" t="s">
        <v>88</v>
      </c>
      <c r="E932" s="1">
        <v>44599.881944444445</v>
      </c>
    </row>
    <row r="933" spans="1:5" x14ac:dyDescent="0.4">
      <c r="A933">
        <v>586</v>
      </c>
      <c r="B933">
        <v>0</v>
      </c>
      <c r="C933">
        <v>51</v>
      </c>
      <c r="D933" t="s">
        <v>88</v>
      </c>
      <c r="E933" s="1">
        <v>44599.881944444445</v>
      </c>
    </row>
    <row r="934" spans="1:5" x14ac:dyDescent="0.4">
      <c r="A934">
        <v>587</v>
      </c>
      <c r="B934">
        <v>0</v>
      </c>
      <c r="C934">
        <v>52</v>
      </c>
      <c r="D934" t="s">
        <v>88</v>
      </c>
      <c r="E934" s="1">
        <v>44599.881944444445</v>
      </c>
    </row>
    <row r="935" spans="1:5" x14ac:dyDescent="0.4">
      <c r="A935">
        <v>588</v>
      </c>
      <c r="B935">
        <v>0</v>
      </c>
      <c r="C935">
        <v>53</v>
      </c>
      <c r="D935" t="s">
        <v>88</v>
      </c>
      <c r="E935" s="1">
        <v>44599.881944444445</v>
      </c>
    </row>
    <row r="936" spans="1:5" x14ac:dyDescent="0.4">
      <c r="A936">
        <v>589</v>
      </c>
      <c r="B936">
        <v>0</v>
      </c>
      <c r="C936">
        <v>54</v>
      </c>
      <c r="D936" t="s">
        <v>88</v>
      </c>
      <c r="E936" s="1">
        <v>44599.881944444445</v>
      </c>
    </row>
    <row r="937" spans="1:5" x14ac:dyDescent="0.4">
      <c r="A937">
        <v>590</v>
      </c>
      <c r="B937">
        <v>0</v>
      </c>
      <c r="C937">
        <v>55</v>
      </c>
      <c r="D937" t="s">
        <v>88</v>
      </c>
      <c r="E937" s="1">
        <v>44599.881944444445</v>
      </c>
    </row>
    <row r="938" spans="1:5" x14ac:dyDescent="0.4">
      <c r="A938">
        <v>591</v>
      </c>
      <c r="B938">
        <v>0</v>
      </c>
      <c r="C938">
        <v>61</v>
      </c>
      <c r="D938" t="s">
        <v>88</v>
      </c>
      <c r="E938" s="1">
        <v>44599.881944444445</v>
      </c>
    </row>
    <row r="939" spans="1:5" x14ac:dyDescent="0.4">
      <c r="A939">
        <v>592</v>
      </c>
      <c r="B939">
        <v>0</v>
      </c>
      <c r="C939">
        <v>62</v>
      </c>
      <c r="D939" t="s">
        <v>88</v>
      </c>
      <c r="E939" s="1">
        <v>44599.881944444445</v>
      </c>
    </row>
    <row r="940" spans="1:5" x14ac:dyDescent="0.4">
      <c r="A940">
        <v>593</v>
      </c>
      <c r="B940">
        <v>0</v>
      </c>
      <c r="C940">
        <v>63</v>
      </c>
      <c r="D940" t="s">
        <v>88</v>
      </c>
      <c r="E940" s="1">
        <v>44599.881944444445</v>
      </c>
    </row>
    <row r="941" spans="1:5" x14ac:dyDescent="0.4">
      <c r="A941">
        <v>594</v>
      </c>
      <c r="B941">
        <v>0</v>
      </c>
      <c r="C941">
        <v>64</v>
      </c>
      <c r="D941" t="s">
        <v>88</v>
      </c>
      <c r="E941" s="1">
        <v>44599.881944444445</v>
      </c>
    </row>
    <row r="942" spans="1:5" x14ac:dyDescent="0.4">
      <c r="A942">
        <v>595</v>
      </c>
      <c r="B942">
        <v>0</v>
      </c>
      <c r="C942">
        <v>65</v>
      </c>
      <c r="D942" t="s">
        <v>88</v>
      </c>
      <c r="E942" s="1">
        <v>44599.881944444445</v>
      </c>
    </row>
    <row r="943" spans="1:5" x14ac:dyDescent="0.4">
      <c r="A943">
        <v>596</v>
      </c>
      <c r="B943">
        <v>0</v>
      </c>
      <c r="C943">
        <v>66</v>
      </c>
      <c r="D943" t="s">
        <v>88</v>
      </c>
      <c r="E943" s="1">
        <v>44599.881944444445</v>
      </c>
    </row>
    <row r="944" spans="1:5" x14ac:dyDescent="0.4">
      <c r="A944">
        <v>597</v>
      </c>
      <c r="B944">
        <v>0</v>
      </c>
      <c r="C944">
        <v>67</v>
      </c>
      <c r="D944" t="s">
        <v>88</v>
      </c>
      <c r="E944" s="1">
        <v>44599.881944444445</v>
      </c>
    </row>
    <row r="945" spans="1:5" x14ac:dyDescent="0.4">
      <c r="A945">
        <v>598</v>
      </c>
      <c r="B945">
        <v>0</v>
      </c>
      <c r="C945">
        <v>68</v>
      </c>
      <c r="D945" t="s">
        <v>88</v>
      </c>
      <c r="E945" s="1">
        <v>44599.881944444445</v>
      </c>
    </row>
    <row r="946" spans="1:5" x14ac:dyDescent="0.4">
      <c r="A946">
        <v>599</v>
      </c>
      <c r="B946">
        <v>0</v>
      </c>
      <c r="C946">
        <v>69</v>
      </c>
      <c r="D946" t="s">
        <v>88</v>
      </c>
      <c r="E946" s="1">
        <v>44599.881944444445</v>
      </c>
    </row>
    <row r="947" spans="1:5" x14ac:dyDescent="0.4">
      <c r="A947">
        <v>600</v>
      </c>
      <c r="B947">
        <v>0</v>
      </c>
      <c r="C947">
        <v>70</v>
      </c>
      <c r="D947" t="s">
        <v>88</v>
      </c>
      <c r="E947" s="1">
        <v>44599.881944444445</v>
      </c>
    </row>
    <row r="948" spans="1:5" x14ac:dyDescent="0.4">
      <c r="A948">
        <v>601</v>
      </c>
      <c r="B948">
        <v>0</v>
      </c>
      <c r="C948">
        <v>71</v>
      </c>
      <c r="D948" t="s">
        <v>88</v>
      </c>
      <c r="E948" s="1">
        <v>44599.881944444445</v>
      </c>
    </row>
    <row r="949" spans="1:5" x14ac:dyDescent="0.4">
      <c r="A949">
        <v>602</v>
      </c>
      <c r="B949">
        <v>0</v>
      </c>
      <c r="C949">
        <v>72</v>
      </c>
      <c r="D949" t="s">
        <v>88</v>
      </c>
      <c r="E949" s="1">
        <v>44599.881944444445</v>
      </c>
    </row>
    <row r="950" spans="1:5" x14ac:dyDescent="0.4">
      <c r="A950">
        <v>603</v>
      </c>
      <c r="B950">
        <v>0</v>
      </c>
      <c r="C950">
        <v>73</v>
      </c>
      <c r="D950" t="s">
        <v>88</v>
      </c>
      <c r="E950" s="1">
        <v>44599.881944444445</v>
      </c>
    </row>
    <row r="951" spans="1:5" x14ac:dyDescent="0.4">
      <c r="A951">
        <v>604</v>
      </c>
      <c r="B951">
        <v>0</v>
      </c>
      <c r="C951">
        <v>74</v>
      </c>
      <c r="D951" t="s">
        <v>88</v>
      </c>
      <c r="E951" s="1">
        <v>44599.881944444445</v>
      </c>
    </row>
    <row r="952" spans="1:5" x14ac:dyDescent="0.4">
      <c r="A952">
        <v>605</v>
      </c>
      <c r="B952">
        <v>0</v>
      </c>
      <c r="C952">
        <v>75</v>
      </c>
      <c r="D952" t="s">
        <v>88</v>
      </c>
      <c r="E952" s="1">
        <v>44599.881944444445</v>
      </c>
    </row>
    <row r="953" spans="1:5" x14ac:dyDescent="0.4">
      <c r="A953">
        <v>606</v>
      </c>
      <c r="B953">
        <v>0</v>
      </c>
      <c r="C953">
        <v>76</v>
      </c>
      <c r="D953" t="s">
        <v>88</v>
      </c>
      <c r="E953" s="1">
        <v>44599.881944444445</v>
      </c>
    </row>
    <row r="954" spans="1:5" x14ac:dyDescent="0.4">
      <c r="A954">
        <v>607</v>
      </c>
      <c r="B954">
        <v>0</v>
      </c>
      <c r="C954">
        <v>77</v>
      </c>
      <c r="D954" t="s">
        <v>88</v>
      </c>
      <c r="E954" s="1">
        <v>44599.881944444445</v>
      </c>
    </row>
    <row r="955" spans="1:5" x14ac:dyDescent="0.4">
      <c r="A955">
        <v>608</v>
      </c>
      <c r="B955">
        <v>0</v>
      </c>
      <c r="C955">
        <v>78</v>
      </c>
      <c r="D955" t="s">
        <v>88</v>
      </c>
      <c r="E955" s="1">
        <v>44599.881944444445</v>
      </c>
    </row>
    <row r="956" spans="1:5" x14ac:dyDescent="0.4">
      <c r="A956">
        <v>609</v>
      </c>
      <c r="B956">
        <v>0</v>
      </c>
      <c r="C956">
        <v>79</v>
      </c>
      <c r="D956" t="s">
        <v>88</v>
      </c>
      <c r="E956" s="1">
        <v>44599.881944444445</v>
      </c>
    </row>
    <row r="957" spans="1:5" x14ac:dyDescent="0.4">
      <c r="A957">
        <v>610</v>
      </c>
      <c r="B957">
        <v>0</v>
      </c>
      <c r="C957">
        <v>91</v>
      </c>
      <c r="D957" t="s">
        <v>88</v>
      </c>
      <c r="E957" s="1">
        <v>44599.881944444445</v>
      </c>
    </row>
    <row r="958" spans="1:5" x14ac:dyDescent="0.4">
      <c r="A958">
        <v>611</v>
      </c>
      <c r="B958">
        <v>0</v>
      </c>
      <c r="C958">
        <v>92</v>
      </c>
      <c r="D958" t="s">
        <v>88</v>
      </c>
      <c r="E958" s="1">
        <v>44599.881944444445</v>
      </c>
    </row>
    <row r="959" spans="1:5" x14ac:dyDescent="0.4">
      <c r="A959">
        <v>612</v>
      </c>
      <c r="B959">
        <v>0</v>
      </c>
      <c r="C959">
        <v>93</v>
      </c>
      <c r="D959" t="s">
        <v>88</v>
      </c>
      <c r="E959" s="1">
        <v>44599.881944444445</v>
      </c>
    </row>
    <row r="960" spans="1:5" x14ac:dyDescent="0.4">
      <c r="A960">
        <v>613</v>
      </c>
      <c r="B960">
        <v>0</v>
      </c>
      <c r="C960">
        <v>94</v>
      </c>
      <c r="D960" t="s">
        <v>88</v>
      </c>
      <c r="E960" s="1">
        <v>44599.881944444445</v>
      </c>
    </row>
    <row r="961" spans="1:5" x14ac:dyDescent="0.4">
      <c r="A961">
        <v>614</v>
      </c>
      <c r="B961">
        <v>0</v>
      </c>
      <c r="C961">
        <v>95</v>
      </c>
      <c r="D961" t="s">
        <v>88</v>
      </c>
      <c r="E961" s="1">
        <v>44599.881944444445</v>
      </c>
    </row>
    <row r="962" spans="1:5" x14ac:dyDescent="0.4">
      <c r="A962">
        <v>615</v>
      </c>
      <c r="B962">
        <v>0</v>
      </c>
      <c r="C962">
        <v>96</v>
      </c>
      <c r="D962" t="s">
        <v>88</v>
      </c>
      <c r="E962" s="1">
        <v>44599.881944444445</v>
      </c>
    </row>
    <row r="963" spans="1:5" x14ac:dyDescent="0.4">
      <c r="A963">
        <v>616</v>
      </c>
      <c r="B963">
        <v>0</v>
      </c>
      <c r="C963">
        <v>97</v>
      </c>
      <c r="D963" t="s">
        <v>88</v>
      </c>
      <c r="E963" s="1">
        <v>44599.881944444445</v>
      </c>
    </row>
    <row r="964" spans="1:5" x14ac:dyDescent="0.4">
      <c r="A964">
        <v>617</v>
      </c>
      <c r="B964">
        <v>0</v>
      </c>
      <c r="C964">
        <v>98</v>
      </c>
      <c r="D964" t="s">
        <v>88</v>
      </c>
      <c r="E964" s="1">
        <v>44599.881944444445</v>
      </c>
    </row>
    <row r="965" spans="1:5" x14ac:dyDescent="0.4">
      <c r="A965">
        <v>618</v>
      </c>
      <c r="B965">
        <v>0</v>
      </c>
      <c r="C965">
        <v>99</v>
      </c>
      <c r="D965" t="s">
        <v>88</v>
      </c>
      <c r="E965" s="1">
        <v>44599.881944444445</v>
      </c>
    </row>
    <row r="966" spans="1:5" x14ac:dyDescent="0.4">
      <c r="A966">
        <v>619</v>
      </c>
      <c r="B966">
        <v>0</v>
      </c>
      <c r="C966">
        <v>100</v>
      </c>
      <c r="D966" t="s">
        <v>88</v>
      </c>
      <c r="E966" s="1">
        <v>44599.881944444445</v>
      </c>
    </row>
    <row r="967" spans="1:5" x14ac:dyDescent="0.4">
      <c r="A967">
        <v>620</v>
      </c>
      <c r="B967">
        <v>0</v>
      </c>
      <c r="C967">
        <v>101</v>
      </c>
      <c r="D967" t="s">
        <v>88</v>
      </c>
      <c r="E967" s="1">
        <v>44599.881944444445</v>
      </c>
    </row>
    <row r="968" spans="1:5" x14ac:dyDescent="0.4">
      <c r="A968">
        <v>621</v>
      </c>
      <c r="B968">
        <v>0</v>
      </c>
      <c r="C968">
        <v>102</v>
      </c>
      <c r="D968" t="s">
        <v>88</v>
      </c>
      <c r="E968" s="1">
        <v>44599.881944444445</v>
      </c>
    </row>
    <row r="969" spans="1:5" x14ac:dyDescent="0.4">
      <c r="A969">
        <v>622</v>
      </c>
      <c r="B969">
        <v>0</v>
      </c>
      <c r="C969">
        <v>103</v>
      </c>
      <c r="D969" t="s">
        <v>88</v>
      </c>
      <c r="E969" s="1">
        <v>44599.881944444445</v>
      </c>
    </row>
    <row r="970" spans="1:5" x14ac:dyDescent="0.4">
      <c r="A970">
        <v>623</v>
      </c>
      <c r="B970">
        <v>0</v>
      </c>
      <c r="C970">
        <v>104</v>
      </c>
      <c r="D970" t="s">
        <v>88</v>
      </c>
      <c r="E970" s="1">
        <v>44599.881944444445</v>
      </c>
    </row>
    <row r="971" spans="1:5" x14ac:dyDescent="0.4">
      <c r="A971">
        <v>624</v>
      </c>
      <c r="B971">
        <v>0</v>
      </c>
      <c r="C971">
        <v>105</v>
      </c>
      <c r="D971" t="s">
        <v>88</v>
      </c>
      <c r="E971" s="1">
        <v>44599.881944444445</v>
      </c>
    </row>
    <row r="972" spans="1:5" x14ac:dyDescent="0.4">
      <c r="A972">
        <v>625</v>
      </c>
      <c r="B972">
        <v>0</v>
      </c>
      <c r="C972">
        <v>106</v>
      </c>
      <c r="D972" t="s">
        <v>88</v>
      </c>
      <c r="E972" s="1">
        <v>44599.881944444445</v>
      </c>
    </row>
    <row r="973" spans="1:5" x14ac:dyDescent="0.4">
      <c r="A973">
        <v>626</v>
      </c>
      <c r="B973">
        <v>0</v>
      </c>
      <c r="C973">
        <v>107</v>
      </c>
      <c r="D973" t="s">
        <v>88</v>
      </c>
      <c r="E973" s="1">
        <v>44599.881944444445</v>
      </c>
    </row>
    <row r="974" spans="1:5" x14ac:dyDescent="0.4">
      <c r="A974">
        <v>627</v>
      </c>
      <c r="B974">
        <v>0</v>
      </c>
      <c r="C974">
        <v>108</v>
      </c>
      <c r="D974" t="s">
        <v>88</v>
      </c>
      <c r="E974" s="1">
        <v>44599.881944444445</v>
      </c>
    </row>
    <row r="975" spans="1:5" x14ac:dyDescent="0.4">
      <c r="A975">
        <v>628</v>
      </c>
      <c r="B975">
        <v>0</v>
      </c>
      <c r="C975">
        <v>109</v>
      </c>
      <c r="D975" t="s">
        <v>88</v>
      </c>
      <c r="E975" s="1">
        <v>44599.881944444445</v>
      </c>
    </row>
    <row r="976" spans="1:5" x14ac:dyDescent="0.4">
      <c r="A976">
        <v>629</v>
      </c>
      <c r="B976">
        <v>0</v>
      </c>
      <c r="C976">
        <v>110</v>
      </c>
      <c r="D976" t="s">
        <v>88</v>
      </c>
      <c r="E976" s="1">
        <v>44599.881944444445</v>
      </c>
    </row>
    <row r="977" spans="1:5" x14ac:dyDescent="0.4">
      <c r="A977">
        <v>630</v>
      </c>
      <c r="B977">
        <v>0</v>
      </c>
      <c r="C977">
        <v>111</v>
      </c>
      <c r="D977" t="s">
        <v>88</v>
      </c>
      <c r="E977" s="1">
        <v>44599.881944444445</v>
      </c>
    </row>
    <row r="978" spans="1:5" x14ac:dyDescent="0.4">
      <c r="A978">
        <v>631</v>
      </c>
      <c r="B978">
        <v>0</v>
      </c>
      <c r="C978">
        <v>112</v>
      </c>
      <c r="D978" t="s">
        <v>88</v>
      </c>
      <c r="E978" s="1">
        <v>44599.881944444445</v>
      </c>
    </row>
    <row r="979" spans="1:5" x14ac:dyDescent="0.4">
      <c r="A979">
        <v>632</v>
      </c>
      <c r="B979">
        <v>0</v>
      </c>
      <c r="C979">
        <v>113</v>
      </c>
      <c r="D979" t="s">
        <v>88</v>
      </c>
      <c r="E979" s="1">
        <v>44599.881944444445</v>
      </c>
    </row>
    <row r="980" spans="1:5" x14ac:dyDescent="0.4">
      <c r="A980">
        <v>633</v>
      </c>
      <c r="B980">
        <v>0</v>
      </c>
      <c r="C980">
        <v>114</v>
      </c>
      <c r="D980" t="s">
        <v>88</v>
      </c>
      <c r="E980" s="1">
        <v>44599.881944444445</v>
      </c>
    </row>
    <row r="981" spans="1:5" x14ac:dyDescent="0.4">
      <c r="A981">
        <v>634</v>
      </c>
      <c r="B981">
        <v>0</v>
      </c>
      <c r="C981">
        <v>115</v>
      </c>
      <c r="D981" t="s">
        <v>88</v>
      </c>
      <c r="E981" s="1">
        <v>44599.881944444445</v>
      </c>
    </row>
    <row r="982" spans="1:5" x14ac:dyDescent="0.4">
      <c r="A982">
        <v>635</v>
      </c>
      <c r="B982">
        <v>0</v>
      </c>
      <c r="C982">
        <v>116</v>
      </c>
      <c r="D982" t="s">
        <v>88</v>
      </c>
      <c r="E982" s="1">
        <v>44599.881944444445</v>
      </c>
    </row>
    <row r="983" spans="1:5" x14ac:dyDescent="0.4">
      <c r="A983">
        <v>636</v>
      </c>
      <c r="B983">
        <v>0</v>
      </c>
      <c r="C983">
        <v>121</v>
      </c>
      <c r="D983" t="s">
        <v>88</v>
      </c>
      <c r="E983" s="1">
        <v>44599.881944444445</v>
      </c>
    </row>
    <row r="984" spans="1:5" x14ac:dyDescent="0.4">
      <c r="A984">
        <v>637</v>
      </c>
      <c r="B984">
        <v>0</v>
      </c>
      <c r="C984">
        <v>122</v>
      </c>
      <c r="D984" t="s">
        <v>88</v>
      </c>
      <c r="E984" s="1">
        <v>44599.881944444445</v>
      </c>
    </row>
    <row r="985" spans="1:5" x14ac:dyDescent="0.4">
      <c r="A985">
        <v>638</v>
      </c>
      <c r="B985">
        <v>0</v>
      </c>
      <c r="C985">
        <v>123</v>
      </c>
      <c r="D985" t="s">
        <v>88</v>
      </c>
      <c r="E985" s="1">
        <v>44599.881944444445</v>
      </c>
    </row>
    <row r="986" spans="1:5" x14ac:dyDescent="0.4">
      <c r="A986">
        <v>639</v>
      </c>
      <c r="B986">
        <v>0</v>
      </c>
      <c r="C986">
        <v>124</v>
      </c>
      <c r="D986" t="s">
        <v>88</v>
      </c>
      <c r="E986" s="1">
        <v>44599.881944444445</v>
      </c>
    </row>
    <row r="987" spans="1:5" x14ac:dyDescent="0.4">
      <c r="A987">
        <v>640</v>
      </c>
      <c r="B987">
        <v>0</v>
      </c>
      <c r="C987">
        <v>125</v>
      </c>
      <c r="D987" t="s">
        <v>88</v>
      </c>
      <c r="E987" s="1">
        <v>44599.881944444445</v>
      </c>
    </row>
    <row r="988" spans="1:5" x14ac:dyDescent="0.4">
      <c r="A988">
        <v>641</v>
      </c>
      <c r="B988">
        <v>0</v>
      </c>
      <c r="C988">
        <v>126</v>
      </c>
      <c r="D988" t="s">
        <v>88</v>
      </c>
      <c r="E988" s="1">
        <v>44599.881944444445</v>
      </c>
    </row>
    <row r="989" spans="1:5" x14ac:dyDescent="0.4">
      <c r="A989">
        <v>642</v>
      </c>
      <c r="B989">
        <v>0</v>
      </c>
      <c r="C989">
        <v>131</v>
      </c>
      <c r="D989" t="s">
        <v>88</v>
      </c>
      <c r="E989" s="1">
        <v>44599.881944444445</v>
      </c>
    </row>
    <row r="990" spans="1:5" x14ac:dyDescent="0.4">
      <c r="A990">
        <v>643</v>
      </c>
      <c r="B990">
        <v>0</v>
      </c>
      <c r="C990">
        <v>141</v>
      </c>
      <c r="D990" t="s">
        <v>88</v>
      </c>
      <c r="E990" s="1">
        <v>44599.881944444445</v>
      </c>
    </row>
    <row r="991" spans="1:5" x14ac:dyDescent="0.4">
      <c r="A991">
        <v>644</v>
      </c>
      <c r="B991">
        <v>0</v>
      </c>
      <c r="C991">
        <v>142</v>
      </c>
      <c r="D991" t="s">
        <v>88</v>
      </c>
      <c r="E991" s="1">
        <v>44599.881944444445</v>
      </c>
    </row>
    <row r="992" spans="1:5" x14ac:dyDescent="0.4">
      <c r="A992">
        <v>645</v>
      </c>
      <c r="B992">
        <v>0</v>
      </c>
      <c r="C992">
        <v>143</v>
      </c>
      <c r="D992" t="s">
        <v>88</v>
      </c>
      <c r="E992" s="1">
        <v>44599.881944444445</v>
      </c>
    </row>
    <row r="993" spans="1:5" x14ac:dyDescent="0.4">
      <c r="A993">
        <v>646</v>
      </c>
      <c r="B993">
        <v>0</v>
      </c>
      <c r="C993">
        <v>144</v>
      </c>
      <c r="D993" t="s">
        <v>88</v>
      </c>
      <c r="E993" s="1">
        <v>44599.881944444445</v>
      </c>
    </row>
    <row r="994" spans="1:5" x14ac:dyDescent="0.4">
      <c r="A994">
        <v>647</v>
      </c>
      <c r="B994">
        <v>0</v>
      </c>
      <c r="C994">
        <v>145</v>
      </c>
      <c r="D994" t="s">
        <v>88</v>
      </c>
      <c r="E994" s="1">
        <v>44599.881944444445</v>
      </c>
    </row>
    <row r="995" spans="1:5" x14ac:dyDescent="0.4">
      <c r="A995">
        <v>648</v>
      </c>
      <c r="B995">
        <v>0</v>
      </c>
      <c r="C995">
        <v>146</v>
      </c>
      <c r="D995" t="s">
        <v>88</v>
      </c>
      <c r="E995" s="1">
        <v>44599.881944444445</v>
      </c>
    </row>
    <row r="996" spans="1:5" x14ac:dyDescent="0.4">
      <c r="A996">
        <v>649</v>
      </c>
      <c r="B996">
        <v>0</v>
      </c>
      <c r="C996">
        <v>147</v>
      </c>
      <c r="D996" t="s">
        <v>88</v>
      </c>
      <c r="E996" s="1">
        <v>44599.881944444445</v>
      </c>
    </row>
    <row r="997" spans="1:5" x14ac:dyDescent="0.4">
      <c r="A997">
        <v>650</v>
      </c>
      <c r="B997">
        <v>0</v>
      </c>
      <c r="C997">
        <v>161</v>
      </c>
      <c r="D997" t="s">
        <v>88</v>
      </c>
      <c r="E997" s="1">
        <v>44599.881944444445</v>
      </c>
    </row>
    <row r="998" spans="1:5" x14ac:dyDescent="0.4">
      <c r="A998">
        <v>651</v>
      </c>
      <c r="B998">
        <v>0</v>
      </c>
      <c r="C998">
        <v>162</v>
      </c>
      <c r="D998" t="s">
        <v>88</v>
      </c>
      <c r="E998" s="1">
        <v>44599.881944444445</v>
      </c>
    </row>
    <row r="999" spans="1:5" x14ac:dyDescent="0.4">
      <c r="A999">
        <v>652</v>
      </c>
      <c r="B999">
        <v>0</v>
      </c>
      <c r="C999">
        <v>163</v>
      </c>
      <c r="D999" t="s">
        <v>88</v>
      </c>
      <c r="E999" s="1">
        <v>44599.881944444445</v>
      </c>
    </row>
    <row r="1000" spans="1:5" x14ac:dyDescent="0.4">
      <c r="A1000">
        <v>653</v>
      </c>
      <c r="B1000">
        <v>0</v>
      </c>
      <c r="C1000">
        <v>164</v>
      </c>
      <c r="D1000" t="s">
        <v>88</v>
      </c>
      <c r="E1000" s="1">
        <v>44599.881944444445</v>
      </c>
    </row>
    <row r="1001" spans="1:5" x14ac:dyDescent="0.4">
      <c r="A1001">
        <v>654</v>
      </c>
      <c r="B1001">
        <v>0</v>
      </c>
      <c r="C1001">
        <v>165</v>
      </c>
      <c r="D1001" t="s">
        <v>88</v>
      </c>
      <c r="E1001" s="1">
        <v>44599.881944444445</v>
      </c>
    </row>
    <row r="1002" spans="1:5" x14ac:dyDescent="0.4">
      <c r="A1002">
        <v>655</v>
      </c>
      <c r="B1002">
        <v>0</v>
      </c>
      <c r="C1002">
        <v>166</v>
      </c>
      <c r="D1002" t="s">
        <v>88</v>
      </c>
      <c r="E1002" s="1">
        <v>44599.881944444445</v>
      </c>
    </row>
    <row r="1003" spans="1:5" x14ac:dyDescent="0.4">
      <c r="A1003">
        <v>656</v>
      </c>
      <c r="B1003">
        <v>0</v>
      </c>
      <c r="C1003">
        <v>167</v>
      </c>
      <c r="D1003" t="s">
        <v>88</v>
      </c>
      <c r="E1003" s="1">
        <v>44599.881944444445</v>
      </c>
    </row>
    <row r="1004" spans="1:5" x14ac:dyDescent="0.4">
      <c r="A1004">
        <v>657</v>
      </c>
      <c r="B1004">
        <v>0</v>
      </c>
      <c r="C1004">
        <v>168</v>
      </c>
      <c r="D1004" t="s">
        <v>88</v>
      </c>
      <c r="E1004" s="1">
        <v>44599.881944444445</v>
      </c>
    </row>
    <row r="1005" spans="1:5" x14ac:dyDescent="0.4">
      <c r="A1005">
        <v>658</v>
      </c>
      <c r="B1005">
        <v>0</v>
      </c>
      <c r="C1005">
        <v>169</v>
      </c>
      <c r="D1005" t="s">
        <v>88</v>
      </c>
      <c r="E1005" s="1">
        <v>44599.881944444445</v>
      </c>
    </row>
    <row r="1006" spans="1:5" x14ac:dyDescent="0.4">
      <c r="A1006">
        <v>659</v>
      </c>
      <c r="B1006">
        <v>0</v>
      </c>
      <c r="C1006">
        <v>170</v>
      </c>
      <c r="D1006" t="s">
        <v>88</v>
      </c>
      <c r="E1006" s="1">
        <v>44599.881944444445</v>
      </c>
    </row>
    <row r="1007" spans="1:5" x14ac:dyDescent="0.4">
      <c r="A1007">
        <v>660</v>
      </c>
      <c r="B1007">
        <v>0</v>
      </c>
      <c r="C1007">
        <v>171</v>
      </c>
      <c r="D1007" t="s">
        <v>88</v>
      </c>
      <c r="E1007" s="1">
        <v>44599.881944444445</v>
      </c>
    </row>
    <row r="1008" spans="1:5" x14ac:dyDescent="0.4">
      <c r="A1008">
        <v>661</v>
      </c>
      <c r="B1008">
        <v>0</v>
      </c>
      <c r="C1008">
        <v>172</v>
      </c>
      <c r="D1008" t="s">
        <v>88</v>
      </c>
      <c r="E1008" s="1">
        <v>44599.881944444445</v>
      </c>
    </row>
    <row r="1009" spans="1:5" x14ac:dyDescent="0.4">
      <c r="A1009">
        <v>662</v>
      </c>
      <c r="B1009">
        <v>0</v>
      </c>
      <c r="C1009">
        <v>173</v>
      </c>
      <c r="D1009" t="s">
        <v>88</v>
      </c>
      <c r="E1009" s="1">
        <v>44599.881944444445</v>
      </c>
    </row>
    <row r="1010" spans="1:5" x14ac:dyDescent="0.4">
      <c r="A1010">
        <v>663</v>
      </c>
      <c r="B1010">
        <v>0</v>
      </c>
      <c r="C1010">
        <v>174</v>
      </c>
      <c r="D1010" t="s">
        <v>88</v>
      </c>
      <c r="E1010" s="1">
        <v>44599.881944444445</v>
      </c>
    </row>
    <row r="1011" spans="1:5" x14ac:dyDescent="0.4">
      <c r="A1011">
        <v>664</v>
      </c>
      <c r="B1011">
        <v>0</v>
      </c>
      <c r="C1011">
        <v>175</v>
      </c>
      <c r="D1011" t="s">
        <v>88</v>
      </c>
      <c r="E1011" s="1">
        <v>44599.881944444445</v>
      </c>
    </row>
    <row r="1012" spans="1:5" x14ac:dyDescent="0.4">
      <c r="A1012">
        <v>665</v>
      </c>
      <c r="B1012">
        <v>0</v>
      </c>
      <c r="C1012">
        <v>181</v>
      </c>
      <c r="D1012" t="s">
        <v>88</v>
      </c>
      <c r="E1012" s="1">
        <v>44599.881944444445</v>
      </c>
    </row>
    <row r="1013" spans="1:5" x14ac:dyDescent="0.4">
      <c r="A1013">
        <v>666</v>
      </c>
      <c r="B1013">
        <v>0</v>
      </c>
      <c r="C1013">
        <v>182</v>
      </c>
      <c r="D1013" t="s">
        <v>88</v>
      </c>
      <c r="E1013" s="1">
        <v>44599.881944444445</v>
      </c>
    </row>
    <row r="1014" spans="1:5" x14ac:dyDescent="0.4">
      <c r="A1014">
        <v>667</v>
      </c>
      <c r="B1014">
        <v>0</v>
      </c>
      <c r="C1014">
        <v>183</v>
      </c>
      <c r="D1014" t="s">
        <v>88</v>
      </c>
      <c r="E1014" s="1">
        <v>44599.881944444445</v>
      </c>
    </row>
    <row r="1015" spans="1:5" x14ac:dyDescent="0.4">
      <c r="A1015">
        <v>668</v>
      </c>
      <c r="B1015">
        <v>0</v>
      </c>
      <c r="C1015">
        <v>184</v>
      </c>
      <c r="D1015" t="s">
        <v>88</v>
      </c>
      <c r="E1015" s="1">
        <v>44599.881944444445</v>
      </c>
    </row>
    <row r="1016" spans="1:5" x14ac:dyDescent="0.4">
      <c r="A1016">
        <v>669</v>
      </c>
      <c r="B1016">
        <v>0</v>
      </c>
      <c r="C1016">
        <v>185</v>
      </c>
      <c r="D1016" t="s">
        <v>88</v>
      </c>
      <c r="E1016" s="1">
        <v>44599.881944444445</v>
      </c>
    </row>
    <row r="1017" spans="1:5" x14ac:dyDescent="0.4">
      <c r="A1017">
        <v>670</v>
      </c>
      <c r="B1017">
        <v>0</v>
      </c>
      <c r="C1017">
        <v>186</v>
      </c>
      <c r="D1017" t="s">
        <v>88</v>
      </c>
      <c r="E1017" s="1">
        <v>44599.881944444445</v>
      </c>
    </row>
    <row r="1018" spans="1:5" x14ac:dyDescent="0.4">
      <c r="A1018">
        <v>671</v>
      </c>
      <c r="B1018">
        <v>0</v>
      </c>
      <c r="C1018">
        <v>190</v>
      </c>
      <c r="D1018" t="s">
        <v>88</v>
      </c>
      <c r="E1018" s="1">
        <v>44599.881944444445</v>
      </c>
    </row>
    <row r="1019" spans="1:5" x14ac:dyDescent="0.4">
      <c r="A1019">
        <v>672</v>
      </c>
      <c r="B1019">
        <v>0</v>
      </c>
      <c r="C1019">
        <v>191</v>
      </c>
      <c r="D1019" t="s">
        <v>88</v>
      </c>
      <c r="E1019" s="1">
        <v>44599.881944444445</v>
      </c>
    </row>
    <row r="1020" spans="1:5" x14ac:dyDescent="0.4">
      <c r="A1020">
        <v>673</v>
      </c>
      <c r="B1020">
        <v>0</v>
      </c>
      <c r="C1020">
        <v>192</v>
      </c>
      <c r="D1020" t="s">
        <v>88</v>
      </c>
      <c r="E1020" s="1">
        <v>44599.881944444445</v>
      </c>
    </row>
    <row r="1021" spans="1:5" x14ac:dyDescent="0.4">
      <c r="A1021">
        <v>674</v>
      </c>
      <c r="B1021">
        <v>0</v>
      </c>
      <c r="C1021">
        <v>193</v>
      </c>
      <c r="D1021" t="s">
        <v>88</v>
      </c>
      <c r="E1021" s="1">
        <v>44599.881944444445</v>
      </c>
    </row>
    <row r="1022" spans="1:5" x14ac:dyDescent="0.4">
      <c r="A1022">
        <v>675</v>
      </c>
      <c r="B1022">
        <v>0</v>
      </c>
      <c r="C1022">
        <v>194</v>
      </c>
      <c r="D1022" t="s">
        <v>88</v>
      </c>
      <c r="E1022" s="1">
        <v>44599.881944444445</v>
      </c>
    </row>
    <row r="1023" spans="1:5" x14ac:dyDescent="0.4">
      <c r="A1023">
        <v>676</v>
      </c>
      <c r="B1023">
        <v>0</v>
      </c>
      <c r="C1023">
        <v>195</v>
      </c>
      <c r="D1023" t="s">
        <v>88</v>
      </c>
      <c r="E1023" s="1">
        <v>44599.881944444445</v>
      </c>
    </row>
    <row r="1024" spans="1:5" x14ac:dyDescent="0.4">
      <c r="A1024">
        <v>677</v>
      </c>
      <c r="B1024">
        <v>0</v>
      </c>
      <c r="C1024">
        <v>301</v>
      </c>
      <c r="D1024" t="s">
        <v>88</v>
      </c>
      <c r="E1024" s="1">
        <v>44599.881944444445</v>
      </c>
    </row>
    <row r="1025" spans="1:5" x14ac:dyDescent="0.4">
      <c r="A1025">
        <v>678</v>
      </c>
      <c r="B1025">
        <v>0</v>
      </c>
      <c r="C1025">
        <v>302</v>
      </c>
      <c r="D1025" t="s">
        <v>88</v>
      </c>
      <c r="E1025" s="1">
        <v>44599.881944444445</v>
      </c>
    </row>
    <row r="1026" spans="1:5" x14ac:dyDescent="0.4">
      <c r="A1026">
        <v>679</v>
      </c>
      <c r="B1026">
        <v>0</v>
      </c>
      <c r="C1026">
        <v>321</v>
      </c>
      <c r="D1026" t="s">
        <v>88</v>
      </c>
      <c r="E1026" s="1">
        <v>44599.881944444445</v>
      </c>
    </row>
    <row r="1027" spans="1:5" x14ac:dyDescent="0.4">
      <c r="A1027">
        <v>680</v>
      </c>
      <c r="B1027">
        <v>0</v>
      </c>
      <c r="C1027">
        <v>322</v>
      </c>
      <c r="D1027" t="s">
        <v>88</v>
      </c>
      <c r="E1027" s="1">
        <v>44599.881944444445</v>
      </c>
    </row>
    <row r="1028" spans="1:5" x14ac:dyDescent="0.4">
      <c r="A1028">
        <v>681</v>
      </c>
      <c r="B1028">
        <v>0</v>
      </c>
      <c r="C1028">
        <v>323</v>
      </c>
      <c r="D1028" t="s">
        <v>88</v>
      </c>
      <c r="E1028" s="1">
        <v>44599.881944444445</v>
      </c>
    </row>
    <row r="1029" spans="1:5" x14ac:dyDescent="0.4">
      <c r="A1029">
        <v>682</v>
      </c>
      <c r="B1029">
        <v>0</v>
      </c>
      <c r="C1029">
        <v>324</v>
      </c>
      <c r="D1029" t="s">
        <v>88</v>
      </c>
      <c r="E1029" s="1">
        <v>44599.881944444445</v>
      </c>
    </row>
    <row r="1030" spans="1:5" x14ac:dyDescent="0.4">
      <c r="A1030">
        <v>683</v>
      </c>
      <c r="B1030">
        <v>0</v>
      </c>
      <c r="C1030">
        <v>325</v>
      </c>
      <c r="D1030" t="s">
        <v>88</v>
      </c>
      <c r="E1030" s="1">
        <v>44599.881944444445</v>
      </c>
    </row>
    <row r="1031" spans="1:5" x14ac:dyDescent="0.4">
      <c r="A1031">
        <v>684</v>
      </c>
      <c r="B1031">
        <v>0</v>
      </c>
      <c r="C1031">
        <v>326</v>
      </c>
      <c r="D1031" t="s">
        <v>88</v>
      </c>
      <c r="E1031" s="1">
        <v>44599.881944444445</v>
      </c>
    </row>
    <row r="1032" spans="1:5" x14ac:dyDescent="0.4">
      <c r="A1032">
        <v>685</v>
      </c>
      <c r="B1032">
        <v>0</v>
      </c>
      <c r="C1032">
        <v>327</v>
      </c>
      <c r="D1032" t="s">
        <v>88</v>
      </c>
      <c r="E1032" s="1">
        <v>44599.881944444445</v>
      </c>
    </row>
    <row r="1033" spans="1:5" x14ac:dyDescent="0.4">
      <c r="A1033">
        <v>686</v>
      </c>
      <c r="B1033">
        <v>0</v>
      </c>
      <c r="C1033">
        <v>328</v>
      </c>
      <c r="D1033" t="s">
        <v>88</v>
      </c>
      <c r="E1033" s="1">
        <v>44599.881944444445</v>
      </c>
    </row>
    <row r="1034" spans="1:5" x14ac:dyDescent="0.4">
      <c r="A1034">
        <v>687</v>
      </c>
      <c r="B1034">
        <v>0</v>
      </c>
      <c r="C1034">
        <v>329</v>
      </c>
      <c r="D1034" t="s">
        <v>88</v>
      </c>
      <c r="E1034" s="1">
        <v>44599.881944444445</v>
      </c>
    </row>
    <row r="1035" spans="1:5" x14ac:dyDescent="0.4">
      <c r="A1035">
        <v>688</v>
      </c>
      <c r="B1035">
        <v>0</v>
      </c>
      <c r="C1035">
        <v>330</v>
      </c>
      <c r="D1035" t="s">
        <v>88</v>
      </c>
      <c r="E1035" s="1">
        <v>44599.881944444445</v>
      </c>
    </row>
    <row r="1036" spans="1:5" x14ac:dyDescent="0.4">
      <c r="A1036">
        <v>689</v>
      </c>
      <c r="B1036">
        <v>0</v>
      </c>
      <c r="C1036">
        <v>331</v>
      </c>
      <c r="D1036" t="s">
        <v>88</v>
      </c>
      <c r="E1036" s="1">
        <v>44599.881944444445</v>
      </c>
    </row>
    <row r="1037" spans="1:5" x14ac:dyDescent="0.4">
      <c r="A1037">
        <v>690</v>
      </c>
      <c r="B1037">
        <v>0</v>
      </c>
      <c r="C1037">
        <v>332</v>
      </c>
      <c r="D1037" t="s">
        <v>88</v>
      </c>
      <c r="E1037" s="1">
        <v>44599.881944444445</v>
      </c>
    </row>
    <row r="1038" spans="1:5" x14ac:dyDescent="0.4">
      <c r="A1038">
        <v>691</v>
      </c>
      <c r="B1038">
        <v>0</v>
      </c>
      <c r="C1038">
        <v>333</v>
      </c>
      <c r="D1038" t="s">
        <v>88</v>
      </c>
      <c r="E1038" s="1">
        <v>44599.881944444445</v>
      </c>
    </row>
    <row r="1039" spans="1:5" x14ac:dyDescent="0.4">
      <c r="A1039">
        <v>692</v>
      </c>
      <c r="B1039">
        <v>0</v>
      </c>
      <c r="C1039">
        <v>341</v>
      </c>
      <c r="D1039" t="s">
        <v>88</v>
      </c>
      <c r="E1039" s="1">
        <v>44599.881944444445</v>
      </c>
    </row>
    <row r="1040" spans="1:5" x14ac:dyDescent="0.4">
      <c r="A1040">
        <v>693</v>
      </c>
      <c r="B1040">
        <v>0</v>
      </c>
      <c r="C1040">
        <v>342</v>
      </c>
      <c r="D1040" t="s">
        <v>88</v>
      </c>
      <c r="E1040" s="1">
        <v>44599.881944444445</v>
      </c>
    </row>
    <row r="1041" spans="1:5" x14ac:dyDescent="0.4">
      <c r="A1041">
        <v>694</v>
      </c>
      <c r="B1041">
        <v>0</v>
      </c>
      <c r="C1041">
        <v>343</v>
      </c>
      <c r="D1041" t="s">
        <v>88</v>
      </c>
      <c r="E1041" s="1">
        <v>44599.881944444445</v>
      </c>
    </row>
    <row r="1042" spans="1:5" x14ac:dyDescent="0.4">
      <c r="A1042">
        <v>695</v>
      </c>
      <c r="B1042">
        <v>0</v>
      </c>
      <c r="C1042">
        <v>344</v>
      </c>
      <c r="D1042" t="s">
        <v>88</v>
      </c>
      <c r="E1042" s="1">
        <v>44599.881944444445</v>
      </c>
    </row>
    <row r="1043" spans="1:5" x14ac:dyDescent="0.4">
      <c r="A1043">
        <v>696</v>
      </c>
      <c r="B1043">
        <v>0</v>
      </c>
      <c r="C1043">
        <v>345</v>
      </c>
      <c r="D1043" t="s">
        <v>88</v>
      </c>
      <c r="E1043" s="1">
        <v>44599.881944444445</v>
      </c>
    </row>
    <row r="1044" spans="1:5" x14ac:dyDescent="0.4">
      <c r="A1044">
        <v>697</v>
      </c>
      <c r="B1044">
        <v>0</v>
      </c>
      <c r="C1044">
        <v>346</v>
      </c>
      <c r="D1044" t="s">
        <v>88</v>
      </c>
      <c r="E1044" s="1">
        <v>44599.881944444445</v>
      </c>
    </row>
    <row r="1045" spans="1:5" x14ac:dyDescent="0.4">
      <c r="A1045">
        <v>698</v>
      </c>
      <c r="B1045">
        <v>0</v>
      </c>
      <c r="C1045">
        <v>361</v>
      </c>
      <c r="D1045" t="s">
        <v>88</v>
      </c>
      <c r="E1045" s="1">
        <v>44599.881944444445</v>
      </c>
    </row>
    <row r="1046" spans="1:5" x14ac:dyDescent="0.4">
      <c r="A1046">
        <v>699</v>
      </c>
      <c r="B1046">
        <v>0</v>
      </c>
      <c r="C1046">
        <v>362</v>
      </c>
      <c r="D1046" t="s">
        <v>88</v>
      </c>
      <c r="E1046" s="1">
        <v>44599.881944444445</v>
      </c>
    </row>
    <row r="1047" spans="1:5" x14ac:dyDescent="0.4">
      <c r="A1047">
        <v>700</v>
      </c>
      <c r="B1047">
        <v>0</v>
      </c>
      <c r="C1047">
        <v>363</v>
      </c>
      <c r="D1047" t="s">
        <v>88</v>
      </c>
      <c r="E1047" s="1">
        <v>44599.881944444445</v>
      </c>
    </row>
    <row r="1048" spans="1:5" x14ac:dyDescent="0.4">
      <c r="A1048">
        <v>701</v>
      </c>
      <c r="B1048">
        <v>0</v>
      </c>
      <c r="C1048">
        <v>364</v>
      </c>
      <c r="D1048" t="s">
        <v>88</v>
      </c>
      <c r="E1048" s="1">
        <v>44599.881944444445</v>
      </c>
    </row>
    <row r="1049" spans="1:5" x14ac:dyDescent="0.4">
      <c r="A1049">
        <v>702</v>
      </c>
      <c r="B1049">
        <v>0</v>
      </c>
      <c r="C1049">
        <v>365</v>
      </c>
      <c r="D1049" t="s">
        <v>88</v>
      </c>
      <c r="E1049" s="1">
        <v>44599.881944444445</v>
      </c>
    </row>
    <row r="1050" spans="1:5" x14ac:dyDescent="0.4">
      <c r="A1050">
        <v>703</v>
      </c>
      <c r="B1050">
        <v>0</v>
      </c>
      <c r="C1050">
        <v>366</v>
      </c>
      <c r="D1050" t="s">
        <v>88</v>
      </c>
      <c r="E1050" s="1">
        <v>44599.881944444445</v>
      </c>
    </row>
    <row r="1051" spans="1:5" x14ac:dyDescent="0.4">
      <c r="A1051">
        <v>704</v>
      </c>
      <c r="B1051">
        <v>0</v>
      </c>
      <c r="C1051">
        <v>367</v>
      </c>
      <c r="D1051" t="s">
        <v>88</v>
      </c>
      <c r="E1051" s="1">
        <v>44599.881944444445</v>
      </c>
    </row>
    <row r="1052" spans="1:5" x14ac:dyDescent="0.4">
      <c r="A1052">
        <v>705</v>
      </c>
      <c r="B1052">
        <v>0</v>
      </c>
      <c r="C1052">
        <v>368</v>
      </c>
      <c r="D1052" t="s">
        <v>88</v>
      </c>
      <c r="E1052" s="1">
        <v>44599.881944444445</v>
      </c>
    </row>
    <row r="1053" spans="1:5" x14ac:dyDescent="0.4">
      <c r="A1053">
        <v>706</v>
      </c>
      <c r="B1053">
        <v>0</v>
      </c>
      <c r="C1053">
        <v>369</v>
      </c>
      <c r="D1053" t="s">
        <v>88</v>
      </c>
      <c r="E1053" s="1">
        <v>44599.881944444445</v>
      </c>
    </row>
    <row r="1054" spans="1:5" x14ac:dyDescent="0.4">
      <c r="A1054">
        <v>707</v>
      </c>
      <c r="B1054">
        <v>0</v>
      </c>
      <c r="C1054">
        <v>370</v>
      </c>
      <c r="D1054" t="s">
        <v>88</v>
      </c>
      <c r="E1054" s="1">
        <v>44599.881944444445</v>
      </c>
    </row>
    <row r="1055" spans="1:5" x14ac:dyDescent="0.4">
      <c r="A1055">
        <v>708</v>
      </c>
      <c r="B1055">
        <v>0</v>
      </c>
      <c r="C1055">
        <v>371</v>
      </c>
      <c r="D1055" t="s">
        <v>88</v>
      </c>
      <c r="E1055" s="1">
        <v>44599.881944444445</v>
      </c>
    </row>
    <row r="1056" spans="1:5" x14ac:dyDescent="0.4">
      <c r="A1056">
        <v>709</v>
      </c>
      <c r="B1056">
        <v>0</v>
      </c>
      <c r="C1056">
        <v>372</v>
      </c>
      <c r="D1056" t="s">
        <v>88</v>
      </c>
      <c r="E1056" s="1">
        <v>44599.881944444445</v>
      </c>
    </row>
    <row r="1057" spans="1:5" x14ac:dyDescent="0.4">
      <c r="A1057">
        <v>710</v>
      </c>
      <c r="B1057">
        <v>0</v>
      </c>
      <c r="C1057">
        <v>373</v>
      </c>
      <c r="D1057" t="s">
        <v>88</v>
      </c>
      <c r="E1057" s="1">
        <v>44599.881944444445</v>
      </c>
    </row>
    <row r="1058" spans="1:5" x14ac:dyDescent="0.4">
      <c r="A1058">
        <v>711</v>
      </c>
      <c r="B1058">
        <v>0</v>
      </c>
      <c r="C1058">
        <v>381</v>
      </c>
      <c r="D1058" t="s">
        <v>88</v>
      </c>
      <c r="E1058" s="1">
        <v>44599.881944444445</v>
      </c>
    </row>
    <row r="1059" spans="1:5" x14ac:dyDescent="0.4">
      <c r="A1059">
        <v>712</v>
      </c>
      <c r="B1059">
        <v>0</v>
      </c>
      <c r="C1059">
        <v>382</v>
      </c>
      <c r="D1059" t="s">
        <v>88</v>
      </c>
      <c r="E1059" s="1">
        <v>44599.881944444445</v>
      </c>
    </row>
    <row r="1060" spans="1:5" x14ac:dyDescent="0.4">
      <c r="A1060">
        <v>713</v>
      </c>
      <c r="B1060">
        <v>0</v>
      </c>
      <c r="C1060">
        <v>383</v>
      </c>
      <c r="D1060" t="s">
        <v>88</v>
      </c>
      <c r="E1060" s="1">
        <v>44599.881944444445</v>
      </c>
    </row>
    <row r="1061" spans="1:5" x14ac:dyDescent="0.4">
      <c r="A1061">
        <v>714</v>
      </c>
      <c r="B1061">
        <v>0</v>
      </c>
      <c r="C1061">
        <v>384</v>
      </c>
      <c r="D1061" t="s">
        <v>88</v>
      </c>
      <c r="E1061" s="1">
        <v>44599.881944444445</v>
      </c>
    </row>
    <row r="1062" spans="1:5" x14ac:dyDescent="0.4">
      <c r="A1062">
        <v>715</v>
      </c>
      <c r="B1062">
        <v>0</v>
      </c>
      <c r="C1062">
        <v>385</v>
      </c>
      <c r="D1062" t="s">
        <v>88</v>
      </c>
      <c r="E1062" s="1">
        <v>44599.881944444445</v>
      </c>
    </row>
    <row r="1063" spans="1:5" x14ac:dyDescent="0.4">
      <c r="A1063">
        <v>716</v>
      </c>
      <c r="B1063">
        <v>0</v>
      </c>
      <c r="C1063">
        <v>386</v>
      </c>
      <c r="D1063" t="s">
        <v>88</v>
      </c>
      <c r="E1063" s="1">
        <v>44599.881944444445</v>
      </c>
    </row>
    <row r="1064" spans="1:5" x14ac:dyDescent="0.4">
      <c r="A1064">
        <v>717</v>
      </c>
      <c r="B1064">
        <v>0</v>
      </c>
      <c r="C1064">
        <v>391</v>
      </c>
      <c r="D1064" t="s">
        <v>88</v>
      </c>
      <c r="E1064" s="1">
        <v>44599.881944444445</v>
      </c>
    </row>
    <row r="1065" spans="1:5" x14ac:dyDescent="0.4">
      <c r="A1065">
        <v>718</v>
      </c>
      <c r="B1065">
        <v>0</v>
      </c>
      <c r="C1065">
        <v>392</v>
      </c>
      <c r="D1065" t="s">
        <v>88</v>
      </c>
      <c r="E1065" s="1">
        <v>44599.881944444445</v>
      </c>
    </row>
    <row r="1066" spans="1:5" x14ac:dyDescent="0.4">
      <c r="A1066">
        <v>719</v>
      </c>
      <c r="B1066">
        <v>0</v>
      </c>
      <c r="C1066">
        <v>393</v>
      </c>
      <c r="D1066" t="s">
        <v>88</v>
      </c>
      <c r="E1066" s="1">
        <v>44599.881944444445</v>
      </c>
    </row>
    <row r="1067" spans="1:5" x14ac:dyDescent="0.4">
      <c r="A1067">
        <v>720</v>
      </c>
      <c r="B1067">
        <v>0</v>
      </c>
      <c r="C1067">
        <v>395</v>
      </c>
      <c r="D1067" t="s">
        <v>88</v>
      </c>
      <c r="E1067" s="1">
        <v>44599.881944444445</v>
      </c>
    </row>
    <row r="1068" spans="1:5" x14ac:dyDescent="0.4">
      <c r="A1068">
        <v>721</v>
      </c>
      <c r="B1068">
        <v>0</v>
      </c>
      <c r="C1068">
        <v>396</v>
      </c>
      <c r="D1068" t="s">
        <v>88</v>
      </c>
      <c r="E1068" s="1">
        <v>44599.881944444445</v>
      </c>
    </row>
    <row r="1069" spans="1:5" x14ac:dyDescent="0.4">
      <c r="A1069">
        <v>722</v>
      </c>
      <c r="B1069">
        <v>0</v>
      </c>
      <c r="C1069">
        <v>401</v>
      </c>
      <c r="D1069" t="s">
        <v>88</v>
      </c>
      <c r="E1069" s="1">
        <v>44599.881944444445</v>
      </c>
    </row>
    <row r="1070" spans="1:5" x14ac:dyDescent="0.4">
      <c r="A1070">
        <v>723</v>
      </c>
      <c r="B1070">
        <v>0</v>
      </c>
      <c r="C1070">
        <v>402</v>
      </c>
      <c r="D1070" t="s">
        <v>88</v>
      </c>
      <c r="E1070" s="1">
        <v>44599.881944444445</v>
      </c>
    </row>
    <row r="1071" spans="1:5" x14ac:dyDescent="0.4">
      <c r="A1071">
        <v>724</v>
      </c>
      <c r="B1071">
        <v>0</v>
      </c>
      <c r="C1071">
        <v>403</v>
      </c>
      <c r="D1071" t="s">
        <v>88</v>
      </c>
      <c r="E1071" s="1">
        <v>44599.881944444445</v>
      </c>
    </row>
    <row r="1072" spans="1:5" x14ac:dyDescent="0.4">
      <c r="A1072">
        <v>725</v>
      </c>
      <c r="B1072">
        <v>0</v>
      </c>
      <c r="C1072">
        <v>404</v>
      </c>
      <c r="D1072" t="s">
        <v>88</v>
      </c>
      <c r="E1072" s="1">
        <v>44599.881944444445</v>
      </c>
    </row>
    <row r="1073" spans="1:5" x14ac:dyDescent="0.4">
      <c r="A1073">
        <v>726</v>
      </c>
      <c r="B1073">
        <v>0</v>
      </c>
      <c r="C1073">
        <v>405</v>
      </c>
      <c r="D1073" t="s">
        <v>88</v>
      </c>
      <c r="E1073" s="1">
        <v>44599.881944444445</v>
      </c>
    </row>
    <row r="1074" spans="1:5" x14ac:dyDescent="0.4">
      <c r="A1074">
        <v>727</v>
      </c>
      <c r="B1074">
        <v>0</v>
      </c>
      <c r="C1074">
        <v>406</v>
      </c>
      <c r="D1074" t="s">
        <v>88</v>
      </c>
      <c r="E1074" s="1">
        <v>44599.881944444445</v>
      </c>
    </row>
    <row r="1075" spans="1:5" x14ac:dyDescent="0.4">
      <c r="A1075">
        <v>728</v>
      </c>
      <c r="B1075">
        <v>0</v>
      </c>
      <c r="C1075">
        <v>411</v>
      </c>
      <c r="D1075" t="s">
        <v>88</v>
      </c>
      <c r="E1075" s="1">
        <v>44599.881944444445</v>
      </c>
    </row>
    <row r="1076" spans="1:5" x14ac:dyDescent="0.4">
      <c r="A1076">
        <v>729</v>
      </c>
      <c r="B1076">
        <v>0</v>
      </c>
      <c r="C1076">
        <v>412</v>
      </c>
      <c r="D1076" t="s">
        <v>88</v>
      </c>
      <c r="E1076" s="1">
        <v>44599.881944444445</v>
      </c>
    </row>
    <row r="1077" spans="1:5" x14ac:dyDescent="0.4">
      <c r="A1077">
        <v>730</v>
      </c>
      <c r="B1077">
        <v>0</v>
      </c>
      <c r="C1077">
        <v>413</v>
      </c>
      <c r="D1077" t="s">
        <v>88</v>
      </c>
      <c r="E1077" s="1">
        <v>44599.881944444445</v>
      </c>
    </row>
    <row r="1078" spans="1:5" x14ac:dyDescent="0.4">
      <c r="A1078">
        <v>731</v>
      </c>
      <c r="B1078">
        <v>0</v>
      </c>
      <c r="C1078">
        <v>414</v>
      </c>
      <c r="D1078" t="s">
        <v>88</v>
      </c>
      <c r="E1078" s="1">
        <v>44599.881944444445</v>
      </c>
    </row>
    <row r="1079" spans="1:5" x14ac:dyDescent="0.4">
      <c r="A1079">
        <v>732</v>
      </c>
      <c r="B1079">
        <v>0</v>
      </c>
      <c r="C1079">
        <v>421</v>
      </c>
      <c r="D1079" t="s">
        <v>88</v>
      </c>
      <c r="E1079" s="1">
        <v>44599.881944444445</v>
      </c>
    </row>
    <row r="1080" spans="1:5" x14ac:dyDescent="0.4">
      <c r="A1080">
        <v>733</v>
      </c>
      <c r="B1080">
        <v>0</v>
      </c>
      <c r="C1080">
        <v>422</v>
      </c>
      <c r="D1080" t="s">
        <v>88</v>
      </c>
      <c r="E1080" s="1">
        <v>44599.881944444445</v>
      </c>
    </row>
    <row r="1081" spans="1:5" x14ac:dyDescent="0.4">
      <c r="A1081">
        <v>734</v>
      </c>
      <c r="B1081">
        <v>0</v>
      </c>
      <c r="C1081">
        <v>431</v>
      </c>
      <c r="D1081" t="s">
        <v>88</v>
      </c>
      <c r="E1081" s="1">
        <v>44599.881944444445</v>
      </c>
    </row>
    <row r="1082" spans="1:5" x14ac:dyDescent="0.4">
      <c r="A1082">
        <v>735</v>
      </c>
      <c r="B1082">
        <v>0</v>
      </c>
      <c r="C1082">
        <v>432</v>
      </c>
      <c r="D1082" t="s">
        <v>88</v>
      </c>
      <c r="E1082" s="1">
        <v>44599.881944444445</v>
      </c>
    </row>
    <row r="1083" spans="1:5" x14ac:dyDescent="0.4">
      <c r="A1083">
        <v>736</v>
      </c>
      <c r="B1083">
        <v>0</v>
      </c>
      <c r="C1083">
        <v>433</v>
      </c>
      <c r="D1083" t="s">
        <v>88</v>
      </c>
      <c r="E1083" s="1">
        <v>44599.881944444445</v>
      </c>
    </row>
    <row r="1084" spans="1:5" x14ac:dyDescent="0.4">
      <c r="A1084">
        <v>737</v>
      </c>
      <c r="B1084">
        <v>0</v>
      </c>
      <c r="C1084">
        <v>1</v>
      </c>
      <c r="D1084" t="s">
        <v>88</v>
      </c>
      <c r="E1084" s="1">
        <v>44599.884027777778</v>
      </c>
    </row>
    <row r="1085" spans="1:5" x14ac:dyDescent="0.4">
      <c r="A1085">
        <v>738</v>
      </c>
      <c r="B1085">
        <v>0</v>
      </c>
      <c r="C1085">
        <v>2</v>
      </c>
      <c r="D1085" t="s">
        <v>88</v>
      </c>
      <c r="E1085" s="1">
        <v>44599.884027777778</v>
      </c>
    </row>
    <row r="1086" spans="1:5" x14ac:dyDescent="0.4">
      <c r="A1086">
        <v>739</v>
      </c>
      <c r="B1086">
        <v>0</v>
      </c>
      <c r="C1086">
        <v>3</v>
      </c>
      <c r="D1086" t="s">
        <v>88</v>
      </c>
      <c r="E1086" s="1">
        <v>44599.884027777778</v>
      </c>
    </row>
    <row r="1087" spans="1:5" x14ac:dyDescent="0.4">
      <c r="A1087">
        <v>740</v>
      </c>
      <c r="B1087">
        <v>0</v>
      </c>
      <c r="C1087">
        <v>4</v>
      </c>
      <c r="D1087" t="s">
        <v>88</v>
      </c>
      <c r="E1087" s="1">
        <v>44599.884027777778</v>
      </c>
    </row>
    <row r="1088" spans="1:5" x14ac:dyDescent="0.4">
      <c r="A1088">
        <v>741</v>
      </c>
      <c r="B1088">
        <v>0</v>
      </c>
      <c r="C1088">
        <v>5</v>
      </c>
      <c r="D1088" t="s">
        <v>88</v>
      </c>
      <c r="E1088" s="1">
        <v>44599.884027777778</v>
      </c>
    </row>
    <row r="1089" spans="1:5" x14ac:dyDescent="0.4">
      <c r="A1089">
        <v>742</v>
      </c>
      <c r="B1089">
        <v>0</v>
      </c>
      <c r="C1089">
        <v>11</v>
      </c>
      <c r="D1089" t="s">
        <v>88</v>
      </c>
      <c r="E1089" s="1">
        <v>44599.884027777778</v>
      </c>
    </row>
    <row r="1090" spans="1:5" x14ac:dyDescent="0.4">
      <c r="A1090">
        <v>743</v>
      </c>
      <c r="B1090">
        <v>0</v>
      </c>
      <c r="C1090">
        <v>12</v>
      </c>
      <c r="D1090" t="s">
        <v>88</v>
      </c>
      <c r="E1090" s="1">
        <v>44599.884027777778</v>
      </c>
    </row>
    <row r="1091" spans="1:5" x14ac:dyDescent="0.4">
      <c r="A1091">
        <v>744</v>
      </c>
      <c r="B1091">
        <v>0</v>
      </c>
      <c r="C1091">
        <v>15</v>
      </c>
      <c r="D1091" t="s">
        <v>88</v>
      </c>
      <c r="E1091" s="1">
        <v>44599.884027777778</v>
      </c>
    </row>
    <row r="1092" spans="1:5" x14ac:dyDescent="0.4">
      <c r="A1092">
        <v>745</v>
      </c>
      <c r="B1092">
        <v>0</v>
      </c>
      <c r="C1092">
        <v>16</v>
      </c>
      <c r="D1092" t="s">
        <v>88</v>
      </c>
      <c r="E1092" s="1">
        <v>44599.884027777778</v>
      </c>
    </row>
    <row r="1093" spans="1:5" x14ac:dyDescent="0.4">
      <c r="A1093">
        <v>746</v>
      </c>
      <c r="B1093">
        <v>0</v>
      </c>
      <c r="C1093">
        <v>17</v>
      </c>
      <c r="D1093" t="s">
        <v>88</v>
      </c>
      <c r="E1093" s="1">
        <v>44599.884027777778</v>
      </c>
    </row>
    <row r="1094" spans="1:5" x14ac:dyDescent="0.4">
      <c r="A1094">
        <v>747</v>
      </c>
      <c r="B1094">
        <v>0</v>
      </c>
      <c r="C1094">
        <v>21</v>
      </c>
      <c r="D1094" t="s">
        <v>88</v>
      </c>
      <c r="E1094" s="1">
        <v>44599.884027777778</v>
      </c>
    </row>
    <row r="1095" spans="1:5" x14ac:dyDescent="0.4">
      <c r="A1095">
        <v>748</v>
      </c>
      <c r="B1095">
        <v>0</v>
      </c>
      <c r="C1095">
        <v>22</v>
      </c>
      <c r="D1095" t="s">
        <v>88</v>
      </c>
      <c r="E1095" s="1">
        <v>44599.884027777778</v>
      </c>
    </row>
    <row r="1096" spans="1:5" x14ac:dyDescent="0.4">
      <c r="A1096">
        <v>749</v>
      </c>
      <c r="B1096">
        <v>0</v>
      </c>
      <c r="C1096">
        <v>23</v>
      </c>
      <c r="D1096" t="s">
        <v>88</v>
      </c>
      <c r="E1096" s="1">
        <v>44599.884027777778</v>
      </c>
    </row>
    <row r="1097" spans="1:5" x14ac:dyDescent="0.4">
      <c r="A1097">
        <v>750</v>
      </c>
      <c r="B1097">
        <v>0</v>
      </c>
      <c r="C1097">
        <v>24</v>
      </c>
      <c r="D1097" t="s">
        <v>88</v>
      </c>
      <c r="E1097" s="1">
        <v>44599.884027777778</v>
      </c>
    </row>
    <row r="1098" spans="1:5" x14ac:dyDescent="0.4">
      <c r="A1098">
        <v>751</v>
      </c>
      <c r="B1098">
        <v>0</v>
      </c>
      <c r="C1098">
        <v>25</v>
      </c>
      <c r="D1098" t="s">
        <v>88</v>
      </c>
      <c r="E1098" s="1">
        <v>44599.884027777778</v>
      </c>
    </row>
    <row r="1099" spans="1:5" x14ac:dyDescent="0.4">
      <c r="A1099">
        <v>752</v>
      </c>
      <c r="B1099">
        <v>0</v>
      </c>
      <c r="C1099">
        <v>26</v>
      </c>
      <c r="D1099" t="s">
        <v>88</v>
      </c>
      <c r="E1099" s="1">
        <v>44599.884027777778</v>
      </c>
    </row>
    <row r="1100" spans="1:5" x14ac:dyDescent="0.4">
      <c r="A1100">
        <v>753</v>
      </c>
      <c r="B1100">
        <v>0</v>
      </c>
      <c r="C1100">
        <v>27</v>
      </c>
      <c r="D1100" t="s">
        <v>88</v>
      </c>
      <c r="E1100" s="1">
        <v>44599.884027777778</v>
      </c>
    </row>
    <row r="1101" spans="1:5" x14ac:dyDescent="0.4">
      <c r="A1101">
        <v>754</v>
      </c>
      <c r="B1101">
        <v>0</v>
      </c>
      <c r="C1101">
        <v>28</v>
      </c>
      <c r="D1101" t="s">
        <v>88</v>
      </c>
      <c r="E1101" s="1">
        <v>44599.884027777778</v>
      </c>
    </row>
    <row r="1102" spans="1:5" x14ac:dyDescent="0.4">
      <c r="A1102">
        <v>755</v>
      </c>
      <c r="B1102">
        <v>0</v>
      </c>
      <c r="C1102">
        <v>29</v>
      </c>
      <c r="D1102" t="s">
        <v>88</v>
      </c>
      <c r="E1102" s="1">
        <v>44599.884027777778</v>
      </c>
    </row>
    <row r="1103" spans="1:5" x14ac:dyDescent="0.4">
      <c r="A1103">
        <v>756</v>
      </c>
      <c r="B1103">
        <v>0</v>
      </c>
      <c r="C1103">
        <v>30</v>
      </c>
      <c r="D1103" t="s">
        <v>88</v>
      </c>
      <c r="E1103" s="1">
        <v>44599.884027777778</v>
      </c>
    </row>
    <row r="1104" spans="1:5" x14ac:dyDescent="0.4">
      <c r="A1104">
        <v>757</v>
      </c>
      <c r="B1104">
        <v>0</v>
      </c>
      <c r="C1104">
        <v>31</v>
      </c>
      <c r="D1104" t="s">
        <v>88</v>
      </c>
      <c r="E1104" s="1">
        <v>44599.884027777778</v>
      </c>
    </row>
    <row r="1105" spans="1:5" x14ac:dyDescent="0.4">
      <c r="A1105">
        <v>758</v>
      </c>
      <c r="B1105">
        <v>0</v>
      </c>
      <c r="C1105">
        <v>32</v>
      </c>
      <c r="D1105" t="s">
        <v>88</v>
      </c>
      <c r="E1105" s="1">
        <v>44599.884027777778</v>
      </c>
    </row>
    <row r="1106" spans="1:5" x14ac:dyDescent="0.4">
      <c r="A1106">
        <v>759</v>
      </c>
      <c r="B1106">
        <v>0</v>
      </c>
      <c r="C1106">
        <v>33</v>
      </c>
      <c r="D1106" t="s">
        <v>88</v>
      </c>
      <c r="E1106" s="1">
        <v>44599.884027777778</v>
      </c>
    </row>
    <row r="1107" spans="1:5" x14ac:dyDescent="0.4">
      <c r="A1107">
        <v>760</v>
      </c>
      <c r="B1107">
        <v>0</v>
      </c>
      <c r="C1107">
        <v>41</v>
      </c>
      <c r="D1107" t="s">
        <v>88</v>
      </c>
      <c r="E1107" s="1">
        <v>44599.884027777778</v>
      </c>
    </row>
    <row r="1108" spans="1:5" x14ac:dyDescent="0.4">
      <c r="A1108">
        <v>761</v>
      </c>
      <c r="B1108">
        <v>0</v>
      </c>
      <c r="C1108">
        <v>42</v>
      </c>
      <c r="D1108" t="s">
        <v>88</v>
      </c>
      <c r="E1108" s="1">
        <v>44599.884027777778</v>
      </c>
    </row>
    <row r="1109" spans="1:5" x14ac:dyDescent="0.4">
      <c r="A1109">
        <v>762</v>
      </c>
      <c r="B1109">
        <v>0</v>
      </c>
      <c r="C1109">
        <v>43</v>
      </c>
      <c r="D1109" t="s">
        <v>88</v>
      </c>
      <c r="E1109" s="1">
        <v>44599.884027777778</v>
      </c>
    </row>
    <row r="1110" spans="1:5" x14ac:dyDescent="0.4">
      <c r="A1110">
        <v>763</v>
      </c>
      <c r="B1110">
        <v>0</v>
      </c>
      <c r="C1110">
        <v>44</v>
      </c>
      <c r="D1110" t="s">
        <v>88</v>
      </c>
      <c r="E1110" s="1">
        <v>44599.884027777778</v>
      </c>
    </row>
    <row r="1111" spans="1:5" x14ac:dyDescent="0.4">
      <c r="A1111">
        <v>764</v>
      </c>
      <c r="B1111">
        <v>0</v>
      </c>
      <c r="C1111">
        <v>45</v>
      </c>
      <c r="D1111" t="s">
        <v>88</v>
      </c>
      <c r="E1111" s="1">
        <v>44599.884027777778</v>
      </c>
    </row>
    <row r="1112" spans="1:5" x14ac:dyDescent="0.4">
      <c r="A1112">
        <v>765</v>
      </c>
      <c r="B1112">
        <v>0</v>
      </c>
      <c r="C1112">
        <v>46</v>
      </c>
      <c r="D1112" t="s">
        <v>88</v>
      </c>
      <c r="E1112" s="1">
        <v>44599.884027777778</v>
      </c>
    </row>
    <row r="1113" spans="1:5" x14ac:dyDescent="0.4">
      <c r="A1113">
        <v>766</v>
      </c>
      <c r="B1113">
        <v>0</v>
      </c>
      <c r="C1113">
        <v>47</v>
      </c>
      <c r="D1113" t="s">
        <v>88</v>
      </c>
      <c r="E1113" s="1">
        <v>44599.884027777778</v>
      </c>
    </row>
    <row r="1114" spans="1:5" x14ac:dyDescent="0.4">
      <c r="A1114">
        <v>767</v>
      </c>
      <c r="B1114">
        <v>0</v>
      </c>
      <c r="C1114">
        <v>48</v>
      </c>
      <c r="D1114" t="s">
        <v>88</v>
      </c>
      <c r="E1114" s="1">
        <v>44599.884027777778</v>
      </c>
    </row>
    <row r="1115" spans="1:5" x14ac:dyDescent="0.4">
      <c r="A1115">
        <v>768</v>
      </c>
      <c r="B1115">
        <v>0</v>
      </c>
      <c r="C1115">
        <v>49</v>
      </c>
      <c r="D1115" t="s">
        <v>88</v>
      </c>
      <c r="E1115" s="1">
        <v>44599.884027777778</v>
      </c>
    </row>
    <row r="1116" spans="1:5" x14ac:dyDescent="0.4">
      <c r="A1116">
        <v>769</v>
      </c>
      <c r="B1116">
        <v>0</v>
      </c>
      <c r="C1116">
        <v>50</v>
      </c>
      <c r="D1116" t="s">
        <v>88</v>
      </c>
      <c r="E1116" s="1">
        <v>44599.884027777778</v>
      </c>
    </row>
    <row r="1117" spans="1:5" x14ac:dyDescent="0.4">
      <c r="A1117">
        <v>770</v>
      </c>
      <c r="B1117">
        <v>0</v>
      </c>
      <c r="C1117">
        <v>51</v>
      </c>
      <c r="D1117" t="s">
        <v>88</v>
      </c>
      <c r="E1117" s="1">
        <v>44599.884027777778</v>
      </c>
    </row>
    <row r="1118" spans="1:5" x14ac:dyDescent="0.4">
      <c r="A1118">
        <v>771</v>
      </c>
      <c r="B1118">
        <v>0</v>
      </c>
      <c r="C1118">
        <v>52</v>
      </c>
      <c r="D1118" t="s">
        <v>88</v>
      </c>
      <c r="E1118" s="1">
        <v>44599.884027777778</v>
      </c>
    </row>
    <row r="1119" spans="1:5" x14ac:dyDescent="0.4">
      <c r="A1119">
        <v>772</v>
      </c>
      <c r="B1119">
        <v>0</v>
      </c>
      <c r="C1119">
        <v>53</v>
      </c>
      <c r="D1119" t="s">
        <v>88</v>
      </c>
      <c r="E1119" s="1">
        <v>44599.884027777778</v>
      </c>
    </row>
    <row r="1120" spans="1:5" x14ac:dyDescent="0.4">
      <c r="A1120">
        <v>773</v>
      </c>
      <c r="B1120">
        <v>0</v>
      </c>
      <c r="C1120">
        <v>54</v>
      </c>
      <c r="D1120" t="s">
        <v>88</v>
      </c>
      <c r="E1120" s="1">
        <v>44599.884027777778</v>
      </c>
    </row>
    <row r="1121" spans="1:5" x14ac:dyDescent="0.4">
      <c r="A1121">
        <v>774</v>
      </c>
      <c r="B1121">
        <v>0</v>
      </c>
      <c r="C1121">
        <v>55</v>
      </c>
      <c r="D1121" t="s">
        <v>88</v>
      </c>
      <c r="E1121" s="1">
        <v>44599.884027777778</v>
      </c>
    </row>
    <row r="1122" spans="1:5" x14ac:dyDescent="0.4">
      <c r="A1122">
        <v>775</v>
      </c>
      <c r="B1122">
        <v>0</v>
      </c>
      <c r="C1122">
        <v>61</v>
      </c>
      <c r="D1122" t="s">
        <v>88</v>
      </c>
      <c r="E1122" s="1">
        <v>44599.884027777778</v>
      </c>
    </row>
    <row r="1123" spans="1:5" x14ac:dyDescent="0.4">
      <c r="A1123">
        <v>776</v>
      </c>
      <c r="B1123">
        <v>0</v>
      </c>
      <c r="C1123">
        <v>62</v>
      </c>
      <c r="D1123" t="s">
        <v>88</v>
      </c>
      <c r="E1123" s="1">
        <v>44599.884027777778</v>
      </c>
    </row>
    <row r="1124" spans="1:5" x14ac:dyDescent="0.4">
      <c r="A1124">
        <v>777</v>
      </c>
      <c r="B1124">
        <v>0</v>
      </c>
      <c r="C1124">
        <v>63</v>
      </c>
      <c r="D1124" t="s">
        <v>88</v>
      </c>
      <c r="E1124" s="1">
        <v>44599.884027777778</v>
      </c>
    </row>
    <row r="1125" spans="1:5" x14ac:dyDescent="0.4">
      <c r="A1125">
        <v>778</v>
      </c>
      <c r="B1125">
        <v>0</v>
      </c>
      <c r="C1125">
        <v>64</v>
      </c>
      <c r="D1125" t="s">
        <v>88</v>
      </c>
      <c r="E1125" s="1">
        <v>44599.884027777778</v>
      </c>
    </row>
    <row r="1126" spans="1:5" x14ac:dyDescent="0.4">
      <c r="A1126">
        <v>779</v>
      </c>
      <c r="B1126">
        <v>0</v>
      </c>
      <c r="C1126">
        <v>65</v>
      </c>
      <c r="D1126" t="s">
        <v>88</v>
      </c>
      <c r="E1126" s="1">
        <v>44599.884027777778</v>
      </c>
    </row>
    <row r="1127" spans="1:5" x14ac:dyDescent="0.4">
      <c r="A1127">
        <v>780</v>
      </c>
      <c r="B1127">
        <v>0</v>
      </c>
      <c r="C1127">
        <v>66</v>
      </c>
      <c r="D1127" t="s">
        <v>88</v>
      </c>
      <c r="E1127" s="1">
        <v>44599.884027777778</v>
      </c>
    </row>
    <row r="1128" spans="1:5" x14ac:dyDescent="0.4">
      <c r="A1128">
        <v>781</v>
      </c>
      <c r="B1128">
        <v>0</v>
      </c>
      <c r="C1128">
        <v>67</v>
      </c>
      <c r="D1128" t="s">
        <v>88</v>
      </c>
      <c r="E1128" s="1">
        <v>44599.884027777778</v>
      </c>
    </row>
    <row r="1129" spans="1:5" x14ac:dyDescent="0.4">
      <c r="A1129">
        <v>782</v>
      </c>
      <c r="B1129">
        <v>0</v>
      </c>
      <c r="C1129">
        <v>68</v>
      </c>
      <c r="D1129" t="s">
        <v>88</v>
      </c>
      <c r="E1129" s="1">
        <v>44599.884027777778</v>
      </c>
    </row>
    <row r="1130" spans="1:5" x14ac:dyDescent="0.4">
      <c r="A1130">
        <v>783</v>
      </c>
      <c r="B1130">
        <v>0</v>
      </c>
      <c r="C1130">
        <v>69</v>
      </c>
      <c r="D1130" t="s">
        <v>88</v>
      </c>
      <c r="E1130" s="1">
        <v>44599.884027777778</v>
      </c>
    </row>
    <row r="1131" spans="1:5" x14ac:dyDescent="0.4">
      <c r="A1131">
        <v>784</v>
      </c>
      <c r="B1131">
        <v>0</v>
      </c>
      <c r="C1131">
        <v>70</v>
      </c>
      <c r="D1131" t="s">
        <v>88</v>
      </c>
      <c r="E1131" s="1">
        <v>44599.884027777778</v>
      </c>
    </row>
    <row r="1132" spans="1:5" x14ac:dyDescent="0.4">
      <c r="A1132">
        <v>785</v>
      </c>
      <c r="B1132">
        <v>0</v>
      </c>
      <c r="C1132">
        <v>71</v>
      </c>
      <c r="D1132" t="s">
        <v>88</v>
      </c>
      <c r="E1132" s="1">
        <v>44599.884027777778</v>
      </c>
    </row>
    <row r="1133" spans="1:5" x14ac:dyDescent="0.4">
      <c r="A1133">
        <v>786</v>
      </c>
      <c r="B1133">
        <v>0</v>
      </c>
      <c r="C1133">
        <v>72</v>
      </c>
      <c r="D1133" t="s">
        <v>88</v>
      </c>
      <c r="E1133" s="1">
        <v>44599.884027777778</v>
      </c>
    </row>
    <row r="1134" spans="1:5" x14ac:dyDescent="0.4">
      <c r="A1134">
        <v>787</v>
      </c>
      <c r="B1134">
        <v>0</v>
      </c>
      <c r="C1134">
        <v>73</v>
      </c>
      <c r="D1134" t="s">
        <v>88</v>
      </c>
      <c r="E1134" s="1">
        <v>44599.884027777778</v>
      </c>
    </row>
    <row r="1135" spans="1:5" x14ac:dyDescent="0.4">
      <c r="A1135">
        <v>788</v>
      </c>
      <c r="B1135">
        <v>0</v>
      </c>
      <c r="C1135">
        <v>74</v>
      </c>
      <c r="D1135" t="s">
        <v>88</v>
      </c>
      <c r="E1135" s="1">
        <v>44599.884027777778</v>
      </c>
    </row>
    <row r="1136" spans="1:5" x14ac:dyDescent="0.4">
      <c r="A1136">
        <v>789</v>
      </c>
      <c r="B1136">
        <v>0</v>
      </c>
      <c r="C1136">
        <v>75</v>
      </c>
      <c r="D1136" t="s">
        <v>88</v>
      </c>
      <c r="E1136" s="1">
        <v>44599.884027777778</v>
      </c>
    </row>
    <row r="1137" spans="1:5" x14ac:dyDescent="0.4">
      <c r="A1137">
        <v>790</v>
      </c>
      <c r="B1137">
        <v>0</v>
      </c>
      <c r="C1137">
        <v>76</v>
      </c>
      <c r="D1137" t="s">
        <v>88</v>
      </c>
      <c r="E1137" s="1">
        <v>44599.884027777778</v>
      </c>
    </row>
    <row r="1138" spans="1:5" x14ac:dyDescent="0.4">
      <c r="A1138">
        <v>791</v>
      </c>
      <c r="B1138">
        <v>0</v>
      </c>
      <c r="C1138">
        <v>77</v>
      </c>
      <c r="D1138" t="s">
        <v>88</v>
      </c>
      <c r="E1138" s="1">
        <v>44599.884027777778</v>
      </c>
    </row>
    <row r="1139" spans="1:5" x14ac:dyDescent="0.4">
      <c r="A1139">
        <v>792</v>
      </c>
      <c r="B1139">
        <v>0</v>
      </c>
      <c r="C1139">
        <v>78</v>
      </c>
      <c r="D1139" t="s">
        <v>88</v>
      </c>
      <c r="E1139" s="1">
        <v>44599.884027777778</v>
      </c>
    </row>
    <row r="1140" spans="1:5" x14ac:dyDescent="0.4">
      <c r="A1140">
        <v>793</v>
      </c>
      <c r="B1140">
        <v>0</v>
      </c>
      <c r="C1140">
        <v>79</v>
      </c>
      <c r="D1140" t="s">
        <v>88</v>
      </c>
      <c r="E1140" s="1">
        <v>44599.884027777778</v>
      </c>
    </row>
    <row r="1141" spans="1:5" x14ac:dyDescent="0.4">
      <c r="A1141">
        <v>794</v>
      </c>
      <c r="B1141">
        <v>0</v>
      </c>
      <c r="C1141">
        <v>91</v>
      </c>
      <c r="D1141" t="s">
        <v>88</v>
      </c>
      <c r="E1141" s="1">
        <v>44599.884027777778</v>
      </c>
    </row>
    <row r="1142" spans="1:5" x14ac:dyDescent="0.4">
      <c r="A1142">
        <v>795</v>
      </c>
      <c r="B1142">
        <v>0</v>
      </c>
      <c r="C1142">
        <v>92</v>
      </c>
      <c r="D1142" t="s">
        <v>88</v>
      </c>
      <c r="E1142" s="1">
        <v>44599.884027777778</v>
      </c>
    </row>
    <row r="1143" spans="1:5" x14ac:dyDescent="0.4">
      <c r="A1143">
        <v>796</v>
      </c>
      <c r="B1143">
        <v>0</v>
      </c>
      <c r="C1143">
        <v>93</v>
      </c>
      <c r="D1143" t="s">
        <v>88</v>
      </c>
      <c r="E1143" s="1">
        <v>44599.884027777778</v>
      </c>
    </row>
    <row r="1144" spans="1:5" x14ac:dyDescent="0.4">
      <c r="A1144">
        <v>797</v>
      </c>
      <c r="B1144">
        <v>0</v>
      </c>
      <c r="C1144">
        <v>94</v>
      </c>
      <c r="D1144" t="s">
        <v>88</v>
      </c>
      <c r="E1144" s="1">
        <v>44599.884027777778</v>
      </c>
    </row>
    <row r="1145" spans="1:5" x14ac:dyDescent="0.4">
      <c r="A1145">
        <v>798</v>
      </c>
      <c r="B1145">
        <v>0</v>
      </c>
      <c r="C1145">
        <v>95</v>
      </c>
      <c r="D1145" t="s">
        <v>88</v>
      </c>
      <c r="E1145" s="1">
        <v>44599.884027777778</v>
      </c>
    </row>
    <row r="1146" spans="1:5" x14ac:dyDescent="0.4">
      <c r="A1146">
        <v>799</v>
      </c>
      <c r="B1146">
        <v>0</v>
      </c>
      <c r="C1146">
        <v>96</v>
      </c>
      <c r="D1146" t="s">
        <v>88</v>
      </c>
      <c r="E1146" s="1">
        <v>44599.884027777778</v>
      </c>
    </row>
    <row r="1147" spans="1:5" x14ac:dyDescent="0.4">
      <c r="A1147">
        <v>800</v>
      </c>
      <c r="B1147">
        <v>0</v>
      </c>
      <c r="C1147">
        <v>97</v>
      </c>
      <c r="D1147" t="s">
        <v>88</v>
      </c>
      <c r="E1147" s="1">
        <v>44599.884027777778</v>
      </c>
    </row>
    <row r="1148" spans="1:5" x14ac:dyDescent="0.4">
      <c r="A1148">
        <v>801</v>
      </c>
      <c r="B1148">
        <v>0</v>
      </c>
      <c r="C1148">
        <v>98</v>
      </c>
      <c r="D1148" t="s">
        <v>88</v>
      </c>
      <c r="E1148" s="1">
        <v>44599.884027777778</v>
      </c>
    </row>
    <row r="1149" spans="1:5" x14ac:dyDescent="0.4">
      <c r="A1149">
        <v>802</v>
      </c>
      <c r="B1149">
        <v>0</v>
      </c>
      <c r="C1149">
        <v>99</v>
      </c>
      <c r="D1149" t="s">
        <v>88</v>
      </c>
      <c r="E1149" s="1">
        <v>44599.884027777778</v>
      </c>
    </row>
    <row r="1150" spans="1:5" x14ac:dyDescent="0.4">
      <c r="A1150">
        <v>803</v>
      </c>
      <c r="B1150">
        <v>0</v>
      </c>
      <c r="C1150">
        <v>100</v>
      </c>
      <c r="D1150" t="s">
        <v>88</v>
      </c>
      <c r="E1150" s="1">
        <v>44599.884027777778</v>
      </c>
    </row>
    <row r="1151" spans="1:5" x14ac:dyDescent="0.4">
      <c r="A1151">
        <v>804</v>
      </c>
      <c r="B1151">
        <v>0</v>
      </c>
      <c r="C1151">
        <v>101</v>
      </c>
      <c r="D1151" t="s">
        <v>88</v>
      </c>
      <c r="E1151" s="1">
        <v>44599.884027777778</v>
      </c>
    </row>
    <row r="1152" spans="1:5" x14ac:dyDescent="0.4">
      <c r="A1152">
        <v>805</v>
      </c>
      <c r="B1152">
        <v>0</v>
      </c>
      <c r="C1152">
        <v>102</v>
      </c>
      <c r="D1152" t="s">
        <v>88</v>
      </c>
      <c r="E1152" s="1">
        <v>44599.884027777778</v>
      </c>
    </row>
    <row r="1153" spans="1:5" x14ac:dyDescent="0.4">
      <c r="A1153">
        <v>806</v>
      </c>
      <c r="B1153">
        <v>0</v>
      </c>
      <c r="C1153">
        <v>103</v>
      </c>
      <c r="D1153" t="s">
        <v>88</v>
      </c>
      <c r="E1153" s="1">
        <v>44599.884027777778</v>
      </c>
    </row>
    <row r="1154" spans="1:5" x14ac:dyDescent="0.4">
      <c r="A1154">
        <v>807</v>
      </c>
      <c r="B1154">
        <v>0</v>
      </c>
      <c r="C1154">
        <v>104</v>
      </c>
      <c r="D1154" t="s">
        <v>88</v>
      </c>
      <c r="E1154" s="1">
        <v>44599.884027777778</v>
      </c>
    </row>
    <row r="1155" spans="1:5" x14ac:dyDescent="0.4">
      <c r="A1155">
        <v>808</v>
      </c>
      <c r="B1155">
        <v>0</v>
      </c>
      <c r="C1155">
        <v>105</v>
      </c>
      <c r="D1155" t="s">
        <v>88</v>
      </c>
      <c r="E1155" s="1">
        <v>44599.884027777778</v>
      </c>
    </row>
    <row r="1156" spans="1:5" x14ac:dyDescent="0.4">
      <c r="A1156">
        <v>809</v>
      </c>
      <c r="B1156">
        <v>0</v>
      </c>
      <c r="C1156">
        <v>106</v>
      </c>
      <c r="D1156" t="s">
        <v>88</v>
      </c>
      <c r="E1156" s="1">
        <v>44599.884027777778</v>
      </c>
    </row>
    <row r="1157" spans="1:5" x14ac:dyDescent="0.4">
      <c r="A1157">
        <v>810</v>
      </c>
      <c r="B1157">
        <v>0</v>
      </c>
      <c r="C1157">
        <v>107</v>
      </c>
      <c r="D1157" t="s">
        <v>88</v>
      </c>
      <c r="E1157" s="1">
        <v>44599.884027777778</v>
      </c>
    </row>
    <row r="1158" spans="1:5" x14ac:dyDescent="0.4">
      <c r="A1158">
        <v>811</v>
      </c>
      <c r="B1158">
        <v>0</v>
      </c>
      <c r="C1158">
        <v>108</v>
      </c>
      <c r="D1158" t="s">
        <v>88</v>
      </c>
      <c r="E1158" s="1">
        <v>44599.884027777778</v>
      </c>
    </row>
    <row r="1159" spans="1:5" x14ac:dyDescent="0.4">
      <c r="A1159">
        <v>812</v>
      </c>
      <c r="B1159">
        <v>0</v>
      </c>
      <c r="C1159">
        <v>109</v>
      </c>
      <c r="D1159" t="s">
        <v>88</v>
      </c>
      <c r="E1159" s="1">
        <v>44599.884027777778</v>
      </c>
    </row>
    <row r="1160" spans="1:5" x14ac:dyDescent="0.4">
      <c r="A1160">
        <v>813</v>
      </c>
      <c r="B1160">
        <v>0</v>
      </c>
      <c r="C1160">
        <v>110</v>
      </c>
      <c r="D1160" t="s">
        <v>88</v>
      </c>
      <c r="E1160" s="1">
        <v>44599.884027777778</v>
      </c>
    </row>
    <row r="1161" spans="1:5" x14ac:dyDescent="0.4">
      <c r="A1161">
        <v>814</v>
      </c>
      <c r="B1161">
        <v>0</v>
      </c>
      <c r="C1161">
        <v>111</v>
      </c>
      <c r="D1161" t="s">
        <v>88</v>
      </c>
      <c r="E1161" s="1">
        <v>44599.884027777778</v>
      </c>
    </row>
    <row r="1162" spans="1:5" x14ac:dyDescent="0.4">
      <c r="A1162">
        <v>815</v>
      </c>
      <c r="B1162">
        <v>0</v>
      </c>
      <c r="C1162">
        <v>112</v>
      </c>
      <c r="D1162" t="s">
        <v>88</v>
      </c>
      <c r="E1162" s="1">
        <v>44599.884027777778</v>
      </c>
    </row>
    <row r="1163" spans="1:5" x14ac:dyDescent="0.4">
      <c r="A1163">
        <v>816</v>
      </c>
      <c r="B1163">
        <v>0</v>
      </c>
      <c r="C1163">
        <v>113</v>
      </c>
      <c r="D1163" t="s">
        <v>88</v>
      </c>
      <c r="E1163" s="1">
        <v>44599.884027777778</v>
      </c>
    </row>
    <row r="1164" spans="1:5" x14ac:dyDescent="0.4">
      <c r="A1164">
        <v>817</v>
      </c>
      <c r="B1164">
        <v>0</v>
      </c>
      <c r="C1164">
        <v>114</v>
      </c>
      <c r="D1164" t="s">
        <v>88</v>
      </c>
      <c r="E1164" s="1">
        <v>44599.884027777778</v>
      </c>
    </row>
    <row r="1165" spans="1:5" x14ac:dyDescent="0.4">
      <c r="A1165">
        <v>818</v>
      </c>
      <c r="B1165">
        <v>0</v>
      </c>
      <c r="C1165">
        <v>115</v>
      </c>
      <c r="D1165" t="s">
        <v>88</v>
      </c>
      <c r="E1165" s="1">
        <v>44599.884027777778</v>
      </c>
    </row>
    <row r="1166" spans="1:5" x14ac:dyDescent="0.4">
      <c r="A1166">
        <v>819</v>
      </c>
      <c r="B1166">
        <v>0</v>
      </c>
      <c r="C1166">
        <v>116</v>
      </c>
      <c r="D1166" t="s">
        <v>88</v>
      </c>
      <c r="E1166" s="1">
        <v>44599.884027777778</v>
      </c>
    </row>
    <row r="1167" spans="1:5" x14ac:dyDescent="0.4">
      <c r="A1167">
        <v>820</v>
      </c>
      <c r="B1167">
        <v>0</v>
      </c>
      <c r="C1167">
        <v>121</v>
      </c>
      <c r="D1167" t="s">
        <v>88</v>
      </c>
      <c r="E1167" s="1">
        <v>44599.884027777778</v>
      </c>
    </row>
    <row r="1168" spans="1:5" x14ac:dyDescent="0.4">
      <c r="A1168">
        <v>821</v>
      </c>
      <c r="B1168">
        <v>0</v>
      </c>
      <c r="C1168">
        <v>122</v>
      </c>
      <c r="D1168" t="s">
        <v>88</v>
      </c>
      <c r="E1168" s="1">
        <v>44599.884027777778</v>
      </c>
    </row>
    <row r="1169" spans="1:5" x14ac:dyDescent="0.4">
      <c r="A1169">
        <v>822</v>
      </c>
      <c r="B1169">
        <v>0</v>
      </c>
      <c r="C1169">
        <v>123</v>
      </c>
      <c r="D1169" t="s">
        <v>88</v>
      </c>
      <c r="E1169" s="1">
        <v>44599.884027777778</v>
      </c>
    </row>
    <row r="1170" spans="1:5" x14ac:dyDescent="0.4">
      <c r="A1170">
        <v>823</v>
      </c>
      <c r="B1170">
        <v>0</v>
      </c>
      <c r="C1170">
        <v>124</v>
      </c>
      <c r="D1170" t="s">
        <v>88</v>
      </c>
      <c r="E1170" s="1">
        <v>44599.884027777778</v>
      </c>
    </row>
    <row r="1171" spans="1:5" x14ac:dyDescent="0.4">
      <c r="A1171">
        <v>824</v>
      </c>
      <c r="B1171">
        <v>0</v>
      </c>
      <c r="C1171">
        <v>125</v>
      </c>
      <c r="D1171" t="s">
        <v>88</v>
      </c>
      <c r="E1171" s="1">
        <v>44599.884027777778</v>
      </c>
    </row>
    <row r="1172" spans="1:5" x14ac:dyDescent="0.4">
      <c r="A1172">
        <v>825</v>
      </c>
      <c r="B1172">
        <v>0</v>
      </c>
      <c r="C1172">
        <v>126</v>
      </c>
      <c r="D1172" t="s">
        <v>88</v>
      </c>
      <c r="E1172" s="1">
        <v>44599.884027777778</v>
      </c>
    </row>
    <row r="1173" spans="1:5" x14ac:dyDescent="0.4">
      <c r="A1173">
        <v>826</v>
      </c>
      <c r="B1173">
        <v>0</v>
      </c>
      <c r="C1173">
        <v>131</v>
      </c>
      <c r="D1173" t="s">
        <v>88</v>
      </c>
      <c r="E1173" s="1">
        <v>44599.884027777778</v>
      </c>
    </row>
    <row r="1174" spans="1:5" x14ac:dyDescent="0.4">
      <c r="A1174">
        <v>827</v>
      </c>
      <c r="B1174">
        <v>0</v>
      </c>
      <c r="C1174">
        <v>141</v>
      </c>
      <c r="D1174" t="s">
        <v>88</v>
      </c>
      <c r="E1174" s="1">
        <v>44599.884027777778</v>
      </c>
    </row>
    <row r="1175" spans="1:5" x14ac:dyDescent="0.4">
      <c r="A1175">
        <v>828</v>
      </c>
      <c r="B1175">
        <v>0</v>
      </c>
      <c r="C1175">
        <v>142</v>
      </c>
      <c r="D1175" t="s">
        <v>88</v>
      </c>
      <c r="E1175" s="1">
        <v>44599.884027777778</v>
      </c>
    </row>
    <row r="1176" spans="1:5" x14ac:dyDescent="0.4">
      <c r="A1176">
        <v>829</v>
      </c>
      <c r="B1176">
        <v>0</v>
      </c>
      <c r="C1176">
        <v>143</v>
      </c>
      <c r="D1176" t="s">
        <v>88</v>
      </c>
      <c r="E1176" s="1">
        <v>44599.884027777778</v>
      </c>
    </row>
    <row r="1177" spans="1:5" x14ac:dyDescent="0.4">
      <c r="A1177">
        <v>830</v>
      </c>
      <c r="B1177">
        <v>0</v>
      </c>
      <c r="C1177">
        <v>144</v>
      </c>
      <c r="D1177" t="s">
        <v>88</v>
      </c>
      <c r="E1177" s="1">
        <v>44599.884027777778</v>
      </c>
    </row>
    <row r="1178" spans="1:5" x14ac:dyDescent="0.4">
      <c r="A1178">
        <v>831</v>
      </c>
      <c r="B1178">
        <v>0</v>
      </c>
      <c r="C1178">
        <v>145</v>
      </c>
      <c r="D1178" t="s">
        <v>88</v>
      </c>
      <c r="E1178" s="1">
        <v>44599.884027777778</v>
      </c>
    </row>
    <row r="1179" spans="1:5" x14ac:dyDescent="0.4">
      <c r="A1179">
        <v>832</v>
      </c>
      <c r="B1179">
        <v>0</v>
      </c>
      <c r="C1179">
        <v>146</v>
      </c>
      <c r="D1179" t="s">
        <v>88</v>
      </c>
      <c r="E1179" s="1">
        <v>44599.884027777778</v>
      </c>
    </row>
    <row r="1180" spans="1:5" x14ac:dyDescent="0.4">
      <c r="A1180">
        <v>833</v>
      </c>
      <c r="B1180">
        <v>0</v>
      </c>
      <c r="C1180">
        <v>147</v>
      </c>
      <c r="D1180" t="s">
        <v>88</v>
      </c>
      <c r="E1180" s="1">
        <v>44599.884027777778</v>
      </c>
    </row>
    <row r="1181" spans="1:5" x14ac:dyDescent="0.4">
      <c r="A1181">
        <v>834</v>
      </c>
      <c r="B1181">
        <v>0</v>
      </c>
      <c r="C1181">
        <v>161</v>
      </c>
      <c r="D1181" t="s">
        <v>88</v>
      </c>
      <c r="E1181" s="1">
        <v>44599.884027777778</v>
      </c>
    </row>
    <row r="1182" spans="1:5" x14ac:dyDescent="0.4">
      <c r="A1182">
        <v>835</v>
      </c>
      <c r="B1182">
        <v>0</v>
      </c>
      <c r="C1182">
        <v>162</v>
      </c>
      <c r="D1182" t="s">
        <v>88</v>
      </c>
      <c r="E1182" s="1">
        <v>44599.884027777778</v>
      </c>
    </row>
    <row r="1183" spans="1:5" x14ac:dyDescent="0.4">
      <c r="A1183">
        <v>836</v>
      </c>
      <c r="B1183">
        <v>0</v>
      </c>
      <c r="C1183">
        <v>163</v>
      </c>
      <c r="D1183" t="s">
        <v>88</v>
      </c>
      <c r="E1183" s="1">
        <v>44599.884027777778</v>
      </c>
    </row>
    <row r="1184" spans="1:5" x14ac:dyDescent="0.4">
      <c r="A1184">
        <v>837</v>
      </c>
      <c r="B1184">
        <v>0</v>
      </c>
      <c r="C1184">
        <v>164</v>
      </c>
      <c r="D1184" t="s">
        <v>88</v>
      </c>
      <c r="E1184" s="1">
        <v>44599.884027777778</v>
      </c>
    </row>
    <row r="1185" spans="1:5" x14ac:dyDescent="0.4">
      <c r="A1185">
        <v>838</v>
      </c>
      <c r="B1185">
        <v>0</v>
      </c>
      <c r="C1185">
        <v>165</v>
      </c>
      <c r="D1185" t="s">
        <v>88</v>
      </c>
      <c r="E1185" s="1">
        <v>44599.884027777778</v>
      </c>
    </row>
    <row r="1186" spans="1:5" x14ac:dyDescent="0.4">
      <c r="A1186">
        <v>839</v>
      </c>
      <c r="B1186">
        <v>0</v>
      </c>
      <c r="C1186">
        <v>166</v>
      </c>
      <c r="D1186" t="s">
        <v>88</v>
      </c>
      <c r="E1186" s="1">
        <v>44599.884027777778</v>
      </c>
    </row>
    <row r="1187" spans="1:5" x14ac:dyDescent="0.4">
      <c r="A1187">
        <v>840</v>
      </c>
      <c r="B1187">
        <v>0</v>
      </c>
      <c r="C1187">
        <v>167</v>
      </c>
      <c r="D1187" t="s">
        <v>88</v>
      </c>
      <c r="E1187" s="1">
        <v>44599.884027777778</v>
      </c>
    </row>
    <row r="1188" spans="1:5" x14ac:dyDescent="0.4">
      <c r="A1188">
        <v>841</v>
      </c>
      <c r="B1188">
        <v>0</v>
      </c>
      <c r="C1188">
        <v>168</v>
      </c>
      <c r="D1188" t="s">
        <v>88</v>
      </c>
      <c r="E1188" s="1">
        <v>44599.884027777778</v>
      </c>
    </row>
    <row r="1189" spans="1:5" x14ac:dyDescent="0.4">
      <c r="A1189">
        <v>842</v>
      </c>
      <c r="B1189">
        <v>0</v>
      </c>
      <c r="C1189">
        <v>169</v>
      </c>
      <c r="D1189" t="s">
        <v>88</v>
      </c>
      <c r="E1189" s="1">
        <v>44599.884027777778</v>
      </c>
    </row>
    <row r="1190" spans="1:5" x14ac:dyDescent="0.4">
      <c r="A1190">
        <v>843</v>
      </c>
      <c r="B1190">
        <v>0</v>
      </c>
      <c r="C1190">
        <v>170</v>
      </c>
      <c r="D1190" t="s">
        <v>88</v>
      </c>
      <c r="E1190" s="1">
        <v>44599.884027777778</v>
      </c>
    </row>
    <row r="1191" spans="1:5" x14ac:dyDescent="0.4">
      <c r="A1191">
        <v>844</v>
      </c>
      <c r="B1191">
        <v>0</v>
      </c>
      <c r="C1191">
        <v>171</v>
      </c>
      <c r="D1191" t="s">
        <v>88</v>
      </c>
      <c r="E1191" s="1">
        <v>44599.884027777778</v>
      </c>
    </row>
    <row r="1192" spans="1:5" x14ac:dyDescent="0.4">
      <c r="A1192">
        <v>845</v>
      </c>
      <c r="B1192">
        <v>0</v>
      </c>
      <c r="C1192">
        <v>172</v>
      </c>
      <c r="D1192" t="s">
        <v>88</v>
      </c>
      <c r="E1192" s="1">
        <v>44599.884027777778</v>
      </c>
    </row>
    <row r="1193" spans="1:5" x14ac:dyDescent="0.4">
      <c r="A1193">
        <v>846</v>
      </c>
      <c r="B1193">
        <v>0</v>
      </c>
      <c r="C1193">
        <v>173</v>
      </c>
      <c r="D1193" t="s">
        <v>88</v>
      </c>
      <c r="E1193" s="1">
        <v>44599.884027777778</v>
      </c>
    </row>
    <row r="1194" spans="1:5" x14ac:dyDescent="0.4">
      <c r="A1194">
        <v>847</v>
      </c>
      <c r="B1194">
        <v>0</v>
      </c>
      <c r="C1194">
        <v>174</v>
      </c>
      <c r="D1194" t="s">
        <v>88</v>
      </c>
      <c r="E1194" s="1">
        <v>44599.884027777778</v>
      </c>
    </row>
    <row r="1195" spans="1:5" x14ac:dyDescent="0.4">
      <c r="A1195">
        <v>848</v>
      </c>
      <c r="B1195">
        <v>0</v>
      </c>
      <c r="C1195">
        <v>175</v>
      </c>
      <c r="D1195" t="s">
        <v>88</v>
      </c>
      <c r="E1195" s="1">
        <v>44599.884027777778</v>
      </c>
    </row>
    <row r="1196" spans="1:5" x14ac:dyDescent="0.4">
      <c r="A1196">
        <v>849</v>
      </c>
      <c r="B1196">
        <v>0</v>
      </c>
      <c r="C1196">
        <v>181</v>
      </c>
      <c r="D1196" t="s">
        <v>88</v>
      </c>
      <c r="E1196" s="1">
        <v>44599.884027777778</v>
      </c>
    </row>
    <row r="1197" spans="1:5" x14ac:dyDescent="0.4">
      <c r="A1197">
        <v>850</v>
      </c>
      <c r="B1197">
        <v>0</v>
      </c>
      <c r="C1197">
        <v>182</v>
      </c>
      <c r="D1197" t="s">
        <v>88</v>
      </c>
      <c r="E1197" s="1">
        <v>44599.884027777778</v>
      </c>
    </row>
    <row r="1198" spans="1:5" x14ac:dyDescent="0.4">
      <c r="A1198">
        <v>851</v>
      </c>
      <c r="B1198">
        <v>0</v>
      </c>
      <c r="C1198">
        <v>183</v>
      </c>
      <c r="D1198" t="s">
        <v>88</v>
      </c>
      <c r="E1198" s="1">
        <v>44599.884027777778</v>
      </c>
    </row>
    <row r="1199" spans="1:5" x14ac:dyDescent="0.4">
      <c r="A1199">
        <v>852</v>
      </c>
      <c r="B1199">
        <v>0</v>
      </c>
      <c r="C1199">
        <v>184</v>
      </c>
      <c r="D1199" t="s">
        <v>88</v>
      </c>
      <c r="E1199" s="1">
        <v>44599.884027777778</v>
      </c>
    </row>
    <row r="1200" spans="1:5" x14ac:dyDescent="0.4">
      <c r="A1200">
        <v>853</v>
      </c>
      <c r="B1200">
        <v>0</v>
      </c>
      <c r="C1200">
        <v>185</v>
      </c>
      <c r="D1200" t="s">
        <v>88</v>
      </c>
      <c r="E1200" s="1">
        <v>44599.884027777778</v>
      </c>
    </row>
    <row r="1201" spans="1:5" x14ac:dyDescent="0.4">
      <c r="A1201">
        <v>854</v>
      </c>
      <c r="B1201">
        <v>0</v>
      </c>
      <c r="C1201">
        <v>186</v>
      </c>
      <c r="D1201" t="s">
        <v>88</v>
      </c>
      <c r="E1201" s="1">
        <v>44599.884027777778</v>
      </c>
    </row>
    <row r="1202" spans="1:5" x14ac:dyDescent="0.4">
      <c r="A1202">
        <v>855</v>
      </c>
      <c r="B1202">
        <v>0</v>
      </c>
      <c r="C1202">
        <v>190</v>
      </c>
      <c r="D1202" t="s">
        <v>88</v>
      </c>
      <c r="E1202" s="1">
        <v>44599.884027777778</v>
      </c>
    </row>
    <row r="1203" spans="1:5" x14ac:dyDescent="0.4">
      <c r="A1203">
        <v>856</v>
      </c>
      <c r="B1203">
        <v>0</v>
      </c>
      <c r="C1203">
        <v>191</v>
      </c>
      <c r="D1203" t="s">
        <v>88</v>
      </c>
      <c r="E1203" s="1">
        <v>44599.884027777778</v>
      </c>
    </row>
    <row r="1204" spans="1:5" x14ac:dyDescent="0.4">
      <c r="A1204">
        <v>857</v>
      </c>
      <c r="B1204">
        <v>0</v>
      </c>
      <c r="C1204">
        <v>192</v>
      </c>
      <c r="D1204" t="s">
        <v>88</v>
      </c>
      <c r="E1204" s="1">
        <v>44599.884027777778</v>
      </c>
    </row>
    <row r="1205" spans="1:5" x14ac:dyDescent="0.4">
      <c r="A1205">
        <v>858</v>
      </c>
      <c r="B1205">
        <v>0</v>
      </c>
      <c r="C1205">
        <v>193</v>
      </c>
      <c r="D1205" t="s">
        <v>88</v>
      </c>
      <c r="E1205" s="1">
        <v>44599.884027777778</v>
      </c>
    </row>
    <row r="1206" spans="1:5" x14ac:dyDescent="0.4">
      <c r="A1206">
        <v>859</v>
      </c>
      <c r="B1206">
        <v>0</v>
      </c>
      <c r="C1206">
        <v>194</v>
      </c>
      <c r="D1206" t="s">
        <v>88</v>
      </c>
      <c r="E1206" s="1">
        <v>44599.884027777778</v>
      </c>
    </row>
    <row r="1207" spans="1:5" x14ac:dyDescent="0.4">
      <c r="A1207">
        <v>860</v>
      </c>
      <c r="B1207">
        <v>0</v>
      </c>
      <c r="C1207">
        <v>195</v>
      </c>
      <c r="D1207" t="s">
        <v>88</v>
      </c>
      <c r="E1207" s="1">
        <v>44599.884027777778</v>
      </c>
    </row>
    <row r="1208" spans="1:5" x14ac:dyDescent="0.4">
      <c r="A1208">
        <v>861</v>
      </c>
      <c r="B1208">
        <v>0</v>
      </c>
      <c r="C1208">
        <v>301</v>
      </c>
      <c r="D1208" t="s">
        <v>88</v>
      </c>
      <c r="E1208" s="1">
        <v>44599.884027777778</v>
      </c>
    </row>
    <row r="1209" spans="1:5" x14ac:dyDescent="0.4">
      <c r="A1209">
        <v>862</v>
      </c>
      <c r="B1209">
        <v>0</v>
      </c>
      <c r="C1209">
        <v>302</v>
      </c>
      <c r="D1209" t="s">
        <v>88</v>
      </c>
      <c r="E1209" s="1">
        <v>44599.884027777778</v>
      </c>
    </row>
    <row r="1210" spans="1:5" x14ac:dyDescent="0.4">
      <c r="A1210">
        <v>863</v>
      </c>
      <c r="B1210">
        <v>0</v>
      </c>
      <c r="C1210">
        <v>321</v>
      </c>
      <c r="D1210" t="s">
        <v>88</v>
      </c>
      <c r="E1210" s="1">
        <v>44599.884027777778</v>
      </c>
    </row>
    <row r="1211" spans="1:5" x14ac:dyDescent="0.4">
      <c r="A1211">
        <v>864</v>
      </c>
      <c r="B1211">
        <v>0</v>
      </c>
      <c r="C1211">
        <v>322</v>
      </c>
      <c r="D1211" t="s">
        <v>88</v>
      </c>
      <c r="E1211" s="1">
        <v>44599.884027777778</v>
      </c>
    </row>
    <row r="1212" spans="1:5" x14ac:dyDescent="0.4">
      <c r="A1212">
        <v>865</v>
      </c>
      <c r="B1212">
        <v>0</v>
      </c>
      <c r="C1212">
        <v>323</v>
      </c>
      <c r="D1212" t="s">
        <v>88</v>
      </c>
      <c r="E1212" s="1">
        <v>44599.884027777778</v>
      </c>
    </row>
    <row r="1213" spans="1:5" x14ac:dyDescent="0.4">
      <c r="A1213">
        <v>866</v>
      </c>
      <c r="B1213">
        <v>0</v>
      </c>
      <c r="C1213">
        <v>324</v>
      </c>
      <c r="D1213" t="s">
        <v>88</v>
      </c>
      <c r="E1213" s="1">
        <v>44599.884027777778</v>
      </c>
    </row>
    <row r="1214" spans="1:5" x14ac:dyDescent="0.4">
      <c r="A1214">
        <v>867</v>
      </c>
      <c r="B1214">
        <v>0</v>
      </c>
      <c r="C1214">
        <v>325</v>
      </c>
      <c r="D1214" t="s">
        <v>88</v>
      </c>
      <c r="E1214" s="1">
        <v>44599.884027777778</v>
      </c>
    </row>
    <row r="1215" spans="1:5" x14ac:dyDescent="0.4">
      <c r="A1215">
        <v>868</v>
      </c>
      <c r="B1215">
        <v>0</v>
      </c>
      <c r="C1215">
        <v>326</v>
      </c>
      <c r="D1215" t="s">
        <v>88</v>
      </c>
      <c r="E1215" s="1">
        <v>44599.884027777778</v>
      </c>
    </row>
    <row r="1216" spans="1:5" x14ac:dyDescent="0.4">
      <c r="A1216">
        <v>869</v>
      </c>
      <c r="B1216">
        <v>0</v>
      </c>
      <c r="C1216">
        <v>327</v>
      </c>
      <c r="D1216" t="s">
        <v>88</v>
      </c>
      <c r="E1216" s="1">
        <v>44599.884027777778</v>
      </c>
    </row>
    <row r="1217" spans="1:5" x14ac:dyDescent="0.4">
      <c r="A1217">
        <v>870</v>
      </c>
      <c r="B1217">
        <v>0</v>
      </c>
      <c r="C1217">
        <v>328</v>
      </c>
      <c r="D1217" t="s">
        <v>88</v>
      </c>
      <c r="E1217" s="1">
        <v>44599.884027777778</v>
      </c>
    </row>
    <row r="1218" spans="1:5" x14ac:dyDescent="0.4">
      <c r="A1218">
        <v>871</v>
      </c>
      <c r="B1218">
        <v>0</v>
      </c>
      <c r="C1218">
        <v>329</v>
      </c>
      <c r="D1218" t="s">
        <v>88</v>
      </c>
      <c r="E1218" s="1">
        <v>44599.884027777778</v>
      </c>
    </row>
    <row r="1219" spans="1:5" x14ac:dyDescent="0.4">
      <c r="A1219">
        <v>872</v>
      </c>
      <c r="B1219">
        <v>0</v>
      </c>
      <c r="C1219">
        <v>330</v>
      </c>
      <c r="D1219" t="s">
        <v>88</v>
      </c>
      <c r="E1219" s="1">
        <v>44599.884027777778</v>
      </c>
    </row>
    <row r="1220" spans="1:5" x14ac:dyDescent="0.4">
      <c r="A1220">
        <v>873</v>
      </c>
      <c r="B1220">
        <v>0</v>
      </c>
      <c r="C1220">
        <v>331</v>
      </c>
      <c r="D1220" t="s">
        <v>88</v>
      </c>
      <c r="E1220" s="1">
        <v>44599.884027777778</v>
      </c>
    </row>
    <row r="1221" spans="1:5" x14ac:dyDescent="0.4">
      <c r="A1221">
        <v>874</v>
      </c>
      <c r="B1221">
        <v>0</v>
      </c>
      <c r="C1221">
        <v>332</v>
      </c>
      <c r="D1221" t="s">
        <v>88</v>
      </c>
      <c r="E1221" s="1">
        <v>44599.884027777778</v>
      </c>
    </row>
    <row r="1222" spans="1:5" x14ac:dyDescent="0.4">
      <c r="A1222">
        <v>875</v>
      </c>
      <c r="B1222">
        <v>0</v>
      </c>
      <c r="C1222">
        <v>333</v>
      </c>
      <c r="D1222" t="s">
        <v>88</v>
      </c>
      <c r="E1222" s="1">
        <v>44599.884027777778</v>
      </c>
    </row>
    <row r="1223" spans="1:5" x14ac:dyDescent="0.4">
      <c r="A1223">
        <v>876</v>
      </c>
      <c r="B1223">
        <v>0</v>
      </c>
      <c r="C1223">
        <v>341</v>
      </c>
      <c r="D1223" t="s">
        <v>88</v>
      </c>
      <c r="E1223" s="1">
        <v>44599.884027777778</v>
      </c>
    </row>
    <row r="1224" spans="1:5" x14ac:dyDescent="0.4">
      <c r="A1224">
        <v>877</v>
      </c>
      <c r="B1224">
        <v>0</v>
      </c>
      <c r="C1224">
        <v>342</v>
      </c>
      <c r="D1224" t="s">
        <v>88</v>
      </c>
      <c r="E1224" s="1">
        <v>44599.884027777778</v>
      </c>
    </row>
    <row r="1225" spans="1:5" x14ac:dyDescent="0.4">
      <c r="A1225">
        <v>878</v>
      </c>
      <c r="B1225">
        <v>0</v>
      </c>
      <c r="C1225">
        <v>343</v>
      </c>
      <c r="D1225" t="s">
        <v>88</v>
      </c>
      <c r="E1225" s="1">
        <v>44599.884027777778</v>
      </c>
    </row>
    <row r="1226" spans="1:5" x14ac:dyDescent="0.4">
      <c r="A1226">
        <v>879</v>
      </c>
      <c r="B1226">
        <v>0</v>
      </c>
      <c r="C1226">
        <v>344</v>
      </c>
      <c r="D1226" t="s">
        <v>88</v>
      </c>
      <c r="E1226" s="1">
        <v>44599.884027777778</v>
      </c>
    </row>
    <row r="1227" spans="1:5" x14ac:dyDescent="0.4">
      <c r="A1227">
        <v>880</v>
      </c>
      <c r="B1227">
        <v>0</v>
      </c>
      <c r="C1227">
        <v>345</v>
      </c>
      <c r="D1227" t="s">
        <v>88</v>
      </c>
      <c r="E1227" s="1">
        <v>44599.884027777778</v>
      </c>
    </row>
    <row r="1228" spans="1:5" x14ac:dyDescent="0.4">
      <c r="A1228">
        <v>881</v>
      </c>
      <c r="B1228">
        <v>0</v>
      </c>
      <c r="C1228">
        <v>346</v>
      </c>
      <c r="D1228" t="s">
        <v>88</v>
      </c>
      <c r="E1228" s="1">
        <v>44599.884027777778</v>
      </c>
    </row>
    <row r="1229" spans="1:5" x14ac:dyDescent="0.4">
      <c r="A1229">
        <v>882</v>
      </c>
      <c r="B1229">
        <v>0</v>
      </c>
      <c r="C1229">
        <v>361</v>
      </c>
      <c r="D1229" t="s">
        <v>88</v>
      </c>
      <c r="E1229" s="1">
        <v>44599.884027777778</v>
      </c>
    </row>
    <row r="1230" spans="1:5" x14ac:dyDescent="0.4">
      <c r="A1230">
        <v>883</v>
      </c>
      <c r="B1230">
        <v>0</v>
      </c>
      <c r="C1230">
        <v>362</v>
      </c>
      <c r="D1230" t="s">
        <v>88</v>
      </c>
      <c r="E1230" s="1">
        <v>44599.884027777778</v>
      </c>
    </row>
    <row r="1231" spans="1:5" x14ac:dyDescent="0.4">
      <c r="A1231">
        <v>884</v>
      </c>
      <c r="B1231">
        <v>0</v>
      </c>
      <c r="C1231">
        <v>363</v>
      </c>
      <c r="D1231" t="s">
        <v>88</v>
      </c>
      <c r="E1231" s="1">
        <v>44599.884027777778</v>
      </c>
    </row>
    <row r="1232" spans="1:5" x14ac:dyDescent="0.4">
      <c r="A1232">
        <v>885</v>
      </c>
      <c r="B1232">
        <v>0</v>
      </c>
      <c r="C1232">
        <v>364</v>
      </c>
      <c r="D1232" t="s">
        <v>88</v>
      </c>
      <c r="E1232" s="1">
        <v>44599.884027777778</v>
      </c>
    </row>
    <row r="1233" spans="1:5" x14ac:dyDescent="0.4">
      <c r="A1233">
        <v>886</v>
      </c>
      <c r="B1233">
        <v>0</v>
      </c>
      <c r="C1233">
        <v>365</v>
      </c>
      <c r="D1233" t="s">
        <v>88</v>
      </c>
      <c r="E1233" s="1">
        <v>44599.884027777778</v>
      </c>
    </row>
    <row r="1234" spans="1:5" x14ac:dyDescent="0.4">
      <c r="A1234">
        <v>887</v>
      </c>
      <c r="B1234">
        <v>0</v>
      </c>
      <c r="C1234">
        <v>366</v>
      </c>
      <c r="D1234" t="s">
        <v>88</v>
      </c>
      <c r="E1234" s="1">
        <v>44599.884027777778</v>
      </c>
    </row>
    <row r="1235" spans="1:5" x14ac:dyDescent="0.4">
      <c r="A1235">
        <v>888</v>
      </c>
      <c r="B1235">
        <v>0</v>
      </c>
      <c r="C1235">
        <v>367</v>
      </c>
      <c r="D1235" t="s">
        <v>88</v>
      </c>
      <c r="E1235" s="1">
        <v>44599.884027777778</v>
      </c>
    </row>
    <row r="1236" spans="1:5" x14ac:dyDescent="0.4">
      <c r="A1236">
        <v>889</v>
      </c>
      <c r="B1236">
        <v>0</v>
      </c>
      <c r="C1236">
        <v>368</v>
      </c>
      <c r="D1236" t="s">
        <v>88</v>
      </c>
      <c r="E1236" s="1">
        <v>44599.884027777778</v>
      </c>
    </row>
    <row r="1237" spans="1:5" x14ac:dyDescent="0.4">
      <c r="A1237">
        <v>890</v>
      </c>
      <c r="B1237">
        <v>0</v>
      </c>
      <c r="C1237">
        <v>369</v>
      </c>
      <c r="D1237" t="s">
        <v>88</v>
      </c>
      <c r="E1237" s="1">
        <v>44599.884027777778</v>
      </c>
    </row>
    <row r="1238" spans="1:5" x14ac:dyDescent="0.4">
      <c r="A1238">
        <v>891</v>
      </c>
      <c r="B1238">
        <v>0</v>
      </c>
      <c r="C1238">
        <v>370</v>
      </c>
      <c r="D1238" t="s">
        <v>88</v>
      </c>
      <c r="E1238" s="1">
        <v>44599.884027777778</v>
      </c>
    </row>
    <row r="1239" spans="1:5" x14ac:dyDescent="0.4">
      <c r="A1239">
        <v>892</v>
      </c>
      <c r="B1239">
        <v>0</v>
      </c>
      <c r="C1239">
        <v>371</v>
      </c>
      <c r="D1239" t="s">
        <v>88</v>
      </c>
      <c r="E1239" s="1">
        <v>44599.884027777778</v>
      </c>
    </row>
    <row r="1240" spans="1:5" x14ac:dyDescent="0.4">
      <c r="A1240">
        <v>893</v>
      </c>
      <c r="B1240">
        <v>0</v>
      </c>
      <c r="C1240">
        <v>372</v>
      </c>
      <c r="D1240" t="s">
        <v>88</v>
      </c>
      <c r="E1240" s="1">
        <v>44599.884027777778</v>
      </c>
    </row>
    <row r="1241" spans="1:5" x14ac:dyDescent="0.4">
      <c r="A1241">
        <v>894</v>
      </c>
      <c r="B1241">
        <v>0</v>
      </c>
      <c r="C1241">
        <v>373</v>
      </c>
      <c r="D1241" t="s">
        <v>88</v>
      </c>
      <c r="E1241" s="1">
        <v>44599.884027777778</v>
      </c>
    </row>
    <row r="1242" spans="1:5" x14ac:dyDescent="0.4">
      <c r="A1242">
        <v>895</v>
      </c>
      <c r="B1242">
        <v>0</v>
      </c>
      <c r="C1242">
        <v>381</v>
      </c>
      <c r="D1242" t="s">
        <v>88</v>
      </c>
      <c r="E1242" s="1">
        <v>44599.884027777778</v>
      </c>
    </row>
    <row r="1243" spans="1:5" x14ac:dyDescent="0.4">
      <c r="A1243">
        <v>896</v>
      </c>
      <c r="B1243">
        <v>0</v>
      </c>
      <c r="C1243">
        <v>382</v>
      </c>
      <c r="D1243" t="s">
        <v>88</v>
      </c>
      <c r="E1243" s="1">
        <v>44599.884027777778</v>
      </c>
    </row>
    <row r="1244" spans="1:5" x14ac:dyDescent="0.4">
      <c r="A1244">
        <v>897</v>
      </c>
      <c r="B1244">
        <v>0</v>
      </c>
      <c r="C1244">
        <v>383</v>
      </c>
      <c r="D1244" t="s">
        <v>88</v>
      </c>
      <c r="E1244" s="1">
        <v>44599.884027777778</v>
      </c>
    </row>
    <row r="1245" spans="1:5" x14ac:dyDescent="0.4">
      <c r="A1245">
        <v>898</v>
      </c>
      <c r="B1245">
        <v>0</v>
      </c>
      <c r="C1245">
        <v>384</v>
      </c>
      <c r="D1245" t="s">
        <v>88</v>
      </c>
      <c r="E1245" s="1">
        <v>44599.884027777778</v>
      </c>
    </row>
    <row r="1246" spans="1:5" x14ac:dyDescent="0.4">
      <c r="A1246">
        <v>899</v>
      </c>
      <c r="B1246">
        <v>0</v>
      </c>
      <c r="C1246">
        <v>385</v>
      </c>
      <c r="D1246" t="s">
        <v>88</v>
      </c>
      <c r="E1246" s="1">
        <v>44599.884027777778</v>
      </c>
    </row>
    <row r="1247" spans="1:5" x14ac:dyDescent="0.4">
      <c r="A1247">
        <v>900</v>
      </c>
      <c r="B1247">
        <v>0</v>
      </c>
      <c r="C1247">
        <v>386</v>
      </c>
      <c r="D1247" t="s">
        <v>88</v>
      </c>
      <c r="E1247" s="1">
        <v>44599.884027777778</v>
      </c>
    </row>
    <row r="1248" spans="1:5" x14ac:dyDescent="0.4">
      <c r="A1248">
        <v>901</v>
      </c>
      <c r="B1248">
        <v>0</v>
      </c>
      <c r="C1248">
        <v>391</v>
      </c>
      <c r="D1248" t="s">
        <v>88</v>
      </c>
      <c r="E1248" s="1">
        <v>44599.884027777778</v>
      </c>
    </row>
    <row r="1249" spans="1:5" x14ac:dyDescent="0.4">
      <c r="A1249">
        <v>902</v>
      </c>
      <c r="B1249">
        <v>0</v>
      </c>
      <c r="C1249">
        <v>392</v>
      </c>
      <c r="D1249" t="s">
        <v>88</v>
      </c>
      <c r="E1249" s="1">
        <v>44599.884027777778</v>
      </c>
    </row>
    <row r="1250" spans="1:5" x14ac:dyDescent="0.4">
      <c r="A1250">
        <v>903</v>
      </c>
      <c r="B1250">
        <v>0</v>
      </c>
      <c r="C1250">
        <v>393</v>
      </c>
      <c r="D1250" t="s">
        <v>88</v>
      </c>
      <c r="E1250" s="1">
        <v>44599.884027777778</v>
      </c>
    </row>
    <row r="1251" spans="1:5" x14ac:dyDescent="0.4">
      <c r="A1251">
        <v>904</v>
      </c>
      <c r="B1251">
        <v>0</v>
      </c>
      <c r="C1251">
        <v>395</v>
      </c>
      <c r="D1251" t="s">
        <v>88</v>
      </c>
      <c r="E1251" s="1">
        <v>44599.884027777778</v>
      </c>
    </row>
    <row r="1252" spans="1:5" x14ac:dyDescent="0.4">
      <c r="A1252">
        <v>905</v>
      </c>
      <c r="B1252">
        <v>0</v>
      </c>
      <c r="C1252">
        <v>396</v>
      </c>
      <c r="D1252" t="s">
        <v>88</v>
      </c>
      <c r="E1252" s="1">
        <v>44599.884027777778</v>
      </c>
    </row>
    <row r="1253" spans="1:5" x14ac:dyDescent="0.4">
      <c r="A1253">
        <v>906</v>
      </c>
      <c r="B1253">
        <v>0</v>
      </c>
      <c r="C1253">
        <v>401</v>
      </c>
      <c r="D1253" t="s">
        <v>88</v>
      </c>
      <c r="E1253" s="1">
        <v>44599.884027777778</v>
      </c>
    </row>
    <row r="1254" spans="1:5" x14ac:dyDescent="0.4">
      <c r="A1254">
        <v>907</v>
      </c>
      <c r="B1254">
        <v>0</v>
      </c>
      <c r="C1254">
        <v>402</v>
      </c>
      <c r="D1254" t="s">
        <v>88</v>
      </c>
      <c r="E1254" s="1">
        <v>44599.884027777778</v>
      </c>
    </row>
    <row r="1255" spans="1:5" x14ac:dyDescent="0.4">
      <c r="A1255">
        <v>908</v>
      </c>
      <c r="B1255">
        <v>0</v>
      </c>
      <c r="C1255">
        <v>403</v>
      </c>
      <c r="D1255" t="s">
        <v>88</v>
      </c>
      <c r="E1255" s="1">
        <v>44599.884027777778</v>
      </c>
    </row>
    <row r="1256" spans="1:5" x14ac:dyDescent="0.4">
      <c r="A1256">
        <v>909</v>
      </c>
      <c r="B1256">
        <v>0</v>
      </c>
      <c r="C1256">
        <v>404</v>
      </c>
      <c r="D1256" t="s">
        <v>88</v>
      </c>
      <c r="E1256" s="1">
        <v>44599.884027777778</v>
      </c>
    </row>
    <row r="1257" spans="1:5" x14ac:dyDescent="0.4">
      <c r="A1257">
        <v>910</v>
      </c>
      <c r="B1257">
        <v>0</v>
      </c>
      <c r="C1257">
        <v>405</v>
      </c>
      <c r="D1257" t="s">
        <v>88</v>
      </c>
      <c r="E1257" s="1">
        <v>44599.884027777778</v>
      </c>
    </row>
    <row r="1258" spans="1:5" x14ac:dyDescent="0.4">
      <c r="A1258">
        <v>911</v>
      </c>
      <c r="B1258">
        <v>0</v>
      </c>
      <c r="C1258">
        <v>406</v>
      </c>
      <c r="D1258" t="s">
        <v>88</v>
      </c>
      <c r="E1258" s="1">
        <v>44599.884027777778</v>
      </c>
    </row>
    <row r="1259" spans="1:5" x14ac:dyDescent="0.4">
      <c r="A1259">
        <v>912</v>
      </c>
      <c r="B1259">
        <v>0</v>
      </c>
      <c r="C1259">
        <v>411</v>
      </c>
      <c r="D1259" t="s">
        <v>88</v>
      </c>
      <c r="E1259" s="1">
        <v>44599.884027777778</v>
      </c>
    </row>
    <row r="1260" spans="1:5" x14ac:dyDescent="0.4">
      <c r="A1260">
        <v>913</v>
      </c>
      <c r="B1260">
        <v>0</v>
      </c>
      <c r="C1260">
        <v>412</v>
      </c>
      <c r="D1260" t="s">
        <v>88</v>
      </c>
      <c r="E1260" s="1">
        <v>44599.884027777778</v>
      </c>
    </row>
    <row r="1261" spans="1:5" x14ac:dyDescent="0.4">
      <c r="A1261">
        <v>914</v>
      </c>
      <c r="B1261">
        <v>0</v>
      </c>
      <c r="C1261">
        <v>413</v>
      </c>
      <c r="D1261" t="s">
        <v>88</v>
      </c>
      <c r="E1261" s="1">
        <v>44599.884027777778</v>
      </c>
    </row>
    <row r="1262" spans="1:5" x14ac:dyDescent="0.4">
      <c r="A1262">
        <v>915</v>
      </c>
      <c r="B1262">
        <v>0</v>
      </c>
      <c r="C1262">
        <v>414</v>
      </c>
      <c r="D1262" t="s">
        <v>88</v>
      </c>
      <c r="E1262" s="1">
        <v>44599.884027777778</v>
      </c>
    </row>
    <row r="1263" spans="1:5" x14ac:dyDescent="0.4">
      <c r="A1263">
        <v>916</v>
      </c>
      <c r="B1263">
        <v>0</v>
      </c>
      <c r="C1263">
        <v>421</v>
      </c>
      <c r="D1263" t="s">
        <v>88</v>
      </c>
      <c r="E1263" s="1">
        <v>44599.884027777778</v>
      </c>
    </row>
    <row r="1264" spans="1:5" x14ac:dyDescent="0.4">
      <c r="A1264">
        <v>917</v>
      </c>
      <c r="B1264">
        <v>0</v>
      </c>
      <c r="C1264">
        <v>422</v>
      </c>
      <c r="D1264" t="s">
        <v>88</v>
      </c>
      <c r="E1264" s="1">
        <v>44599.884027777778</v>
      </c>
    </row>
    <row r="1265" spans="1:5" x14ac:dyDescent="0.4">
      <c r="A1265">
        <v>918</v>
      </c>
      <c r="B1265">
        <v>0</v>
      </c>
      <c r="C1265">
        <v>431</v>
      </c>
      <c r="D1265" t="s">
        <v>88</v>
      </c>
      <c r="E1265" s="1">
        <v>44599.884027777778</v>
      </c>
    </row>
    <row r="1266" spans="1:5" x14ac:dyDescent="0.4">
      <c r="A1266">
        <v>919</v>
      </c>
      <c r="B1266">
        <v>0</v>
      </c>
      <c r="C1266">
        <v>432</v>
      </c>
      <c r="D1266" t="s">
        <v>88</v>
      </c>
      <c r="E1266" s="1">
        <v>44599.884027777778</v>
      </c>
    </row>
    <row r="1267" spans="1:5" x14ac:dyDescent="0.4">
      <c r="A1267">
        <v>920</v>
      </c>
      <c r="B1267">
        <v>0</v>
      </c>
      <c r="C1267">
        <v>433</v>
      </c>
      <c r="D1267" t="s">
        <v>88</v>
      </c>
      <c r="E1267" s="1">
        <v>44599.884027777778</v>
      </c>
    </row>
    <row r="1268" spans="1:5" x14ac:dyDescent="0.4">
      <c r="A1268">
        <v>921</v>
      </c>
      <c r="B1268">
        <v>0</v>
      </c>
      <c r="C1268">
        <v>1</v>
      </c>
      <c r="D1268" t="s">
        <v>88</v>
      </c>
      <c r="E1268" s="1">
        <v>44600.913194444445</v>
      </c>
    </row>
    <row r="1269" spans="1:5" x14ac:dyDescent="0.4">
      <c r="A1269">
        <v>922</v>
      </c>
      <c r="B1269">
        <v>0</v>
      </c>
      <c r="C1269">
        <v>2</v>
      </c>
      <c r="D1269" t="s">
        <v>88</v>
      </c>
      <c r="E1269" s="1">
        <v>44600.913194444445</v>
      </c>
    </row>
    <row r="1270" spans="1:5" x14ac:dyDescent="0.4">
      <c r="A1270">
        <v>923</v>
      </c>
      <c r="B1270">
        <v>0</v>
      </c>
      <c r="C1270">
        <v>3</v>
      </c>
      <c r="D1270" t="s">
        <v>88</v>
      </c>
      <c r="E1270" s="1">
        <v>44600.913194444445</v>
      </c>
    </row>
    <row r="1271" spans="1:5" x14ac:dyDescent="0.4">
      <c r="A1271">
        <v>924</v>
      </c>
      <c r="B1271">
        <v>0</v>
      </c>
      <c r="C1271">
        <v>4</v>
      </c>
      <c r="D1271" t="s">
        <v>88</v>
      </c>
      <c r="E1271" s="1">
        <v>44600.913194444445</v>
      </c>
    </row>
    <row r="1272" spans="1:5" x14ac:dyDescent="0.4">
      <c r="A1272">
        <v>925</v>
      </c>
      <c r="B1272">
        <v>0</v>
      </c>
      <c r="C1272">
        <v>5</v>
      </c>
      <c r="D1272" t="s">
        <v>88</v>
      </c>
      <c r="E1272" s="1">
        <v>44600.913194444445</v>
      </c>
    </row>
    <row r="1273" spans="1:5" x14ac:dyDescent="0.4">
      <c r="A1273">
        <v>926</v>
      </c>
      <c r="B1273">
        <v>0</v>
      </c>
      <c r="C1273">
        <v>11</v>
      </c>
      <c r="D1273" t="s">
        <v>88</v>
      </c>
      <c r="E1273" s="1">
        <v>44600.913194444445</v>
      </c>
    </row>
    <row r="1274" spans="1:5" x14ac:dyDescent="0.4">
      <c r="A1274">
        <v>927</v>
      </c>
      <c r="B1274">
        <v>0</v>
      </c>
      <c r="C1274">
        <v>12</v>
      </c>
      <c r="D1274" t="s">
        <v>88</v>
      </c>
      <c r="E1274" s="1">
        <v>44600.913194444445</v>
      </c>
    </row>
    <row r="1275" spans="1:5" x14ac:dyDescent="0.4">
      <c r="A1275">
        <v>928</v>
      </c>
      <c r="B1275">
        <v>0</v>
      </c>
      <c r="C1275">
        <v>15</v>
      </c>
      <c r="D1275" t="s">
        <v>88</v>
      </c>
      <c r="E1275" s="1">
        <v>44600.913194444445</v>
      </c>
    </row>
    <row r="1276" spans="1:5" x14ac:dyDescent="0.4">
      <c r="A1276">
        <v>929</v>
      </c>
      <c r="B1276">
        <v>0</v>
      </c>
      <c r="C1276">
        <v>16</v>
      </c>
      <c r="D1276" t="s">
        <v>88</v>
      </c>
      <c r="E1276" s="1">
        <v>44600.913194444445</v>
      </c>
    </row>
    <row r="1277" spans="1:5" x14ac:dyDescent="0.4">
      <c r="A1277">
        <v>930</v>
      </c>
      <c r="B1277">
        <v>0</v>
      </c>
      <c r="C1277">
        <v>17</v>
      </c>
      <c r="D1277" t="s">
        <v>88</v>
      </c>
      <c r="E1277" s="1">
        <v>44600.913194444445</v>
      </c>
    </row>
    <row r="1278" spans="1:5" x14ac:dyDescent="0.4">
      <c r="A1278">
        <v>931</v>
      </c>
      <c r="B1278">
        <v>0</v>
      </c>
      <c r="C1278">
        <v>21</v>
      </c>
      <c r="D1278" t="s">
        <v>88</v>
      </c>
      <c r="E1278" s="1">
        <v>44600.913194444445</v>
      </c>
    </row>
    <row r="1279" spans="1:5" x14ac:dyDescent="0.4">
      <c r="A1279">
        <v>932</v>
      </c>
      <c r="B1279">
        <v>0</v>
      </c>
      <c r="C1279">
        <v>22</v>
      </c>
      <c r="D1279" t="s">
        <v>88</v>
      </c>
      <c r="E1279" s="1">
        <v>44600.913194444445</v>
      </c>
    </row>
    <row r="1280" spans="1:5" x14ac:dyDescent="0.4">
      <c r="A1280">
        <v>933</v>
      </c>
      <c r="B1280">
        <v>0</v>
      </c>
      <c r="C1280">
        <v>23</v>
      </c>
      <c r="D1280" t="s">
        <v>88</v>
      </c>
      <c r="E1280" s="1">
        <v>44600.913194444445</v>
      </c>
    </row>
    <row r="1281" spans="1:5" x14ac:dyDescent="0.4">
      <c r="A1281">
        <v>934</v>
      </c>
      <c r="B1281">
        <v>0</v>
      </c>
      <c r="C1281">
        <v>24</v>
      </c>
      <c r="D1281" t="s">
        <v>88</v>
      </c>
      <c r="E1281" s="1">
        <v>44600.913194444445</v>
      </c>
    </row>
    <row r="1282" spans="1:5" x14ac:dyDescent="0.4">
      <c r="A1282">
        <v>935</v>
      </c>
      <c r="B1282">
        <v>0</v>
      </c>
      <c r="C1282">
        <v>25</v>
      </c>
      <c r="D1282" t="s">
        <v>88</v>
      </c>
      <c r="E1282" s="1">
        <v>44600.913194444445</v>
      </c>
    </row>
    <row r="1283" spans="1:5" x14ac:dyDescent="0.4">
      <c r="A1283">
        <v>936</v>
      </c>
      <c r="B1283">
        <v>0</v>
      </c>
      <c r="C1283">
        <v>26</v>
      </c>
      <c r="D1283" t="s">
        <v>88</v>
      </c>
      <c r="E1283" s="1">
        <v>44600.913194444445</v>
      </c>
    </row>
    <row r="1284" spans="1:5" x14ac:dyDescent="0.4">
      <c r="A1284">
        <v>937</v>
      </c>
      <c r="B1284">
        <v>0</v>
      </c>
      <c r="C1284">
        <v>27</v>
      </c>
      <c r="D1284" t="s">
        <v>88</v>
      </c>
      <c r="E1284" s="1">
        <v>44600.913194444445</v>
      </c>
    </row>
    <row r="1285" spans="1:5" x14ac:dyDescent="0.4">
      <c r="A1285">
        <v>938</v>
      </c>
      <c r="B1285">
        <v>0</v>
      </c>
      <c r="C1285">
        <v>28</v>
      </c>
      <c r="D1285" t="s">
        <v>88</v>
      </c>
      <c r="E1285" s="1">
        <v>44600.913194444445</v>
      </c>
    </row>
    <row r="1286" spans="1:5" x14ac:dyDescent="0.4">
      <c r="A1286">
        <v>939</v>
      </c>
      <c r="B1286">
        <v>0</v>
      </c>
      <c r="C1286">
        <v>29</v>
      </c>
      <c r="D1286" t="s">
        <v>88</v>
      </c>
      <c r="E1286" s="1">
        <v>44600.913194444445</v>
      </c>
    </row>
    <row r="1287" spans="1:5" x14ac:dyDescent="0.4">
      <c r="A1287">
        <v>940</v>
      </c>
      <c r="B1287">
        <v>0</v>
      </c>
      <c r="C1287">
        <v>30</v>
      </c>
      <c r="D1287" t="s">
        <v>88</v>
      </c>
      <c r="E1287" s="1">
        <v>44600.913194444445</v>
      </c>
    </row>
    <row r="1288" spans="1:5" x14ac:dyDescent="0.4">
      <c r="A1288">
        <v>941</v>
      </c>
      <c r="B1288">
        <v>0</v>
      </c>
      <c r="C1288">
        <v>31</v>
      </c>
      <c r="D1288" t="s">
        <v>88</v>
      </c>
      <c r="E1288" s="1">
        <v>44600.913194444445</v>
      </c>
    </row>
    <row r="1289" spans="1:5" x14ac:dyDescent="0.4">
      <c r="A1289">
        <v>942</v>
      </c>
      <c r="B1289">
        <v>0</v>
      </c>
      <c r="C1289">
        <v>32</v>
      </c>
      <c r="D1289" t="s">
        <v>88</v>
      </c>
      <c r="E1289" s="1">
        <v>44600.913194444445</v>
      </c>
    </row>
    <row r="1290" spans="1:5" x14ac:dyDescent="0.4">
      <c r="A1290">
        <v>943</v>
      </c>
      <c r="B1290">
        <v>0</v>
      </c>
      <c r="C1290">
        <v>33</v>
      </c>
      <c r="D1290" t="s">
        <v>88</v>
      </c>
      <c r="E1290" s="1">
        <v>44600.913194444445</v>
      </c>
    </row>
    <row r="1291" spans="1:5" x14ac:dyDescent="0.4">
      <c r="A1291">
        <v>944</v>
      </c>
      <c r="B1291">
        <v>0</v>
      </c>
      <c r="C1291">
        <v>41</v>
      </c>
      <c r="D1291" t="s">
        <v>88</v>
      </c>
      <c r="E1291" s="1">
        <v>44600.913194444445</v>
      </c>
    </row>
    <row r="1292" spans="1:5" x14ac:dyDescent="0.4">
      <c r="A1292">
        <v>945</v>
      </c>
      <c r="B1292">
        <v>0</v>
      </c>
      <c r="C1292">
        <v>42</v>
      </c>
      <c r="D1292" t="s">
        <v>88</v>
      </c>
      <c r="E1292" s="1">
        <v>44600.913194444445</v>
      </c>
    </row>
    <row r="1293" spans="1:5" x14ac:dyDescent="0.4">
      <c r="A1293">
        <v>946</v>
      </c>
      <c r="B1293">
        <v>0</v>
      </c>
      <c r="C1293">
        <v>43</v>
      </c>
      <c r="D1293" t="s">
        <v>88</v>
      </c>
      <c r="E1293" s="1">
        <v>44600.913194444445</v>
      </c>
    </row>
    <row r="1294" spans="1:5" x14ac:dyDescent="0.4">
      <c r="A1294">
        <v>947</v>
      </c>
      <c r="B1294">
        <v>0</v>
      </c>
      <c r="C1294">
        <v>44</v>
      </c>
      <c r="D1294" t="s">
        <v>88</v>
      </c>
      <c r="E1294" s="1">
        <v>44600.913194444445</v>
      </c>
    </row>
    <row r="1295" spans="1:5" x14ac:dyDescent="0.4">
      <c r="A1295">
        <v>948</v>
      </c>
      <c r="B1295">
        <v>0</v>
      </c>
      <c r="C1295">
        <v>45</v>
      </c>
      <c r="D1295" t="s">
        <v>88</v>
      </c>
      <c r="E1295" s="1">
        <v>44600.913194444445</v>
      </c>
    </row>
    <row r="1296" spans="1:5" x14ac:dyDescent="0.4">
      <c r="A1296">
        <v>949</v>
      </c>
      <c r="B1296">
        <v>0</v>
      </c>
      <c r="C1296">
        <v>46</v>
      </c>
      <c r="D1296" t="s">
        <v>88</v>
      </c>
      <c r="E1296" s="1">
        <v>44600.913194444445</v>
      </c>
    </row>
    <row r="1297" spans="1:5" x14ac:dyDescent="0.4">
      <c r="A1297">
        <v>950</v>
      </c>
      <c r="B1297">
        <v>0</v>
      </c>
      <c r="C1297">
        <v>47</v>
      </c>
      <c r="D1297" t="s">
        <v>88</v>
      </c>
      <c r="E1297" s="1">
        <v>44600.913194444445</v>
      </c>
    </row>
    <row r="1298" spans="1:5" x14ac:dyDescent="0.4">
      <c r="A1298">
        <v>951</v>
      </c>
      <c r="B1298">
        <v>0</v>
      </c>
      <c r="C1298">
        <v>48</v>
      </c>
      <c r="D1298" t="s">
        <v>88</v>
      </c>
      <c r="E1298" s="1">
        <v>44600.913194444445</v>
      </c>
    </row>
    <row r="1299" spans="1:5" x14ac:dyDescent="0.4">
      <c r="A1299">
        <v>952</v>
      </c>
      <c r="B1299">
        <v>0</v>
      </c>
      <c r="C1299">
        <v>49</v>
      </c>
      <c r="D1299" t="s">
        <v>88</v>
      </c>
      <c r="E1299" s="1">
        <v>44600.913194444445</v>
      </c>
    </row>
    <row r="1300" spans="1:5" x14ac:dyDescent="0.4">
      <c r="A1300">
        <v>953</v>
      </c>
      <c r="B1300">
        <v>0</v>
      </c>
      <c r="C1300">
        <v>50</v>
      </c>
      <c r="D1300" t="s">
        <v>88</v>
      </c>
      <c r="E1300" s="1">
        <v>44600.913194444445</v>
      </c>
    </row>
    <row r="1301" spans="1:5" x14ac:dyDescent="0.4">
      <c r="A1301">
        <v>954</v>
      </c>
      <c r="B1301">
        <v>0</v>
      </c>
      <c r="C1301">
        <v>51</v>
      </c>
      <c r="D1301" t="s">
        <v>88</v>
      </c>
      <c r="E1301" s="1">
        <v>44600.913194444445</v>
      </c>
    </row>
    <row r="1302" spans="1:5" x14ac:dyDescent="0.4">
      <c r="A1302">
        <v>955</v>
      </c>
      <c r="B1302">
        <v>0</v>
      </c>
      <c r="C1302">
        <v>52</v>
      </c>
      <c r="D1302" t="s">
        <v>88</v>
      </c>
      <c r="E1302" s="1">
        <v>44600.913194444445</v>
      </c>
    </row>
    <row r="1303" spans="1:5" x14ac:dyDescent="0.4">
      <c r="A1303">
        <v>956</v>
      </c>
      <c r="B1303">
        <v>0</v>
      </c>
      <c r="C1303">
        <v>53</v>
      </c>
      <c r="D1303" t="s">
        <v>88</v>
      </c>
      <c r="E1303" s="1">
        <v>44600.913194444445</v>
      </c>
    </row>
    <row r="1304" spans="1:5" x14ac:dyDescent="0.4">
      <c r="A1304">
        <v>957</v>
      </c>
      <c r="B1304">
        <v>0</v>
      </c>
      <c r="C1304">
        <v>54</v>
      </c>
      <c r="D1304" t="s">
        <v>88</v>
      </c>
      <c r="E1304" s="1">
        <v>44600.913194444445</v>
      </c>
    </row>
    <row r="1305" spans="1:5" x14ac:dyDescent="0.4">
      <c r="A1305">
        <v>958</v>
      </c>
      <c r="B1305">
        <v>0</v>
      </c>
      <c r="C1305">
        <v>55</v>
      </c>
      <c r="D1305" t="s">
        <v>88</v>
      </c>
      <c r="E1305" s="1">
        <v>44600.913194444445</v>
      </c>
    </row>
    <row r="1306" spans="1:5" x14ac:dyDescent="0.4">
      <c r="A1306">
        <v>959</v>
      </c>
      <c r="B1306">
        <v>0</v>
      </c>
      <c r="C1306">
        <v>61</v>
      </c>
      <c r="D1306" t="s">
        <v>88</v>
      </c>
      <c r="E1306" s="1">
        <v>44600.913194444445</v>
      </c>
    </row>
    <row r="1307" spans="1:5" x14ac:dyDescent="0.4">
      <c r="A1307">
        <v>960</v>
      </c>
      <c r="B1307">
        <v>0</v>
      </c>
      <c r="C1307">
        <v>62</v>
      </c>
      <c r="D1307" t="s">
        <v>88</v>
      </c>
      <c r="E1307" s="1">
        <v>44600.913194444445</v>
      </c>
    </row>
    <row r="1308" spans="1:5" x14ac:dyDescent="0.4">
      <c r="A1308">
        <v>961</v>
      </c>
      <c r="B1308">
        <v>0</v>
      </c>
      <c r="C1308">
        <v>63</v>
      </c>
      <c r="D1308" t="s">
        <v>88</v>
      </c>
      <c r="E1308" s="1">
        <v>44600.913194444445</v>
      </c>
    </row>
    <row r="1309" spans="1:5" x14ac:dyDescent="0.4">
      <c r="A1309">
        <v>962</v>
      </c>
      <c r="B1309">
        <v>0</v>
      </c>
      <c r="C1309">
        <v>64</v>
      </c>
      <c r="D1309" t="s">
        <v>88</v>
      </c>
      <c r="E1309" s="1">
        <v>44600.913194444445</v>
      </c>
    </row>
    <row r="1310" spans="1:5" x14ac:dyDescent="0.4">
      <c r="A1310">
        <v>963</v>
      </c>
      <c r="B1310">
        <v>0</v>
      </c>
      <c r="C1310">
        <v>65</v>
      </c>
      <c r="D1310" t="s">
        <v>88</v>
      </c>
      <c r="E1310" s="1">
        <v>44600.913194444445</v>
      </c>
    </row>
    <row r="1311" spans="1:5" x14ac:dyDescent="0.4">
      <c r="A1311">
        <v>964</v>
      </c>
      <c r="B1311">
        <v>0</v>
      </c>
      <c r="C1311">
        <v>66</v>
      </c>
      <c r="D1311" t="s">
        <v>88</v>
      </c>
      <c r="E1311" s="1">
        <v>44600.913194444445</v>
      </c>
    </row>
    <row r="1312" spans="1:5" x14ac:dyDescent="0.4">
      <c r="A1312">
        <v>965</v>
      </c>
      <c r="B1312">
        <v>0</v>
      </c>
      <c r="C1312">
        <v>67</v>
      </c>
      <c r="D1312" t="s">
        <v>88</v>
      </c>
      <c r="E1312" s="1">
        <v>44600.913194444445</v>
      </c>
    </row>
    <row r="1313" spans="1:5" x14ac:dyDescent="0.4">
      <c r="A1313">
        <v>966</v>
      </c>
      <c r="B1313">
        <v>0</v>
      </c>
      <c r="C1313">
        <v>68</v>
      </c>
      <c r="D1313" t="s">
        <v>88</v>
      </c>
      <c r="E1313" s="1">
        <v>44600.913194444445</v>
      </c>
    </row>
    <row r="1314" spans="1:5" x14ac:dyDescent="0.4">
      <c r="A1314">
        <v>967</v>
      </c>
      <c r="B1314">
        <v>0</v>
      </c>
      <c r="C1314">
        <v>69</v>
      </c>
      <c r="D1314" t="s">
        <v>88</v>
      </c>
      <c r="E1314" s="1">
        <v>44600.913194444445</v>
      </c>
    </row>
    <row r="1315" spans="1:5" x14ac:dyDescent="0.4">
      <c r="A1315">
        <v>968</v>
      </c>
      <c r="B1315">
        <v>0</v>
      </c>
      <c r="C1315">
        <v>70</v>
      </c>
      <c r="D1315" t="s">
        <v>88</v>
      </c>
      <c r="E1315" s="1">
        <v>44600.913194444445</v>
      </c>
    </row>
    <row r="1316" spans="1:5" x14ac:dyDescent="0.4">
      <c r="A1316">
        <v>969</v>
      </c>
      <c r="B1316">
        <v>0</v>
      </c>
      <c r="C1316">
        <v>71</v>
      </c>
      <c r="D1316" t="s">
        <v>88</v>
      </c>
      <c r="E1316" s="1">
        <v>44600.913194444445</v>
      </c>
    </row>
    <row r="1317" spans="1:5" x14ac:dyDescent="0.4">
      <c r="A1317">
        <v>970</v>
      </c>
      <c r="B1317">
        <v>0</v>
      </c>
      <c r="C1317">
        <v>72</v>
      </c>
      <c r="D1317" t="s">
        <v>88</v>
      </c>
      <c r="E1317" s="1">
        <v>44600.913194444445</v>
      </c>
    </row>
    <row r="1318" spans="1:5" x14ac:dyDescent="0.4">
      <c r="A1318">
        <v>971</v>
      </c>
      <c r="B1318">
        <v>0</v>
      </c>
      <c r="C1318">
        <v>73</v>
      </c>
      <c r="D1318" t="s">
        <v>88</v>
      </c>
      <c r="E1318" s="1">
        <v>44600.913194444445</v>
      </c>
    </row>
    <row r="1319" spans="1:5" x14ac:dyDescent="0.4">
      <c r="A1319">
        <v>972</v>
      </c>
      <c r="B1319">
        <v>0</v>
      </c>
      <c r="C1319">
        <v>74</v>
      </c>
      <c r="D1319" t="s">
        <v>88</v>
      </c>
      <c r="E1319" s="1">
        <v>44600.913194444445</v>
      </c>
    </row>
    <row r="1320" spans="1:5" x14ac:dyDescent="0.4">
      <c r="A1320">
        <v>973</v>
      </c>
      <c r="B1320">
        <v>0</v>
      </c>
      <c r="C1320">
        <v>75</v>
      </c>
      <c r="D1320" t="s">
        <v>88</v>
      </c>
      <c r="E1320" s="1">
        <v>44600.913194444445</v>
      </c>
    </row>
    <row r="1321" spans="1:5" x14ac:dyDescent="0.4">
      <c r="A1321">
        <v>974</v>
      </c>
      <c r="B1321">
        <v>0</v>
      </c>
      <c r="C1321">
        <v>76</v>
      </c>
      <c r="D1321" t="s">
        <v>88</v>
      </c>
      <c r="E1321" s="1">
        <v>44600.913194444445</v>
      </c>
    </row>
    <row r="1322" spans="1:5" x14ac:dyDescent="0.4">
      <c r="A1322">
        <v>975</v>
      </c>
      <c r="B1322">
        <v>0</v>
      </c>
      <c r="C1322">
        <v>77</v>
      </c>
      <c r="D1322" t="s">
        <v>88</v>
      </c>
      <c r="E1322" s="1">
        <v>44600.913194444445</v>
      </c>
    </row>
    <row r="1323" spans="1:5" x14ac:dyDescent="0.4">
      <c r="A1323">
        <v>976</v>
      </c>
      <c r="B1323">
        <v>0</v>
      </c>
      <c r="C1323">
        <v>78</v>
      </c>
      <c r="D1323" t="s">
        <v>88</v>
      </c>
      <c r="E1323" s="1">
        <v>44600.913194444445</v>
      </c>
    </row>
    <row r="1324" spans="1:5" x14ac:dyDescent="0.4">
      <c r="A1324">
        <v>977</v>
      </c>
      <c r="B1324">
        <v>0</v>
      </c>
      <c r="C1324">
        <v>79</v>
      </c>
      <c r="D1324" t="s">
        <v>88</v>
      </c>
      <c r="E1324" s="1">
        <v>44600.913194444445</v>
      </c>
    </row>
    <row r="1325" spans="1:5" x14ac:dyDescent="0.4">
      <c r="A1325">
        <v>978</v>
      </c>
      <c r="B1325">
        <v>0</v>
      </c>
      <c r="C1325">
        <v>91</v>
      </c>
      <c r="D1325" t="s">
        <v>88</v>
      </c>
      <c r="E1325" s="1">
        <v>44600.913194444445</v>
      </c>
    </row>
    <row r="1326" spans="1:5" x14ac:dyDescent="0.4">
      <c r="A1326">
        <v>979</v>
      </c>
      <c r="B1326">
        <v>0</v>
      </c>
      <c r="C1326">
        <v>92</v>
      </c>
      <c r="D1326" t="s">
        <v>88</v>
      </c>
      <c r="E1326" s="1">
        <v>44600.913194444445</v>
      </c>
    </row>
    <row r="1327" spans="1:5" x14ac:dyDescent="0.4">
      <c r="A1327">
        <v>980</v>
      </c>
      <c r="B1327">
        <v>0</v>
      </c>
      <c r="C1327">
        <v>93</v>
      </c>
      <c r="D1327" t="s">
        <v>88</v>
      </c>
      <c r="E1327" s="1">
        <v>44600.913194444445</v>
      </c>
    </row>
    <row r="1328" spans="1:5" x14ac:dyDescent="0.4">
      <c r="A1328">
        <v>981</v>
      </c>
      <c r="B1328">
        <v>0</v>
      </c>
      <c r="C1328">
        <v>94</v>
      </c>
      <c r="D1328" t="s">
        <v>88</v>
      </c>
      <c r="E1328" s="1">
        <v>44600.913194444445</v>
      </c>
    </row>
    <row r="1329" spans="1:5" x14ac:dyDescent="0.4">
      <c r="A1329">
        <v>982</v>
      </c>
      <c r="B1329">
        <v>0</v>
      </c>
      <c r="C1329">
        <v>95</v>
      </c>
      <c r="D1329" t="s">
        <v>88</v>
      </c>
      <c r="E1329" s="1">
        <v>44600.913194444445</v>
      </c>
    </row>
    <row r="1330" spans="1:5" x14ac:dyDescent="0.4">
      <c r="A1330">
        <v>983</v>
      </c>
      <c r="B1330">
        <v>0</v>
      </c>
      <c r="C1330">
        <v>96</v>
      </c>
      <c r="D1330" t="s">
        <v>88</v>
      </c>
      <c r="E1330" s="1">
        <v>44600.913194444445</v>
      </c>
    </row>
    <row r="1331" spans="1:5" x14ac:dyDescent="0.4">
      <c r="A1331">
        <v>984</v>
      </c>
      <c r="B1331">
        <v>0</v>
      </c>
      <c r="C1331">
        <v>97</v>
      </c>
      <c r="D1331" t="s">
        <v>88</v>
      </c>
      <c r="E1331" s="1">
        <v>44600.913194444445</v>
      </c>
    </row>
    <row r="1332" spans="1:5" x14ac:dyDescent="0.4">
      <c r="A1332">
        <v>985</v>
      </c>
      <c r="B1332">
        <v>0</v>
      </c>
      <c r="C1332">
        <v>98</v>
      </c>
      <c r="D1332" t="s">
        <v>88</v>
      </c>
      <c r="E1332" s="1">
        <v>44600.913194444445</v>
      </c>
    </row>
    <row r="1333" spans="1:5" x14ac:dyDescent="0.4">
      <c r="A1333">
        <v>986</v>
      </c>
      <c r="B1333">
        <v>0</v>
      </c>
      <c r="C1333">
        <v>99</v>
      </c>
      <c r="D1333" t="s">
        <v>88</v>
      </c>
      <c r="E1333" s="1">
        <v>44600.913194444445</v>
      </c>
    </row>
    <row r="1334" spans="1:5" x14ac:dyDescent="0.4">
      <c r="A1334">
        <v>987</v>
      </c>
      <c r="B1334">
        <v>0</v>
      </c>
      <c r="C1334">
        <v>100</v>
      </c>
      <c r="D1334" t="s">
        <v>88</v>
      </c>
      <c r="E1334" s="1">
        <v>44600.913194444445</v>
      </c>
    </row>
    <row r="1335" spans="1:5" x14ac:dyDescent="0.4">
      <c r="A1335">
        <v>988</v>
      </c>
      <c r="B1335">
        <v>0</v>
      </c>
      <c r="C1335">
        <v>101</v>
      </c>
      <c r="D1335" t="s">
        <v>88</v>
      </c>
      <c r="E1335" s="1">
        <v>44600.913194444445</v>
      </c>
    </row>
    <row r="1336" spans="1:5" x14ac:dyDescent="0.4">
      <c r="A1336">
        <v>989</v>
      </c>
      <c r="B1336">
        <v>0</v>
      </c>
      <c r="C1336">
        <v>102</v>
      </c>
      <c r="D1336" t="s">
        <v>88</v>
      </c>
      <c r="E1336" s="1">
        <v>44600.913194444445</v>
      </c>
    </row>
    <row r="1337" spans="1:5" x14ac:dyDescent="0.4">
      <c r="A1337">
        <v>990</v>
      </c>
      <c r="B1337">
        <v>0</v>
      </c>
      <c r="C1337">
        <v>103</v>
      </c>
      <c r="D1337" t="s">
        <v>88</v>
      </c>
      <c r="E1337" s="1">
        <v>44600.913194444445</v>
      </c>
    </row>
    <row r="1338" spans="1:5" x14ac:dyDescent="0.4">
      <c r="A1338">
        <v>991</v>
      </c>
      <c r="B1338">
        <v>0</v>
      </c>
      <c r="C1338">
        <v>104</v>
      </c>
      <c r="D1338" t="s">
        <v>88</v>
      </c>
      <c r="E1338" s="1">
        <v>44600.913194444445</v>
      </c>
    </row>
    <row r="1339" spans="1:5" x14ac:dyDescent="0.4">
      <c r="A1339">
        <v>992</v>
      </c>
      <c r="B1339">
        <v>0</v>
      </c>
      <c r="C1339">
        <v>105</v>
      </c>
      <c r="D1339" t="s">
        <v>88</v>
      </c>
      <c r="E1339" s="1">
        <v>44600.913194444445</v>
      </c>
    </row>
    <row r="1340" spans="1:5" x14ac:dyDescent="0.4">
      <c r="A1340">
        <v>993</v>
      </c>
      <c r="B1340">
        <v>0</v>
      </c>
      <c r="C1340">
        <v>106</v>
      </c>
      <c r="D1340" t="s">
        <v>88</v>
      </c>
      <c r="E1340" s="1">
        <v>44600.913194444445</v>
      </c>
    </row>
    <row r="1341" spans="1:5" x14ac:dyDescent="0.4">
      <c r="A1341">
        <v>994</v>
      </c>
      <c r="B1341">
        <v>0</v>
      </c>
      <c r="C1341">
        <v>107</v>
      </c>
      <c r="D1341" t="s">
        <v>88</v>
      </c>
      <c r="E1341" s="1">
        <v>44600.913194444445</v>
      </c>
    </row>
    <row r="1342" spans="1:5" x14ac:dyDescent="0.4">
      <c r="A1342">
        <v>995</v>
      </c>
      <c r="B1342">
        <v>0</v>
      </c>
      <c r="C1342">
        <v>108</v>
      </c>
      <c r="D1342" t="s">
        <v>88</v>
      </c>
      <c r="E1342" s="1">
        <v>44600.913194444445</v>
      </c>
    </row>
    <row r="1343" spans="1:5" x14ac:dyDescent="0.4">
      <c r="A1343">
        <v>996</v>
      </c>
      <c r="B1343">
        <v>0</v>
      </c>
      <c r="C1343">
        <v>109</v>
      </c>
      <c r="D1343" t="s">
        <v>88</v>
      </c>
      <c r="E1343" s="1">
        <v>44600.913194444445</v>
      </c>
    </row>
    <row r="1344" spans="1:5" x14ac:dyDescent="0.4">
      <c r="A1344">
        <v>997</v>
      </c>
      <c r="B1344">
        <v>0</v>
      </c>
      <c r="C1344">
        <v>110</v>
      </c>
      <c r="D1344" t="s">
        <v>88</v>
      </c>
      <c r="E1344" s="1">
        <v>44600.913194444445</v>
      </c>
    </row>
    <row r="1345" spans="1:5" x14ac:dyDescent="0.4">
      <c r="A1345">
        <v>998</v>
      </c>
      <c r="B1345">
        <v>0</v>
      </c>
      <c r="C1345">
        <v>111</v>
      </c>
      <c r="D1345" t="s">
        <v>88</v>
      </c>
      <c r="E1345" s="1">
        <v>44600.913194444445</v>
      </c>
    </row>
    <row r="1346" spans="1:5" x14ac:dyDescent="0.4">
      <c r="A1346">
        <v>999</v>
      </c>
      <c r="B1346">
        <v>0</v>
      </c>
      <c r="C1346">
        <v>112</v>
      </c>
      <c r="D1346" t="s">
        <v>88</v>
      </c>
      <c r="E1346" s="1">
        <v>44600.913194444445</v>
      </c>
    </row>
    <row r="1347" spans="1:5" x14ac:dyDescent="0.4">
      <c r="A1347">
        <v>1000</v>
      </c>
      <c r="B1347">
        <v>0</v>
      </c>
      <c r="C1347">
        <v>113</v>
      </c>
      <c r="D1347" t="s">
        <v>88</v>
      </c>
      <c r="E1347" s="1">
        <v>44600.913194444445</v>
      </c>
    </row>
    <row r="1348" spans="1:5" x14ac:dyDescent="0.4">
      <c r="A1348">
        <v>1001</v>
      </c>
      <c r="B1348">
        <v>0</v>
      </c>
      <c r="C1348">
        <v>114</v>
      </c>
      <c r="D1348" t="s">
        <v>88</v>
      </c>
      <c r="E1348" s="1">
        <v>44600.913194444445</v>
      </c>
    </row>
    <row r="1349" spans="1:5" x14ac:dyDescent="0.4">
      <c r="A1349">
        <v>1002</v>
      </c>
      <c r="B1349">
        <v>0</v>
      </c>
      <c r="C1349">
        <v>115</v>
      </c>
      <c r="D1349" t="s">
        <v>88</v>
      </c>
      <c r="E1349" s="1">
        <v>44600.913194444445</v>
      </c>
    </row>
    <row r="1350" spans="1:5" x14ac:dyDescent="0.4">
      <c r="A1350">
        <v>1003</v>
      </c>
      <c r="B1350">
        <v>0</v>
      </c>
      <c r="C1350">
        <v>116</v>
      </c>
      <c r="D1350" t="s">
        <v>88</v>
      </c>
      <c r="E1350" s="1">
        <v>44600.913194444445</v>
      </c>
    </row>
    <row r="1351" spans="1:5" x14ac:dyDescent="0.4">
      <c r="A1351">
        <v>1004</v>
      </c>
      <c r="B1351">
        <v>0</v>
      </c>
      <c r="C1351">
        <v>121</v>
      </c>
      <c r="D1351" t="s">
        <v>88</v>
      </c>
      <c r="E1351" s="1">
        <v>44600.913194444445</v>
      </c>
    </row>
    <row r="1352" spans="1:5" x14ac:dyDescent="0.4">
      <c r="A1352">
        <v>1005</v>
      </c>
      <c r="B1352">
        <v>0</v>
      </c>
      <c r="C1352">
        <v>122</v>
      </c>
      <c r="D1352" t="s">
        <v>88</v>
      </c>
      <c r="E1352" s="1">
        <v>44600.913194444445</v>
      </c>
    </row>
    <row r="1353" spans="1:5" x14ac:dyDescent="0.4">
      <c r="A1353">
        <v>1006</v>
      </c>
      <c r="B1353">
        <v>0</v>
      </c>
      <c r="C1353">
        <v>123</v>
      </c>
      <c r="D1353" t="s">
        <v>88</v>
      </c>
      <c r="E1353" s="1">
        <v>44600.913194444445</v>
      </c>
    </row>
    <row r="1354" spans="1:5" x14ac:dyDescent="0.4">
      <c r="A1354">
        <v>1007</v>
      </c>
      <c r="B1354">
        <v>0</v>
      </c>
      <c r="C1354">
        <v>124</v>
      </c>
      <c r="D1354" t="s">
        <v>88</v>
      </c>
      <c r="E1354" s="1">
        <v>44600.913194444445</v>
      </c>
    </row>
    <row r="1355" spans="1:5" x14ac:dyDescent="0.4">
      <c r="A1355">
        <v>1008</v>
      </c>
      <c r="B1355">
        <v>0</v>
      </c>
      <c r="C1355">
        <v>125</v>
      </c>
      <c r="D1355" t="s">
        <v>88</v>
      </c>
      <c r="E1355" s="1">
        <v>44600.913194444445</v>
      </c>
    </row>
    <row r="1356" spans="1:5" x14ac:dyDescent="0.4">
      <c r="A1356">
        <v>1009</v>
      </c>
      <c r="B1356">
        <v>0</v>
      </c>
      <c r="C1356">
        <v>126</v>
      </c>
      <c r="D1356" t="s">
        <v>88</v>
      </c>
      <c r="E1356" s="1">
        <v>44600.913194444445</v>
      </c>
    </row>
    <row r="1357" spans="1:5" x14ac:dyDescent="0.4">
      <c r="A1357">
        <v>1010</v>
      </c>
      <c r="B1357">
        <v>0</v>
      </c>
      <c r="C1357">
        <v>131</v>
      </c>
      <c r="D1357" t="s">
        <v>88</v>
      </c>
      <c r="E1357" s="1">
        <v>44600.913194444445</v>
      </c>
    </row>
    <row r="1358" spans="1:5" x14ac:dyDescent="0.4">
      <c r="A1358">
        <v>1011</v>
      </c>
      <c r="B1358">
        <v>0</v>
      </c>
      <c r="C1358">
        <v>141</v>
      </c>
      <c r="D1358" t="s">
        <v>88</v>
      </c>
      <c r="E1358" s="1">
        <v>44600.913194444445</v>
      </c>
    </row>
    <row r="1359" spans="1:5" x14ac:dyDescent="0.4">
      <c r="A1359">
        <v>1012</v>
      </c>
      <c r="B1359">
        <v>0</v>
      </c>
      <c r="C1359">
        <v>142</v>
      </c>
      <c r="D1359" t="s">
        <v>88</v>
      </c>
      <c r="E1359" s="1">
        <v>44600.913194444445</v>
      </c>
    </row>
    <row r="1360" spans="1:5" x14ac:dyDescent="0.4">
      <c r="A1360">
        <v>1013</v>
      </c>
      <c r="B1360">
        <v>0</v>
      </c>
      <c r="C1360">
        <v>143</v>
      </c>
      <c r="D1360" t="s">
        <v>88</v>
      </c>
      <c r="E1360" s="1">
        <v>44600.913194444445</v>
      </c>
    </row>
    <row r="1361" spans="1:5" x14ac:dyDescent="0.4">
      <c r="A1361">
        <v>1014</v>
      </c>
      <c r="B1361">
        <v>0</v>
      </c>
      <c r="C1361">
        <v>144</v>
      </c>
      <c r="D1361" t="s">
        <v>88</v>
      </c>
      <c r="E1361" s="1">
        <v>44600.913194444445</v>
      </c>
    </row>
    <row r="1362" spans="1:5" x14ac:dyDescent="0.4">
      <c r="A1362">
        <v>1015</v>
      </c>
      <c r="B1362">
        <v>0</v>
      </c>
      <c r="C1362">
        <v>145</v>
      </c>
      <c r="D1362" t="s">
        <v>88</v>
      </c>
      <c r="E1362" s="1">
        <v>44600.913194444445</v>
      </c>
    </row>
    <row r="1363" spans="1:5" x14ac:dyDescent="0.4">
      <c r="A1363">
        <v>1016</v>
      </c>
      <c r="B1363">
        <v>0</v>
      </c>
      <c r="C1363">
        <v>146</v>
      </c>
      <c r="D1363" t="s">
        <v>88</v>
      </c>
      <c r="E1363" s="1">
        <v>44600.913194444445</v>
      </c>
    </row>
    <row r="1364" spans="1:5" x14ac:dyDescent="0.4">
      <c r="A1364">
        <v>1017</v>
      </c>
      <c r="B1364">
        <v>0</v>
      </c>
      <c r="C1364">
        <v>147</v>
      </c>
      <c r="D1364" t="s">
        <v>88</v>
      </c>
      <c r="E1364" s="1">
        <v>44600.913194444445</v>
      </c>
    </row>
    <row r="1365" spans="1:5" x14ac:dyDescent="0.4">
      <c r="A1365">
        <v>1018</v>
      </c>
      <c r="B1365">
        <v>0</v>
      </c>
      <c r="C1365">
        <v>161</v>
      </c>
      <c r="D1365" t="s">
        <v>88</v>
      </c>
      <c r="E1365" s="1">
        <v>44600.913194444445</v>
      </c>
    </row>
    <row r="1366" spans="1:5" x14ac:dyDescent="0.4">
      <c r="A1366">
        <v>1019</v>
      </c>
      <c r="B1366">
        <v>0</v>
      </c>
      <c r="C1366">
        <v>162</v>
      </c>
      <c r="D1366" t="s">
        <v>88</v>
      </c>
      <c r="E1366" s="1">
        <v>44600.913194444445</v>
      </c>
    </row>
    <row r="1367" spans="1:5" x14ac:dyDescent="0.4">
      <c r="A1367">
        <v>1020</v>
      </c>
      <c r="B1367">
        <v>0</v>
      </c>
      <c r="C1367">
        <v>163</v>
      </c>
      <c r="D1367" t="s">
        <v>88</v>
      </c>
      <c r="E1367" s="1">
        <v>44600.913194444445</v>
      </c>
    </row>
    <row r="1368" spans="1:5" x14ac:dyDescent="0.4">
      <c r="A1368">
        <v>1021</v>
      </c>
      <c r="B1368">
        <v>0</v>
      </c>
      <c r="C1368">
        <v>164</v>
      </c>
      <c r="D1368" t="s">
        <v>88</v>
      </c>
      <c r="E1368" s="1">
        <v>44600.913194444445</v>
      </c>
    </row>
    <row r="1369" spans="1:5" x14ac:dyDescent="0.4">
      <c r="A1369">
        <v>1022</v>
      </c>
      <c r="B1369">
        <v>0</v>
      </c>
      <c r="C1369">
        <v>165</v>
      </c>
      <c r="D1369" t="s">
        <v>88</v>
      </c>
      <c r="E1369" s="1">
        <v>44600.913194444445</v>
      </c>
    </row>
    <row r="1370" spans="1:5" x14ac:dyDescent="0.4">
      <c r="A1370">
        <v>1023</v>
      </c>
      <c r="B1370">
        <v>0</v>
      </c>
      <c r="C1370">
        <v>166</v>
      </c>
      <c r="D1370" t="s">
        <v>88</v>
      </c>
      <c r="E1370" s="1">
        <v>44600.913194444445</v>
      </c>
    </row>
    <row r="1371" spans="1:5" x14ac:dyDescent="0.4">
      <c r="A1371">
        <v>1024</v>
      </c>
      <c r="B1371">
        <v>0</v>
      </c>
      <c r="C1371">
        <v>167</v>
      </c>
      <c r="D1371" t="s">
        <v>88</v>
      </c>
      <c r="E1371" s="1">
        <v>44600.913194444445</v>
      </c>
    </row>
    <row r="1372" spans="1:5" x14ac:dyDescent="0.4">
      <c r="A1372">
        <v>1025</v>
      </c>
      <c r="B1372">
        <v>0</v>
      </c>
      <c r="C1372">
        <v>168</v>
      </c>
      <c r="D1372" t="s">
        <v>88</v>
      </c>
      <c r="E1372" s="1">
        <v>44600.913194444445</v>
      </c>
    </row>
    <row r="1373" spans="1:5" x14ac:dyDescent="0.4">
      <c r="A1373">
        <v>1026</v>
      </c>
      <c r="B1373">
        <v>0</v>
      </c>
      <c r="C1373">
        <v>169</v>
      </c>
      <c r="D1373" t="s">
        <v>88</v>
      </c>
      <c r="E1373" s="1">
        <v>44600.913194444445</v>
      </c>
    </row>
    <row r="1374" spans="1:5" x14ac:dyDescent="0.4">
      <c r="A1374">
        <v>1027</v>
      </c>
      <c r="B1374">
        <v>0</v>
      </c>
      <c r="C1374">
        <v>170</v>
      </c>
      <c r="D1374" t="s">
        <v>88</v>
      </c>
      <c r="E1374" s="1">
        <v>44600.913194444445</v>
      </c>
    </row>
    <row r="1375" spans="1:5" x14ac:dyDescent="0.4">
      <c r="A1375">
        <v>1028</v>
      </c>
      <c r="B1375">
        <v>0</v>
      </c>
      <c r="C1375">
        <v>171</v>
      </c>
      <c r="D1375" t="s">
        <v>88</v>
      </c>
      <c r="E1375" s="1">
        <v>44600.913194444445</v>
      </c>
    </row>
    <row r="1376" spans="1:5" x14ac:dyDescent="0.4">
      <c r="A1376">
        <v>1029</v>
      </c>
      <c r="B1376">
        <v>0</v>
      </c>
      <c r="C1376">
        <v>172</v>
      </c>
      <c r="D1376" t="s">
        <v>88</v>
      </c>
      <c r="E1376" s="1">
        <v>44600.913194444445</v>
      </c>
    </row>
    <row r="1377" spans="1:5" x14ac:dyDescent="0.4">
      <c r="A1377">
        <v>1030</v>
      </c>
      <c r="B1377">
        <v>0</v>
      </c>
      <c r="C1377">
        <v>173</v>
      </c>
      <c r="D1377" t="s">
        <v>88</v>
      </c>
      <c r="E1377" s="1">
        <v>44600.913194444445</v>
      </c>
    </row>
    <row r="1378" spans="1:5" x14ac:dyDescent="0.4">
      <c r="A1378">
        <v>1031</v>
      </c>
      <c r="B1378">
        <v>0</v>
      </c>
      <c r="C1378">
        <v>174</v>
      </c>
      <c r="D1378" t="s">
        <v>88</v>
      </c>
      <c r="E1378" s="1">
        <v>44600.913194444445</v>
      </c>
    </row>
    <row r="1379" spans="1:5" x14ac:dyDescent="0.4">
      <c r="A1379">
        <v>1032</v>
      </c>
      <c r="B1379">
        <v>0</v>
      </c>
      <c r="C1379">
        <v>175</v>
      </c>
      <c r="D1379" t="s">
        <v>88</v>
      </c>
      <c r="E1379" s="1">
        <v>44600.913194444445</v>
      </c>
    </row>
    <row r="1380" spans="1:5" x14ac:dyDescent="0.4">
      <c r="A1380">
        <v>1033</v>
      </c>
      <c r="B1380">
        <v>0</v>
      </c>
      <c r="C1380">
        <v>181</v>
      </c>
      <c r="D1380" t="s">
        <v>88</v>
      </c>
      <c r="E1380" s="1">
        <v>44600.913194444445</v>
      </c>
    </row>
    <row r="1381" spans="1:5" x14ac:dyDescent="0.4">
      <c r="A1381">
        <v>1034</v>
      </c>
      <c r="B1381">
        <v>0</v>
      </c>
      <c r="C1381">
        <v>182</v>
      </c>
      <c r="D1381" t="s">
        <v>88</v>
      </c>
      <c r="E1381" s="1">
        <v>44600.913194444445</v>
      </c>
    </row>
    <row r="1382" spans="1:5" x14ac:dyDescent="0.4">
      <c r="A1382">
        <v>1035</v>
      </c>
      <c r="B1382">
        <v>0</v>
      </c>
      <c r="C1382">
        <v>183</v>
      </c>
      <c r="D1382" t="s">
        <v>88</v>
      </c>
      <c r="E1382" s="1">
        <v>44600.913194444445</v>
      </c>
    </row>
    <row r="1383" spans="1:5" x14ac:dyDescent="0.4">
      <c r="A1383">
        <v>1036</v>
      </c>
      <c r="B1383">
        <v>0</v>
      </c>
      <c r="C1383">
        <v>184</v>
      </c>
      <c r="D1383" t="s">
        <v>88</v>
      </c>
      <c r="E1383" s="1">
        <v>44600.913194444445</v>
      </c>
    </row>
    <row r="1384" spans="1:5" x14ac:dyDescent="0.4">
      <c r="A1384">
        <v>1037</v>
      </c>
      <c r="B1384">
        <v>0</v>
      </c>
      <c r="C1384">
        <v>185</v>
      </c>
      <c r="D1384" t="s">
        <v>88</v>
      </c>
      <c r="E1384" s="1">
        <v>44600.913194444445</v>
      </c>
    </row>
    <row r="1385" spans="1:5" x14ac:dyDescent="0.4">
      <c r="A1385">
        <v>1038</v>
      </c>
      <c r="B1385">
        <v>0</v>
      </c>
      <c r="C1385">
        <v>186</v>
      </c>
      <c r="D1385" t="s">
        <v>88</v>
      </c>
      <c r="E1385" s="1">
        <v>44600.913194444445</v>
      </c>
    </row>
    <row r="1386" spans="1:5" x14ac:dyDescent="0.4">
      <c r="A1386">
        <v>1039</v>
      </c>
      <c r="B1386">
        <v>0</v>
      </c>
      <c r="C1386">
        <v>190</v>
      </c>
      <c r="D1386" t="s">
        <v>88</v>
      </c>
      <c r="E1386" s="1">
        <v>44600.913194444445</v>
      </c>
    </row>
    <row r="1387" spans="1:5" x14ac:dyDescent="0.4">
      <c r="A1387">
        <v>1040</v>
      </c>
      <c r="B1387">
        <v>0</v>
      </c>
      <c r="C1387">
        <v>191</v>
      </c>
      <c r="D1387" t="s">
        <v>88</v>
      </c>
      <c r="E1387" s="1">
        <v>44600.913194444445</v>
      </c>
    </row>
    <row r="1388" spans="1:5" x14ac:dyDescent="0.4">
      <c r="A1388">
        <v>1041</v>
      </c>
      <c r="B1388">
        <v>0</v>
      </c>
      <c r="C1388">
        <v>192</v>
      </c>
      <c r="D1388" t="s">
        <v>88</v>
      </c>
      <c r="E1388" s="1">
        <v>44600.913194444445</v>
      </c>
    </row>
    <row r="1389" spans="1:5" x14ac:dyDescent="0.4">
      <c r="A1389">
        <v>1042</v>
      </c>
      <c r="B1389">
        <v>0</v>
      </c>
      <c r="C1389">
        <v>193</v>
      </c>
      <c r="D1389" t="s">
        <v>88</v>
      </c>
      <c r="E1389" s="1">
        <v>44600.913194444445</v>
      </c>
    </row>
    <row r="1390" spans="1:5" x14ac:dyDescent="0.4">
      <c r="A1390">
        <v>1043</v>
      </c>
      <c r="B1390">
        <v>0</v>
      </c>
      <c r="C1390">
        <v>194</v>
      </c>
      <c r="D1390" t="s">
        <v>88</v>
      </c>
      <c r="E1390" s="1">
        <v>44600.913194444445</v>
      </c>
    </row>
    <row r="1391" spans="1:5" x14ac:dyDescent="0.4">
      <c r="A1391">
        <v>1044</v>
      </c>
      <c r="B1391">
        <v>0</v>
      </c>
      <c r="C1391">
        <v>195</v>
      </c>
      <c r="D1391" t="s">
        <v>88</v>
      </c>
      <c r="E1391" s="1">
        <v>44600.913194444445</v>
      </c>
    </row>
    <row r="1392" spans="1:5" x14ac:dyDescent="0.4">
      <c r="A1392">
        <v>1045</v>
      </c>
      <c r="B1392">
        <v>0</v>
      </c>
      <c r="C1392">
        <v>301</v>
      </c>
      <c r="D1392" t="s">
        <v>88</v>
      </c>
      <c r="E1392" s="1">
        <v>44600.913194444445</v>
      </c>
    </row>
    <row r="1393" spans="1:5" x14ac:dyDescent="0.4">
      <c r="A1393">
        <v>1046</v>
      </c>
      <c r="B1393">
        <v>0</v>
      </c>
      <c r="C1393">
        <v>302</v>
      </c>
      <c r="D1393" t="s">
        <v>88</v>
      </c>
      <c r="E1393" s="1">
        <v>44600.913194444445</v>
      </c>
    </row>
    <row r="1394" spans="1:5" x14ac:dyDescent="0.4">
      <c r="A1394">
        <v>1047</v>
      </c>
      <c r="B1394">
        <v>0</v>
      </c>
      <c r="C1394">
        <v>321</v>
      </c>
      <c r="D1394" t="s">
        <v>88</v>
      </c>
      <c r="E1394" s="1">
        <v>44600.913194444445</v>
      </c>
    </row>
    <row r="1395" spans="1:5" x14ac:dyDescent="0.4">
      <c r="A1395">
        <v>1048</v>
      </c>
      <c r="B1395">
        <v>0</v>
      </c>
      <c r="C1395">
        <v>322</v>
      </c>
      <c r="D1395" t="s">
        <v>88</v>
      </c>
      <c r="E1395" s="1">
        <v>44600.913194444445</v>
      </c>
    </row>
    <row r="1396" spans="1:5" x14ac:dyDescent="0.4">
      <c r="A1396">
        <v>1049</v>
      </c>
      <c r="B1396">
        <v>0</v>
      </c>
      <c r="C1396">
        <v>323</v>
      </c>
      <c r="D1396" t="s">
        <v>88</v>
      </c>
      <c r="E1396" s="1">
        <v>44600.913194444445</v>
      </c>
    </row>
    <row r="1397" spans="1:5" x14ac:dyDescent="0.4">
      <c r="A1397">
        <v>1050</v>
      </c>
      <c r="B1397">
        <v>0</v>
      </c>
      <c r="C1397">
        <v>324</v>
      </c>
      <c r="D1397" t="s">
        <v>88</v>
      </c>
      <c r="E1397" s="1">
        <v>44600.913194444445</v>
      </c>
    </row>
    <row r="1398" spans="1:5" x14ac:dyDescent="0.4">
      <c r="A1398">
        <v>1051</v>
      </c>
      <c r="B1398">
        <v>0</v>
      </c>
      <c r="C1398">
        <v>325</v>
      </c>
      <c r="D1398" t="s">
        <v>88</v>
      </c>
      <c r="E1398" s="1">
        <v>44600.913194444445</v>
      </c>
    </row>
    <row r="1399" spans="1:5" x14ac:dyDescent="0.4">
      <c r="A1399">
        <v>1052</v>
      </c>
      <c r="B1399">
        <v>0</v>
      </c>
      <c r="C1399">
        <v>326</v>
      </c>
      <c r="D1399" t="s">
        <v>88</v>
      </c>
      <c r="E1399" s="1">
        <v>44600.913194444445</v>
      </c>
    </row>
    <row r="1400" spans="1:5" x14ac:dyDescent="0.4">
      <c r="A1400">
        <v>1053</v>
      </c>
      <c r="B1400">
        <v>0</v>
      </c>
      <c r="C1400">
        <v>327</v>
      </c>
      <c r="D1400" t="s">
        <v>88</v>
      </c>
      <c r="E1400" s="1">
        <v>44600.913194444445</v>
      </c>
    </row>
    <row r="1401" spans="1:5" x14ac:dyDescent="0.4">
      <c r="A1401">
        <v>1054</v>
      </c>
      <c r="B1401">
        <v>0</v>
      </c>
      <c r="C1401">
        <v>328</v>
      </c>
      <c r="D1401" t="s">
        <v>88</v>
      </c>
      <c r="E1401" s="1">
        <v>44600.913194444445</v>
      </c>
    </row>
    <row r="1402" spans="1:5" x14ac:dyDescent="0.4">
      <c r="A1402">
        <v>1055</v>
      </c>
      <c r="B1402">
        <v>0</v>
      </c>
      <c r="C1402">
        <v>329</v>
      </c>
      <c r="D1402" t="s">
        <v>88</v>
      </c>
      <c r="E1402" s="1">
        <v>44600.913194444445</v>
      </c>
    </row>
    <row r="1403" spans="1:5" x14ac:dyDescent="0.4">
      <c r="A1403">
        <v>1056</v>
      </c>
      <c r="B1403">
        <v>0</v>
      </c>
      <c r="C1403">
        <v>330</v>
      </c>
      <c r="D1403" t="s">
        <v>88</v>
      </c>
      <c r="E1403" s="1">
        <v>44600.913194444445</v>
      </c>
    </row>
    <row r="1404" spans="1:5" x14ac:dyDescent="0.4">
      <c r="A1404">
        <v>1057</v>
      </c>
      <c r="B1404">
        <v>0</v>
      </c>
      <c r="C1404">
        <v>331</v>
      </c>
      <c r="D1404" t="s">
        <v>88</v>
      </c>
      <c r="E1404" s="1">
        <v>44600.913194444445</v>
      </c>
    </row>
    <row r="1405" spans="1:5" x14ac:dyDescent="0.4">
      <c r="A1405">
        <v>1058</v>
      </c>
      <c r="B1405">
        <v>0</v>
      </c>
      <c r="C1405">
        <v>332</v>
      </c>
      <c r="D1405" t="s">
        <v>88</v>
      </c>
      <c r="E1405" s="1">
        <v>44600.913194444445</v>
      </c>
    </row>
    <row r="1406" spans="1:5" x14ac:dyDescent="0.4">
      <c r="A1406">
        <v>1059</v>
      </c>
      <c r="B1406">
        <v>0</v>
      </c>
      <c r="C1406">
        <v>333</v>
      </c>
      <c r="D1406" t="s">
        <v>88</v>
      </c>
      <c r="E1406" s="1">
        <v>44600.913194444445</v>
      </c>
    </row>
    <row r="1407" spans="1:5" x14ac:dyDescent="0.4">
      <c r="A1407">
        <v>1060</v>
      </c>
      <c r="B1407">
        <v>0</v>
      </c>
      <c r="C1407">
        <v>341</v>
      </c>
      <c r="D1407" t="s">
        <v>88</v>
      </c>
      <c r="E1407" s="1">
        <v>44600.913194444445</v>
      </c>
    </row>
    <row r="1408" spans="1:5" x14ac:dyDescent="0.4">
      <c r="A1408">
        <v>1061</v>
      </c>
      <c r="B1408">
        <v>0</v>
      </c>
      <c r="C1408">
        <v>342</v>
      </c>
      <c r="D1408" t="s">
        <v>88</v>
      </c>
      <c r="E1408" s="1">
        <v>44600.913194444445</v>
      </c>
    </row>
    <row r="1409" spans="1:5" x14ac:dyDescent="0.4">
      <c r="A1409">
        <v>1062</v>
      </c>
      <c r="B1409">
        <v>0</v>
      </c>
      <c r="C1409">
        <v>343</v>
      </c>
      <c r="D1409" t="s">
        <v>88</v>
      </c>
      <c r="E1409" s="1">
        <v>44600.913194444445</v>
      </c>
    </row>
    <row r="1410" spans="1:5" x14ac:dyDescent="0.4">
      <c r="A1410">
        <v>1063</v>
      </c>
      <c r="B1410">
        <v>0</v>
      </c>
      <c r="C1410">
        <v>344</v>
      </c>
      <c r="D1410" t="s">
        <v>88</v>
      </c>
      <c r="E1410" s="1">
        <v>44600.913194444445</v>
      </c>
    </row>
    <row r="1411" spans="1:5" x14ac:dyDescent="0.4">
      <c r="A1411">
        <v>1064</v>
      </c>
      <c r="B1411">
        <v>0</v>
      </c>
      <c r="C1411">
        <v>345</v>
      </c>
      <c r="D1411" t="s">
        <v>88</v>
      </c>
      <c r="E1411" s="1">
        <v>44600.913194444445</v>
      </c>
    </row>
    <row r="1412" spans="1:5" x14ac:dyDescent="0.4">
      <c r="A1412">
        <v>1065</v>
      </c>
      <c r="B1412">
        <v>0</v>
      </c>
      <c r="C1412">
        <v>346</v>
      </c>
      <c r="D1412" t="s">
        <v>88</v>
      </c>
      <c r="E1412" s="1">
        <v>44600.913194444445</v>
      </c>
    </row>
    <row r="1413" spans="1:5" x14ac:dyDescent="0.4">
      <c r="A1413">
        <v>1066</v>
      </c>
      <c r="B1413">
        <v>0</v>
      </c>
      <c r="C1413">
        <v>361</v>
      </c>
      <c r="D1413" t="s">
        <v>88</v>
      </c>
      <c r="E1413" s="1">
        <v>44600.913194444445</v>
      </c>
    </row>
    <row r="1414" spans="1:5" x14ac:dyDescent="0.4">
      <c r="A1414">
        <v>1067</v>
      </c>
      <c r="B1414">
        <v>0</v>
      </c>
      <c r="C1414">
        <v>362</v>
      </c>
      <c r="D1414" t="s">
        <v>88</v>
      </c>
      <c r="E1414" s="1">
        <v>44600.913194444445</v>
      </c>
    </row>
    <row r="1415" spans="1:5" x14ac:dyDescent="0.4">
      <c r="A1415">
        <v>1068</v>
      </c>
      <c r="B1415">
        <v>0</v>
      </c>
      <c r="C1415">
        <v>363</v>
      </c>
      <c r="D1415" t="s">
        <v>88</v>
      </c>
      <c r="E1415" s="1">
        <v>44600.913194444445</v>
      </c>
    </row>
    <row r="1416" spans="1:5" x14ac:dyDescent="0.4">
      <c r="A1416">
        <v>1069</v>
      </c>
      <c r="B1416">
        <v>0</v>
      </c>
      <c r="C1416">
        <v>364</v>
      </c>
      <c r="D1416" t="s">
        <v>88</v>
      </c>
      <c r="E1416" s="1">
        <v>44600.913194444445</v>
      </c>
    </row>
    <row r="1417" spans="1:5" x14ac:dyDescent="0.4">
      <c r="A1417">
        <v>1070</v>
      </c>
      <c r="B1417">
        <v>0</v>
      </c>
      <c r="C1417">
        <v>365</v>
      </c>
      <c r="D1417" t="s">
        <v>88</v>
      </c>
      <c r="E1417" s="1">
        <v>44600.913194444445</v>
      </c>
    </row>
    <row r="1418" spans="1:5" x14ac:dyDescent="0.4">
      <c r="A1418">
        <v>1071</v>
      </c>
      <c r="B1418">
        <v>0</v>
      </c>
      <c r="C1418">
        <v>366</v>
      </c>
      <c r="D1418" t="s">
        <v>88</v>
      </c>
      <c r="E1418" s="1">
        <v>44600.913194444445</v>
      </c>
    </row>
    <row r="1419" spans="1:5" x14ac:dyDescent="0.4">
      <c r="A1419">
        <v>1072</v>
      </c>
      <c r="B1419">
        <v>0</v>
      </c>
      <c r="C1419">
        <v>367</v>
      </c>
      <c r="D1419" t="s">
        <v>88</v>
      </c>
      <c r="E1419" s="1">
        <v>44600.913194444445</v>
      </c>
    </row>
    <row r="1420" spans="1:5" x14ac:dyDescent="0.4">
      <c r="A1420">
        <v>1073</v>
      </c>
      <c r="B1420">
        <v>0</v>
      </c>
      <c r="C1420">
        <v>368</v>
      </c>
      <c r="D1420" t="s">
        <v>88</v>
      </c>
      <c r="E1420" s="1">
        <v>44600.913194444445</v>
      </c>
    </row>
    <row r="1421" spans="1:5" x14ac:dyDescent="0.4">
      <c r="A1421">
        <v>1074</v>
      </c>
      <c r="B1421">
        <v>0</v>
      </c>
      <c r="C1421">
        <v>369</v>
      </c>
      <c r="D1421" t="s">
        <v>88</v>
      </c>
      <c r="E1421" s="1">
        <v>44600.913194444445</v>
      </c>
    </row>
    <row r="1422" spans="1:5" x14ac:dyDescent="0.4">
      <c r="A1422">
        <v>1075</v>
      </c>
      <c r="B1422">
        <v>0</v>
      </c>
      <c r="C1422">
        <v>370</v>
      </c>
      <c r="D1422" t="s">
        <v>88</v>
      </c>
      <c r="E1422" s="1">
        <v>44600.913194444445</v>
      </c>
    </row>
    <row r="1423" spans="1:5" x14ac:dyDescent="0.4">
      <c r="A1423">
        <v>1076</v>
      </c>
      <c r="B1423">
        <v>0</v>
      </c>
      <c r="C1423">
        <v>371</v>
      </c>
      <c r="D1423" t="s">
        <v>88</v>
      </c>
      <c r="E1423" s="1">
        <v>44600.913194444445</v>
      </c>
    </row>
    <row r="1424" spans="1:5" x14ac:dyDescent="0.4">
      <c r="A1424">
        <v>1077</v>
      </c>
      <c r="B1424">
        <v>0</v>
      </c>
      <c r="C1424">
        <v>372</v>
      </c>
      <c r="D1424" t="s">
        <v>88</v>
      </c>
      <c r="E1424" s="1">
        <v>44600.913194444445</v>
      </c>
    </row>
    <row r="1425" spans="1:5" x14ac:dyDescent="0.4">
      <c r="A1425">
        <v>1078</v>
      </c>
      <c r="B1425">
        <v>0</v>
      </c>
      <c r="C1425">
        <v>373</v>
      </c>
      <c r="D1425" t="s">
        <v>88</v>
      </c>
      <c r="E1425" s="1">
        <v>44600.913194444445</v>
      </c>
    </row>
    <row r="1426" spans="1:5" x14ac:dyDescent="0.4">
      <c r="A1426">
        <v>1079</v>
      </c>
      <c r="B1426">
        <v>0</v>
      </c>
      <c r="C1426">
        <v>381</v>
      </c>
      <c r="D1426" t="s">
        <v>88</v>
      </c>
      <c r="E1426" s="1">
        <v>44600.913194444445</v>
      </c>
    </row>
    <row r="1427" spans="1:5" x14ac:dyDescent="0.4">
      <c r="A1427">
        <v>1080</v>
      </c>
      <c r="B1427">
        <v>0</v>
      </c>
      <c r="C1427">
        <v>382</v>
      </c>
      <c r="D1427" t="s">
        <v>88</v>
      </c>
      <c r="E1427" s="1">
        <v>44600.913194444445</v>
      </c>
    </row>
    <row r="1428" spans="1:5" x14ac:dyDescent="0.4">
      <c r="A1428">
        <v>1081</v>
      </c>
      <c r="B1428">
        <v>0</v>
      </c>
      <c r="C1428">
        <v>383</v>
      </c>
      <c r="D1428" t="s">
        <v>88</v>
      </c>
      <c r="E1428" s="1">
        <v>44600.913194444445</v>
      </c>
    </row>
    <row r="1429" spans="1:5" x14ac:dyDescent="0.4">
      <c r="A1429">
        <v>1082</v>
      </c>
      <c r="B1429">
        <v>0</v>
      </c>
      <c r="C1429">
        <v>384</v>
      </c>
      <c r="D1429" t="s">
        <v>88</v>
      </c>
      <c r="E1429" s="1">
        <v>44600.913194444445</v>
      </c>
    </row>
    <row r="1430" spans="1:5" x14ac:dyDescent="0.4">
      <c r="A1430">
        <v>1083</v>
      </c>
      <c r="B1430">
        <v>0</v>
      </c>
      <c r="C1430">
        <v>385</v>
      </c>
      <c r="D1430" t="s">
        <v>88</v>
      </c>
      <c r="E1430" s="1">
        <v>44600.913194444445</v>
      </c>
    </row>
    <row r="1431" spans="1:5" x14ac:dyDescent="0.4">
      <c r="A1431">
        <v>1084</v>
      </c>
      <c r="B1431">
        <v>0</v>
      </c>
      <c r="C1431">
        <v>386</v>
      </c>
      <c r="D1431" t="s">
        <v>88</v>
      </c>
      <c r="E1431" s="1">
        <v>44600.913194444445</v>
      </c>
    </row>
    <row r="1432" spans="1:5" x14ac:dyDescent="0.4">
      <c r="A1432">
        <v>1085</v>
      </c>
      <c r="B1432">
        <v>0</v>
      </c>
      <c r="C1432">
        <v>391</v>
      </c>
      <c r="D1432" t="s">
        <v>88</v>
      </c>
      <c r="E1432" s="1">
        <v>44600.913194444445</v>
      </c>
    </row>
    <row r="1433" spans="1:5" x14ac:dyDescent="0.4">
      <c r="A1433">
        <v>1086</v>
      </c>
      <c r="B1433">
        <v>0</v>
      </c>
      <c r="C1433">
        <v>392</v>
      </c>
      <c r="D1433" t="s">
        <v>88</v>
      </c>
      <c r="E1433" s="1">
        <v>44600.913194444445</v>
      </c>
    </row>
    <row r="1434" spans="1:5" x14ac:dyDescent="0.4">
      <c r="A1434">
        <v>1087</v>
      </c>
      <c r="B1434">
        <v>0</v>
      </c>
      <c r="C1434">
        <v>393</v>
      </c>
      <c r="D1434" t="s">
        <v>88</v>
      </c>
      <c r="E1434" s="1">
        <v>44600.913194444445</v>
      </c>
    </row>
    <row r="1435" spans="1:5" x14ac:dyDescent="0.4">
      <c r="A1435">
        <v>1088</v>
      </c>
      <c r="B1435">
        <v>0</v>
      </c>
      <c r="C1435">
        <v>395</v>
      </c>
      <c r="D1435" t="s">
        <v>88</v>
      </c>
      <c r="E1435" s="1">
        <v>44600.913194444445</v>
      </c>
    </row>
    <row r="1436" spans="1:5" x14ac:dyDescent="0.4">
      <c r="A1436">
        <v>1089</v>
      </c>
      <c r="B1436">
        <v>0</v>
      </c>
      <c r="C1436">
        <v>396</v>
      </c>
      <c r="D1436" t="s">
        <v>88</v>
      </c>
      <c r="E1436" s="1">
        <v>44600.913194444445</v>
      </c>
    </row>
    <row r="1437" spans="1:5" x14ac:dyDescent="0.4">
      <c r="A1437">
        <v>1090</v>
      </c>
      <c r="B1437">
        <v>0</v>
      </c>
      <c r="C1437">
        <v>401</v>
      </c>
      <c r="D1437" t="s">
        <v>88</v>
      </c>
      <c r="E1437" s="1">
        <v>44600.913194444445</v>
      </c>
    </row>
    <row r="1438" spans="1:5" x14ac:dyDescent="0.4">
      <c r="A1438">
        <v>1091</v>
      </c>
      <c r="B1438">
        <v>0</v>
      </c>
      <c r="C1438">
        <v>402</v>
      </c>
      <c r="D1438" t="s">
        <v>88</v>
      </c>
      <c r="E1438" s="1">
        <v>44600.913194444445</v>
      </c>
    </row>
    <row r="1439" spans="1:5" x14ac:dyDescent="0.4">
      <c r="A1439">
        <v>1092</v>
      </c>
      <c r="B1439">
        <v>0</v>
      </c>
      <c r="C1439">
        <v>403</v>
      </c>
      <c r="D1439" t="s">
        <v>88</v>
      </c>
      <c r="E1439" s="1">
        <v>44600.913194444445</v>
      </c>
    </row>
    <row r="1440" spans="1:5" x14ac:dyDescent="0.4">
      <c r="A1440">
        <v>1093</v>
      </c>
      <c r="B1440">
        <v>0</v>
      </c>
      <c r="C1440">
        <v>404</v>
      </c>
      <c r="D1440" t="s">
        <v>88</v>
      </c>
      <c r="E1440" s="1">
        <v>44600.913194444445</v>
      </c>
    </row>
    <row r="1441" spans="1:5" x14ac:dyDescent="0.4">
      <c r="A1441">
        <v>1094</v>
      </c>
      <c r="B1441">
        <v>0</v>
      </c>
      <c r="C1441">
        <v>405</v>
      </c>
      <c r="D1441" t="s">
        <v>88</v>
      </c>
      <c r="E1441" s="1">
        <v>44600.913194444445</v>
      </c>
    </row>
    <row r="1442" spans="1:5" x14ac:dyDescent="0.4">
      <c r="A1442">
        <v>1095</v>
      </c>
      <c r="B1442">
        <v>0</v>
      </c>
      <c r="C1442">
        <v>406</v>
      </c>
      <c r="D1442" t="s">
        <v>88</v>
      </c>
      <c r="E1442" s="1">
        <v>44600.913194444445</v>
      </c>
    </row>
    <row r="1443" spans="1:5" x14ac:dyDescent="0.4">
      <c r="A1443">
        <v>1096</v>
      </c>
      <c r="B1443">
        <v>0</v>
      </c>
      <c r="C1443">
        <v>411</v>
      </c>
      <c r="D1443" t="s">
        <v>88</v>
      </c>
      <c r="E1443" s="1">
        <v>44600.913194444445</v>
      </c>
    </row>
    <row r="1444" spans="1:5" x14ac:dyDescent="0.4">
      <c r="A1444">
        <v>1097</v>
      </c>
      <c r="B1444">
        <v>0</v>
      </c>
      <c r="C1444">
        <v>412</v>
      </c>
      <c r="D1444" t="s">
        <v>88</v>
      </c>
      <c r="E1444" s="1">
        <v>44600.913194444445</v>
      </c>
    </row>
    <row r="1445" spans="1:5" x14ac:dyDescent="0.4">
      <c r="A1445">
        <v>1098</v>
      </c>
      <c r="B1445">
        <v>0</v>
      </c>
      <c r="C1445">
        <v>413</v>
      </c>
      <c r="D1445" t="s">
        <v>88</v>
      </c>
      <c r="E1445" s="1">
        <v>44600.913194444445</v>
      </c>
    </row>
    <row r="1446" spans="1:5" x14ac:dyDescent="0.4">
      <c r="A1446">
        <v>1099</v>
      </c>
      <c r="B1446">
        <v>0</v>
      </c>
      <c r="C1446">
        <v>414</v>
      </c>
      <c r="D1446" t="s">
        <v>88</v>
      </c>
      <c r="E1446" s="1">
        <v>44600.913194444445</v>
      </c>
    </row>
    <row r="1447" spans="1:5" x14ac:dyDescent="0.4">
      <c r="A1447">
        <v>1100</v>
      </c>
      <c r="B1447">
        <v>0</v>
      </c>
      <c r="C1447">
        <v>421</v>
      </c>
      <c r="D1447" t="s">
        <v>88</v>
      </c>
      <c r="E1447" s="1">
        <v>44600.913194444445</v>
      </c>
    </row>
    <row r="1448" spans="1:5" x14ac:dyDescent="0.4">
      <c r="A1448">
        <v>1101</v>
      </c>
      <c r="B1448">
        <v>0</v>
      </c>
      <c r="C1448">
        <v>422</v>
      </c>
      <c r="D1448" t="s">
        <v>88</v>
      </c>
      <c r="E1448" s="1">
        <v>44600.913194444445</v>
      </c>
    </row>
    <row r="1449" spans="1:5" x14ac:dyDescent="0.4">
      <c r="A1449">
        <v>1102</v>
      </c>
      <c r="B1449">
        <v>0</v>
      </c>
      <c r="C1449">
        <v>431</v>
      </c>
      <c r="D1449" t="s">
        <v>88</v>
      </c>
      <c r="E1449" s="1">
        <v>44600.913194444445</v>
      </c>
    </row>
    <row r="1450" spans="1:5" x14ac:dyDescent="0.4">
      <c r="A1450">
        <v>1103</v>
      </c>
      <c r="B1450">
        <v>0</v>
      </c>
      <c r="C1450">
        <v>432</v>
      </c>
      <c r="D1450" t="s">
        <v>88</v>
      </c>
      <c r="E1450" s="1">
        <v>44600.913194444445</v>
      </c>
    </row>
    <row r="1451" spans="1:5" x14ac:dyDescent="0.4">
      <c r="A1451">
        <v>1104</v>
      </c>
      <c r="B1451">
        <v>0</v>
      </c>
      <c r="C1451">
        <v>433</v>
      </c>
      <c r="D1451" t="s">
        <v>88</v>
      </c>
      <c r="E1451" s="1">
        <v>44600.913194444445</v>
      </c>
    </row>
    <row r="1452" spans="1:5" x14ac:dyDescent="0.4">
      <c r="A1452">
        <v>1105</v>
      </c>
      <c r="B1452">
        <v>1</v>
      </c>
      <c r="C1452">
        <v>1</v>
      </c>
      <c r="D1452" t="s">
        <v>88</v>
      </c>
      <c r="E1452" s="1">
        <v>44600.942361111112</v>
      </c>
    </row>
    <row r="1453" spans="1:5" x14ac:dyDescent="0.4">
      <c r="A1453">
        <v>1106</v>
      </c>
      <c r="B1453">
        <v>0</v>
      </c>
      <c r="C1453">
        <v>2</v>
      </c>
      <c r="D1453" t="s">
        <v>88</v>
      </c>
      <c r="E1453" s="1">
        <v>44600.942361111112</v>
      </c>
    </row>
    <row r="1454" spans="1:5" x14ac:dyDescent="0.4">
      <c r="A1454">
        <v>1107</v>
      </c>
      <c r="B1454">
        <v>0</v>
      </c>
      <c r="C1454">
        <v>3</v>
      </c>
      <c r="D1454" t="s">
        <v>88</v>
      </c>
      <c r="E1454" s="1">
        <v>44600.942361111112</v>
      </c>
    </row>
    <row r="1455" spans="1:5" x14ac:dyDescent="0.4">
      <c r="A1455">
        <v>1108</v>
      </c>
      <c r="B1455">
        <v>0</v>
      </c>
      <c r="C1455">
        <v>4</v>
      </c>
      <c r="D1455" t="s">
        <v>88</v>
      </c>
      <c r="E1455" s="1">
        <v>44600.942361111112</v>
      </c>
    </row>
    <row r="1456" spans="1:5" x14ac:dyDescent="0.4">
      <c r="A1456">
        <v>1109</v>
      </c>
      <c r="B1456">
        <v>0</v>
      </c>
      <c r="C1456">
        <v>5</v>
      </c>
      <c r="D1456" t="s">
        <v>88</v>
      </c>
      <c r="E1456" s="1">
        <v>44600.942361111112</v>
      </c>
    </row>
    <row r="1457" spans="1:5" x14ac:dyDescent="0.4">
      <c r="A1457">
        <v>1110</v>
      </c>
      <c r="B1457">
        <v>0</v>
      </c>
      <c r="C1457">
        <v>11</v>
      </c>
      <c r="D1457" t="s">
        <v>88</v>
      </c>
      <c r="E1457" s="1">
        <v>44600.942361111112</v>
      </c>
    </row>
    <row r="1458" spans="1:5" x14ac:dyDescent="0.4">
      <c r="A1458">
        <v>1111</v>
      </c>
      <c r="B1458">
        <v>0</v>
      </c>
      <c r="C1458">
        <v>12</v>
      </c>
      <c r="D1458" t="s">
        <v>88</v>
      </c>
      <c r="E1458" s="1">
        <v>44600.942361111112</v>
      </c>
    </row>
    <row r="1459" spans="1:5" x14ac:dyDescent="0.4">
      <c r="A1459">
        <v>1112</v>
      </c>
      <c r="B1459">
        <v>0</v>
      </c>
      <c r="C1459">
        <v>15</v>
      </c>
      <c r="D1459" t="s">
        <v>88</v>
      </c>
      <c r="E1459" s="1">
        <v>44600.942361111112</v>
      </c>
    </row>
    <row r="1460" spans="1:5" x14ac:dyDescent="0.4">
      <c r="A1460">
        <v>1113</v>
      </c>
      <c r="B1460">
        <v>0</v>
      </c>
      <c r="C1460">
        <v>16</v>
      </c>
      <c r="D1460" t="s">
        <v>88</v>
      </c>
      <c r="E1460" s="1">
        <v>44600.942361111112</v>
      </c>
    </row>
    <row r="1461" spans="1:5" x14ac:dyDescent="0.4">
      <c r="A1461">
        <v>1114</v>
      </c>
      <c r="B1461">
        <v>0</v>
      </c>
      <c r="C1461">
        <v>17</v>
      </c>
      <c r="D1461" t="s">
        <v>88</v>
      </c>
      <c r="E1461" s="1">
        <v>44600.942361111112</v>
      </c>
    </row>
    <row r="1462" spans="1:5" x14ac:dyDescent="0.4">
      <c r="A1462">
        <v>1115</v>
      </c>
      <c r="B1462">
        <v>0</v>
      </c>
      <c r="C1462">
        <v>21</v>
      </c>
      <c r="D1462" t="s">
        <v>88</v>
      </c>
      <c r="E1462" s="1">
        <v>44600.942361111112</v>
      </c>
    </row>
    <row r="1463" spans="1:5" x14ac:dyDescent="0.4">
      <c r="A1463">
        <v>1116</v>
      </c>
      <c r="B1463">
        <v>0</v>
      </c>
      <c r="C1463">
        <v>22</v>
      </c>
      <c r="D1463" t="s">
        <v>88</v>
      </c>
      <c r="E1463" s="1">
        <v>44600.942361111112</v>
      </c>
    </row>
    <row r="1464" spans="1:5" x14ac:dyDescent="0.4">
      <c r="A1464">
        <v>1117</v>
      </c>
      <c r="B1464">
        <v>0</v>
      </c>
      <c r="C1464">
        <v>23</v>
      </c>
      <c r="D1464" t="s">
        <v>88</v>
      </c>
      <c r="E1464" s="1">
        <v>44600.942361111112</v>
      </c>
    </row>
    <row r="1465" spans="1:5" x14ac:dyDescent="0.4">
      <c r="A1465">
        <v>1118</v>
      </c>
      <c r="B1465">
        <v>0</v>
      </c>
      <c r="C1465">
        <v>24</v>
      </c>
      <c r="D1465" t="s">
        <v>88</v>
      </c>
      <c r="E1465" s="1">
        <v>44600.942361111112</v>
      </c>
    </row>
    <row r="1466" spans="1:5" x14ac:dyDescent="0.4">
      <c r="A1466">
        <v>1119</v>
      </c>
      <c r="B1466">
        <v>0</v>
      </c>
      <c r="C1466">
        <v>25</v>
      </c>
      <c r="D1466" t="s">
        <v>88</v>
      </c>
      <c r="E1466" s="1">
        <v>44600.942361111112</v>
      </c>
    </row>
    <row r="1467" spans="1:5" x14ac:dyDescent="0.4">
      <c r="A1467">
        <v>1120</v>
      </c>
      <c r="B1467">
        <v>0</v>
      </c>
      <c r="C1467">
        <v>26</v>
      </c>
      <c r="D1467" t="s">
        <v>88</v>
      </c>
      <c r="E1467" s="1">
        <v>44600.942361111112</v>
      </c>
    </row>
    <row r="1468" spans="1:5" x14ac:dyDescent="0.4">
      <c r="A1468">
        <v>1121</v>
      </c>
      <c r="B1468">
        <v>0</v>
      </c>
      <c r="C1468">
        <v>27</v>
      </c>
      <c r="D1468" t="s">
        <v>88</v>
      </c>
      <c r="E1468" s="1">
        <v>44600.942361111112</v>
      </c>
    </row>
    <row r="1469" spans="1:5" x14ac:dyDescent="0.4">
      <c r="A1469">
        <v>1122</v>
      </c>
      <c r="B1469">
        <v>0</v>
      </c>
      <c r="C1469">
        <v>28</v>
      </c>
      <c r="D1469" t="s">
        <v>88</v>
      </c>
      <c r="E1469" s="1">
        <v>44600.942361111112</v>
      </c>
    </row>
    <row r="1470" spans="1:5" x14ac:dyDescent="0.4">
      <c r="A1470">
        <v>1123</v>
      </c>
      <c r="B1470">
        <v>0</v>
      </c>
      <c r="C1470">
        <v>29</v>
      </c>
      <c r="D1470" t="s">
        <v>88</v>
      </c>
      <c r="E1470" s="1">
        <v>44600.942361111112</v>
      </c>
    </row>
    <row r="1471" spans="1:5" x14ac:dyDescent="0.4">
      <c r="A1471">
        <v>1124</v>
      </c>
      <c r="B1471">
        <v>0</v>
      </c>
      <c r="C1471">
        <v>30</v>
      </c>
      <c r="D1471" t="s">
        <v>88</v>
      </c>
      <c r="E1471" s="1">
        <v>44600.942361111112</v>
      </c>
    </row>
    <row r="1472" spans="1:5" x14ac:dyDescent="0.4">
      <c r="A1472">
        <v>1125</v>
      </c>
      <c r="B1472">
        <v>0</v>
      </c>
      <c r="C1472">
        <v>31</v>
      </c>
      <c r="D1472" t="s">
        <v>88</v>
      </c>
      <c r="E1472" s="1">
        <v>44600.942361111112</v>
      </c>
    </row>
    <row r="1473" spans="1:5" x14ac:dyDescent="0.4">
      <c r="A1473">
        <v>1126</v>
      </c>
      <c r="B1473">
        <v>0</v>
      </c>
      <c r="C1473">
        <v>32</v>
      </c>
      <c r="D1473" t="s">
        <v>88</v>
      </c>
      <c r="E1473" s="1">
        <v>44600.942361111112</v>
      </c>
    </row>
    <row r="1474" spans="1:5" x14ac:dyDescent="0.4">
      <c r="A1474">
        <v>1127</v>
      </c>
      <c r="B1474">
        <v>0</v>
      </c>
      <c r="C1474">
        <v>33</v>
      </c>
      <c r="D1474" t="s">
        <v>88</v>
      </c>
      <c r="E1474" s="1">
        <v>44600.942361111112</v>
      </c>
    </row>
    <row r="1475" spans="1:5" x14ac:dyDescent="0.4">
      <c r="A1475">
        <v>1128</v>
      </c>
      <c r="B1475">
        <v>0</v>
      </c>
      <c r="C1475">
        <v>41</v>
      </c>
      <c r="D1475" t="s">
        <v>88</v>
      </c>
      <c r="E1475" s="1">
        <v>44600.942361111112</v>
      </c>
    </row>
    <row r="1476" spans="1:5" x14ac:dyDescent="0.4">
      <c r="A1476">
        <v>1129</v>
      </c>
      <c r="B1476">
        <v>0</v>
      </c>
      <c r="C1476">
        <v>42</v>
      </c>
      <c r="D1476" t="s">
        <v>88</v>
      </c>
      <c r="E1476" s="1">
        <v>44600.942361111112</v>
      </c>
    </row>
    <row r="1477" spans="1:5" x14ac:dyDescent="0.4">
      <c r="A1477">
        <v>1130</v>
      </c>
      <c r="B1477">
        <v>0</v>
      </c>
      <c r="C1477">
        <v>43</v>
      </c>
      <c r="D1477" t="s">
        <v>88</v>
      </c>
      <c r="E1477" s="1">
        <v>44600.942361111112</v>
      </c>
    </row>
    <row r="1478" spans="1:5" x14ac:dyDescent="0.4">
      <c r="A1478">
        <v>1131</v>
      </c>
      <c r="B1478">
        <v>0</v>
      </c>
      <c r="C1478">
        <v>44</v>
      </c>
      <c r="D1478" t="s">
        <v>88</v>
      </c>
      <c r="E1478" s="1">
        <v>44600.942361111112</v>
      </c>
    </row>
    <row r="1479" spans="1:5" x14ac:dyDescent="0.4">
      <c r="A1479">
        <v>1132</v>
      </c>
      <c r="B1479">
        <v>0</v>
      </c>
      <c r="C1479">
        <v>45</v>
      </c>
      <c r="D1479" t="s">
        <v>88</v>
      </c>
      <c r="E1479" s="1">
        <v>44600.942361111112</v>
      </c>
    </row>
    <row r="1480" spans="1:5" x14ac:dyDescent="0.4">
      <c r="A1480">
        <v>1133</v>
      </c>
      <c r="B1480">
        <v>0</v>
      </c>
      <c r="C1480">
        <v>46</v>
      </c>
      <c r="D1480" t="s">
        <v>88</v>
      </c>
      <c r="E1480" s="1">
        <v>44600.942361111112</v>
      </c>
    </row>
    <row r="1481" spans="1:5" x14ac:dyDescent="0.4">
      <c r="A1481">
        <v>1134</v>
      </c>
      <c r="B1481">
        <v>0</v>
      </c>
      <c r="C1481">
        <v>47</v>
      </c>
      <c r="D1481" t="s">
        <v>88</v>
      </c>
      <c r="E1481" s="1">
        <v>44600.942361111112</v>
      </c>
    </row>
    <row r="1482" spans="1:5" x14ac:dyDescent="0.4">
      <c r="A1482">
        <v>1135</v>
      </c>
      <c r="B1482">
        <v>0</v>
      </c>
      <c r="C1482">
        <v>48</v>
      </c>
      <c r="D1482" t="s">
        <v>88</v>
      </c>
      <c r="E1482" s="1">
        <v>44600.942361111112</v>
      </c>
    </row>
    <row r="1483" spans="1:5" x14ac:dyDescent="0.4">
      <c r="A1483">
        <v>1136</v>
      </c>
      <c r="B1483">
        <v>0</v>
      </c>
      <c r="C1483">
        <v>49</v>
      </c>
      <c r="D1483" t="s">
        <v>88</v>
      </c>
      <c r="E1483" s="1">
        <v>44600.942361111112</v>
      </c>
    </row>
    <row r="1484" spans="1:5" x14ac:dyDescent="0.4">
      <c r="A1484">
        <v>1137</v>
      </c>
      <c r="B1484">
        <v>0</v>
      </c>
      <c r="C1484">
        <v>50</v>
      </c>
      <c r="D1484" t="s">
        <v>88</v>
      </c>
      <c r="E1484" s="1">
        <v>44600.942361111112</v>
      </c>
    </row>
    <row r="1485" spans="1:5" x14ac:dyDescent="0.4">
      <c r="A1485">
        <v>1138</v>
      </c>
      <c r="B1485">
        <v>0</v>
      </c>
      <c r="C1485">
        <v>51</v>
      </c>
      <c r="D1485" t="s">
        <v>88</v>
      </c>
      <c r="E1485" s="1">
        <v>44600.942361111112</v>
      </c>
    </row>
    <row r="1486" spans="1:5" x14ac:dyDescent="0.4">
      <c r="A1486">
        <v>1139</v>
      </c>
      <c r="B1486">
        <v>0</v>
      </c>
      <c r="C1486">
        <v>52</v>
      </c>
      <c r="D1486" t="s">
        <v>88</v>
      </c>
      <c r="E1486" s="1">
        <v>44600.942361111112</v>
      </c>
    </row>
    <row r="1487" spans="1:5" x14ac:dyDescent="0.4">
      <c r="A1487">
        <v>1140</v>
      </c>
      <c r="B1487">
        <v>0</v>
      </c>
      <c r="C1487">
        <v>53</v>
      </c>
      <c r="D1487" t="s">
        <v>88</v>
      </c>
      <c r="E1487" s="1">
        <v>44600.942361111112</v>
      </c>
    </row>
    <row r="1488" spans="1:5" x14ac:dyDescent="0.4">
      <c r="A1488">
        <v>1141</v>
      </c>
      <c r="B1488">
        <v>0</v>
      </c>
      <c r="C1488">
        <v>54</v>
      </c>
      <c r="D1488" t="s">
        <v>88</v>
      </c>
      <c r="E1488" s="1">
        <v>44600.942361111112</v>
      </c>
    </row>
    <row r="1489" spans="1:5" x14ac:dyDescent="0.4">
      <c r="A1489">
        <v>1142</v>
      </c>
      <c r="B1489">
        <v>0</v>
      </c>
      <c r="C1489">
        <v>55</v>
      </c>
      <c r="D1489" t="s">
        <v>88</v>
      </c>
      <c r="E1489" s="1">
        <v>44600.942361111112</v>
      </c>
    </row>
    <row r="1490" spans="1:5" x14ac:dyDescent="0.4">
      <c r="A1490">
        <v>1143</v>
      </c>
      <c r="B1490">
        <v>0</v>
      </c>
      <c r="C1490">
        <v>61</v>
      </c>
      <c r="D1490" t="s">
        <v>88</v>
      </c>
      <c r="E1490" s="1">
        <v>44600.942361111112</v>
      </c>
    </row>
    <row r="1491" spans="1:5" x14ac:dyDescent="0.4">
      <c r="A1491">
        <v>1144</v>
      </c>
      <c r="B1491">
        <v>0</v>
      </c>
      <c r="C1491">
        <v>62</v>
      </c>
      <c r="D1491" t="s">
        <v>88</v>
      </c>
      <c r="E1491" s="1">
        <v>44600.942361111112</v>
      </c>
    </row>
    <row r="1492" spans="1:5" x14ac:dyDescent="0.4">
      <c r="A1492">
        <v>1145</v>
      </c>
      <c r="B1492">
        <v>0</v>
      </c>
      <c r="C1492">
        <v>63</v>
      </c>
      <c r="D1492" t="s">
        <v>88</v>
      </c>
      <c r="E1492" s="1">
        <v>44600.942361111112</v>
      </c>
    </row>
    <row r="1493" spans="1:5" x14ac:dyDescent="0.4">
      <c r="A1493">
        <v>1146</v>
      </c>
      <c r="B1493">
        <v>0</v>
      </c>
      <c r="C1493">
        <v>64</v>
      </c>
      <c r="D1493" t="s">
        <v>88</v>
      </c>
      <c r="E1493" s="1">
        <v>44600.942361111112</v>
      </c>
    </row>
    <row r="1494" spans="1:5" x14ac:dyDescent="0.4">
      <c r="A1494">
        <v>1147</v>
      </c>
      <c r="B1494">
        <v>0</v>
      </c>
      <c r="C1494">
        <v>65</v>
      </c>
      <c r="D1494" t="s">
        <v>88</v>
      </c>
      <c r="E1494" s="1">
        <v>44600.942361111112</v>
      </c>
    </row>
    <row r="1495" spans="1:5" x14ac:dyDescent="0.4">
      <c r="A1495">
        <v>1148</v>
      </c>
      <c r="B1495">
        <v>0</v>
      </c>
      <c r="C1495">
        <v>66</v>
      </c>
      <c r="D1495" t="s">
        <v>88</v>
      </c>
      <c r="E1495" s="1">
        <v>44600.942361111112</v>
      </c>
    </row>
    <row r="1496" spans="1:5" x14ac:dyDescent="0.4">
      <c r="A1496">
        <v>1149</v>
      </c>
      <c r="B1496">
        <v>0</v>
      </c>
      <c r="C1496">
        <v>67</v>
      </c>
      <c r="D1496" t="s">
        <v>88</v>
      </c>
      <c r="E1496" s="1">
        <v>44600.942361111112</v>
      </c>
    </row>
    <row r="1497" spans="1:5" x14ac:dyDescent="0.4">
      <c r="A1497">
        <v>1150</v>
      </c>
      <c r="B1497">
        <v>0</v>
      </c>
      <c r="C1497">
        <v>68</v>
      </c>
      <c r="D1497" t="s">
        <v>88</v>
      </c>
      <c r="E1497" s="1">
        <v>44600.942361111112</v>
      </c>
    </row>
    <row r="1498" spans="1:5" x14ac:dyDescent="0.4">
      <c r="A1498">
        <v>1151</v>
      </c>
      <c r="B1498">
        <v>0</v>
      </c>
      <c r="C1498">
        <v>69</v>
      </c>
      <c r="D1498" t="s">
        <v>88</v>
      </c>
      <c r="E1498" s="1">
        <v>44600.942361111112</v>
      </c>
    </row>
    <row r="1499" spans="1:5" x14ac:dyDescent="0.4">
      <c r="A1499">
        <v>1152</v>
      </c>
      <c r="B1499">
        <v>0</v>
      </c>
      <c r="C1499">
        <v>70</v>
      </c>
      <c r="D1499" t="s">
        <v>88</v>
      </c>
      <c r="E1499" s="1">
        <v>44600.942361111112</v>
      </c>
    </row>
    <row r="1500" spans="1:5" x14ac:dyDescent="0.4">
      <c r="A1500">
        <v>1153</v>
      </c>
      <c r="B1500">
        <v>0</v>
      </c>
      <c r="C1500">
        <v>71</v>
      </c>
      <c r="D1500" t="s">
        <v>88</v>
      </c>
      <c r="E1500" s="1">
        <v>44600.942361111112</v>
      </c>
    </row>
    <row r="1501" spans="1:5" x14ac:dyDescent="0.4">
      <c r="A1501">
        <v>1154</v>
      </c>
      <c r="B1501">
        <v>0</v>
      </c>
      <c r="C1501">
        <v>72</v>
      </c>
      <c r="D1501" t="s">
        <v>88</v>
      </c>
      <c r="E1501" s="1">
        <v>44600.942361111112</v>
      </c>
    </row>
    <row r="1502" spans="1:5" x14ac:dyDescent="0.4">
      <c r="A1502">
        <v>1155</v>
      </c>
      <c r="B1502">
        <v>0</v>
      </c>
      <c r="C1502">
        <v>73</v>
      </c>
      <c r="D1502" t="s">
        <v>88</v>
      </c>
      <c r="E1502" s="1">
        <v>44600.942361111112</v>
      </c>
    </row>
    <row r="1503" spans="1:5" x14ac:dyDescent="0.4">
      <c r="A1503">
        <v>1156</v>
      </c>
      <c r="B1503">
        <v>0</v>
      </c>
      <c r="C1503">
        <v>74</v>
      </c>
      <c r="D1503" t="s">
        <v>88</v>
      </c>
      <c r="E1503" s="1">
        <v>44600.942361111112</v>
      </c>
    </row>
    <row r="1504" spans="1:5" x14ac:dyDescent="0.4">
      <c r="A1504">
        <v>1157</v>
      </c>
      <c r="B1504">
        <v>0</v>
      </c>
      <c r="C1504">
        <v>75</v>
      </c>
      <c r="D1504" t="s">
        <v>88</v>
      </c>
      <c r="E1504" s="1">
        <v>44600.942361111112</v>
      </c>
    </row>
    <row r="1505" spans="1:5" x14ac:dyDescent="0.4">
      <c r="A1505">
        <v>1158</v>
      </c>
      <c r="B1505">
        <v>0</v>
      </c>
      <c r="C1505">
        <v>76</v>
      </c>
      <c r="D1505" t="s">
        <v>88</v>
      </c>
      <c r="E1505" s="1">
        <v>44600.942361111112</v>
      </c>
    </row>
    <row r="1506" spans="1:5" x14ac:dyDescent="0.4">
      <c r="A1506">
        <v>1159</v>
      </c>
      <c r="B1506">
        <v>0</v>
      </c>
      <c r="C1506">
        <v>77</v>
      </c>
      <c r="D1506" t="s">
        <v>88</v>
      </c>
      <c r="E1506" s="1">
        <v>44600.942361111112</v>
      </c>
    </row>
    <row r="1507" spans="1:5" x14ac:dyDescent="0.4">
      <c r="A1507">
        <v>1160</v>
      </c>
      <c r="B1507">
        <v>0</v>
      </c>
      <c r="C1507">
        <v>78</v>
      </c>
      <c r="D1507" t="s">
        <v>88</v>
      </c>
      <c r="E1507" s="1">
        <v>44600.942361111112</v>
      </c>
    </row>
    <row r="1508" spans="1:5" x14ac:dyDescent="0.4">
      <c r="A1508">
        <v>1161</v>
      </c>
      <c r="B1508">
        <v>0</v>
      </c>
      <c r="C1508">
        <v>79</v>
      </c>
      <c r="D1508" t="s">
        <v>88</v>
      </c>
      <c r="E1508" s="1">
        <v>44600.942361111112</v>
      </c>
    </row>
    <row r="1509" spans="1:5" x14ac:dyDescent="0.4">
      <c r="A1509">
        <v>1162</v>
      </c>
      <c r="B1509">
        <v>0</v>
      </c>
      <c r="C1509">
        <v>91</v>
      </c>
      <c r="D1509" t="s">
        <v>88</v>
      </c>
      <c r="E1509" s="1">
        <v>44600.942361111112</v>
      </c>
    </row>
    <row r="1510" spans="1:5" x14ac:dyDescent="0.4">
      <c r="A1510">
        <v>1163</v>
      </c>
      <c r="B1510">
        <v>0</v>
      </c>
      <c r="C1510">
        <v>92</v>
      </c>
      <c r="D1510" t="s">
        <v>88</v>
      </c>
      <c r="E1510" s="1">
        <v>44600.942361111112</v>
      </c>
    </row>
    <row r="1511" spans="1:5" x14ac:dyDescent="0.4">
      <c r="A1511">
        <v>1164</v>
      </c>
      <c r="B1511">
        <v>0</v>
      </c>
      <c r="C1511">
        <v>93</v>
      </c>
      <c r="D1511" t="s">
        <v>88</v>
      </c>
      <c r="E1511" s="1">
        <v>44600.942361111112</v>
      </c>
    </row>
    <row r="1512" spans="1:5" x14ac:dyDescent="0.4">
      <c r="A1512">
        <v>1165</v>
      </c>
      <c r="B1512">
        <v>0</v>
      </c>
      <c r="C1512">
        <v>94</v>
      </c>
      <c r="D1512" t="s">
        <v>88</v>
      </c>
      <c r="E1512" s="1">
        <v>44600.942361111112</v>
      </c>
    </row>
    <row r="1513" spans="1:5" x14ac:dyDescent="0.4">
      <c r="A1513">
        <v>1166</v>
      </c>
      <c r="B1513">
        <v>0</v>
      </c>
      <c r="C1513">
        <v>95</v>
      </c>
      <c r="D1513" t="s">
        <v>88</v>
      </c>
      <c r="E1513" s="1">
        <v>44600.942361111112</v>
      </c>
    </row>
    <row r="1514" spans="1:5" x14ac:dyDescent="0.4">
      <c r="A1514">
        <v>1167</v>
      </c>
      <c r="B1514">
        <v>0</v>
      </c>
      <c r="C1514">
        <v>96</v>
      </c>
      <c r="D1514" t="s">
        <v>88</v>
      </c>
      <c r="E1514" s="1">
        <v>44600.942361111112</v>
      </c>
    </row>
    <row r="1515" spans="1:5" x14ac:dyDescent="0.4">
      <c r="A1515">
        <v>1168</v>
      </c>
      <c r="B1515">
        <v>0</v>
      </c>
      <c r="C1515">
        <v>97</v>
      </c>
      <c r="D1515" t="s">
        <v>88</v>
      </c>
      <c r="E1515" s="1">
        <v>44600.942361111112</v>
      </c>
    </row>
    <row r="1516" spans="1:5" x14ac:dyDescent="0.4">
      <c r="A1516">
        <v>1169</v>
      </c>
      <c r="B1516">
        <v>0</v>
      </c>
      <c r="C1516">
        <v>98</v>
      </c>
      <c r="D1516" t="s">
        <v>88</v>
      </c>
      <c r="E1516" s="1">
        <v>44600.942361111112</v>
      </c>
    </row>
    <row r="1517" spans="1:5" x14ac:dyDescent="0.4">
      <c r="A1517">
        <v>1170</v>
      </c>
      <c r="B1517">
        <v>0</v>
      </c>
      <c r="C1517">
        <v>99</v>
      </c>
      <c r="D1517" t="s">
        <v>88</v>
      </c>
      <c r="E1517" s="1">
        <v>44600.942361111112</v>
      </c>
    </row>
    <row r="1518" spans="1:5" x14ac:dyDescent="0.4">
      <c r="A1518">
        <v>1171</v>
      </c>
      <c r="B1518">
        <v>0</v>
      </c>
      <c r="C1518">
        <v>100</v>
      </c>
      <c r="D1518" t="s">
        <v>88</v>
      </c>
      <c r="E1518" s="1">
        <v>44600.942361111112</v>
      </c>
    </row>
    <row r="1519" spans="1:5" x14ac:dyDescent="0.4">
      <c r="A1519">
        <v>1172</v>
      </c>
      <c r="B1519">
        <v>0</v>
      </c>
      <c r="C1519">
        <v>101</v>
      </c>
      <c r="D1519" t="s">
        <v>88</v>
      </c>
      <c r="E1519" s="1">
        <v>44600.942361111112</v>
      </c>
    </row>
    <row r="1520" spans="1:5" x14ac:dyDescent="0.4">
      <c r="A1520">
        <v>1173</v>
      </c>
      <c r="B1520">
        <v>0</v>
      </c>
      <c r="C1520">
        <v>102</v>
      </c>
      <c r="D1520" t="s">
        <v>88</v>
      </c>
      <c r="E1520" s="1">
        <v>44600.942361111112</v>
      </c>
    </row>
    <row r="1521" spans="1:5" x14ac:dyDescent="0.4">
      <c r="A1521">
        <v>1174</v>
      </c>
      <c r="B1521">
        <v>0</v>
      </c>
      <c r="C1521">
        <v>103</v>
      </c>
      <c r="D1521" t="s">
        <v>88</v>
      </c>
      <c r="E1521" s="1">
        <v>44600.942361111112</v>
      </c>
    </row>
    <row r="1522" spans="1:5" x14ac:dyDescent="0.4">
      <c r="A1522">
        <v>1175</v>
      </c>
      <c r="B1522">
        <v>0</v>
      </c>
      <c r="C1522">
        <v>104</v>
      </c>
      <c r="D1522" t="s">
        <v>88</v>
      </c>
      <c r="E1522" s="1">
        <v>44600.942361111112</v>
      </c>
    </row>
    <row r="1523" spans="1:5" x14ac:dyDescent="0.4">
      <c r="A1523">
        <v>1176</v>
      </c>
      <c r="B1523">
        <v>0</v>
      </c>
      <c r="C1523">
        <v>105</v>
      </c>
      <c r="D1523" t="s">
        <v>88</v>
      </c>
      <c r="E1523" s="1">
        <v>44600.942361111112</v>
      </c>
    </row>
    <row r="1524" spans="1:5" x14ac:dyDescent="0.4">
      <c r="A1524">
        <v>1177</v>
      </c>
      <c r="B1524">
        <v>0</v>
      </c>
      <c r="C1524">
        <v>106</v>
      </c>
      <c r="D1524" t="s">
        <v>88</v>
      </c>
      <c r="E1524" s="1">
        <v>44600.942361111112</v>
      </c>
    </row>
    <row r="1525" spans="1:5" x14ac:dyDescent="0.4">
      <c r="A1525">
        <v>1178</v>
      </c>
      <c r="B1525">
        <v>0</v>
      </c>
      <c r="C1525">
        <v>107</v>
      </c>
      <c r="D1525" t="s">
        <v>88</v>
      </c>
      <c r="E1525" s="1">
        <v>44600.942361111112</v>
      </c>
    </row>
    <row r="1526" spans="1:5" x14ac:dyDescent="0.4">
      <c r="A1526">
        <v>1179</v>
      </c>
      <c r="B1526">
        <v>0</v>
      </c>
      <c r="C1526">
        <v>108</v>
      </c>
      <c r="D1526" t="s">
        <v>88</v>
      </c>
      <c r="E1526" s="1">
        <v>44600.942361111112</v>
      </c>
    </row>
    <row r="1527" spans="1:5" x14ac:dyDescent="0.4">
      <c r="A1527">
        <v>1180</v>
      </c>
      <c r="B1527">
        <v>0</v>
      </c>
      <c r="C1527">
        <v>109</v>
      </c>
      <c r="D1527" t="s">
        <v>88</v>
      </c>
      <c r="E1527" s="1">
        <v>44600.942361111112</v>
      </c>
    </row>
    <row r="1528" spans="1:5" x14ac:dyDescent="0.4">
      <c r="A1528">
        <v>1181</v>
      </c>
      <c r="B1528">
        <v>0</v>
      </c>
      <c r="C1528">
        <v>110</v>
      </c>
      <c r="D1528" t="s">
        <v>88</v>
      </c>
      <c r="E1528" s="1">
        <v>44600.942361111112</v>
      </c>
    </row>
    <row r="1529" spans="1:5" x14ac:dyDescent="0.4">
      <c r="A1529">
        <v>1182</v>
      </c>
      <c r="B1529">
        <v>0</v>
      </c>
      <c r="C1529">
        <v>111</v>
      </c>
      <c r="D1529" t="s">
        <v>88</v>
      </c>
      <c r="E1529" s="1">
        <v>44600.942361111112</v>
      </c>
    </row>
    <row r="1530" spans="1:5" x14ac:dyDescent="0.4">
      <c r="A1530">
        <v>1183</v>
      </c>
      <c r="B1530">
        <v>0</v>
      </c>
      <c r="C1530">
        <v>112</v>
      </c>
      <c r="D1530" t="s">
        <v>88</v>
      </c>
      <c r="E1530" s="1">
        <v>44600.942361111112</v>
      </c>
    </row>
    <row r="1531" spans="1:5" x14ac:dyDescent="0.4">
      <c r="A1531">
        <v>1184</v>
      </c>
      <c r="B1531">
        <v>0</v>
      </c>
      <c r="C1531">
        <v>113</v>
      </c>
      <c r="D1531" t="s">
        <v>88</v>
      </c>
      <c r="E1531" s="1">
        <v>44600.942361111112</v>
      </c>
    </row>
    <row r="1532" spans="1:5" x14ac:dyDescent="0.4">
      <c r="A1532">
        <v>1185</v>
      </c>
      <c r="B1532">
        <v>0</v>
      </c>
      <c r="C1532">
        <v>114</v>
      </c>
      <c r="D1532" t="s">
        <v>88</v>
      </c>
      <c r="E1532" s="1">
        <v>44600.942361111112</v>
      </c>
    </row>
    <row r="1533" spans="1:5" x14ac:dyDescent="0.4">
      <c r="A1533">
        <v>1186</v>
      </c>
      <c r="B1533">
        <v>0</v>
      </c>
      <c r="C1533">
        <v>115</v>
      </c>
      <c r="D1533" t="s">
        <v>88</v>
      </c>
      <c r="E1533" s="1">
        <v>44600.942361111112</v>
      </c>
    </row>
    <row r="1534" spans="1:5" x14ac:dyDescent="0.4">
      <c r="A1534">
        <v>1187</v>
      </c>
      <c r="B1534">
        <v>0</v>
      </c>
      <c r="C1534">
        <v>116</v>
      </c>
      <c r="D1534" t="s">
        <v>88</v>
      </c>
      <c r="E1534" s="1">
        <v>44600.942361111112</v>
      </c>
    </row>
    <row r="1535" spans="1:5" x14ac:dyDescent="0.4">
      <c r="A1535">
        <v>1188</v>
      </c>
      <c r="B1535">
        <v>0</v>
      </c>
      <c r="C1535">
        <v>121</v>
      </c>
      <c r="D1535" t="s">
        <v>88</v>
      </c>
      <c r="E1535" s="1">
        <v>44600.942361111112</v>
      </c>
    </row>
    <row r="1536" spans="1:5" x14ac:dyDescent="0.4">
      <c r="A1536">
        <v>1189</v>
      </c>
      <c r="B1536">
        <v>0</v>
      </c>
      <c r="C1536">
        <v>122</v>
      </c>
      <c r="D1536" t="s">
        <v>88</v>
      </c>
      <c r="E1536" s="1">
        <v>44600.942361111112</v>
      </c>
    </row>
    <row r="1537" spans="1:5" x14ac:dyDescent="0.4">
      <c r="A1537">
        <v>1190</v>
      </c>
      <c r="B1537">
        <v>0</v>
      </c>
      <c r="C1537">
        <v>123</v>
      </c>
      <c r="D1537" t="s">
        <v>88</v>
      </c>
      <c r="E1537" s="1">
        <v>44600.942361111112</v>
      </c>
    </row>
    <row r="1538" spans="1:5" x14ac:dyDescent="0.4">
      <c r="A1538">
        <v>1191</v>
      </c>
      <c r="B1538">
        <v>0</v>
      </c>
      <c r="C1538">
        <v>124</v>
      </c>
      <c r="D1538" t="s">
        <v>88</v>
      </c>
      <c r="E1538" s="1">
        <v>44600.942361111112</v>
      </c>
    </row>
    <row r="1539" spans="1:5" x14ac:dyDescent="0.4">
      <c r="A1539">
        <v>1192</v>
      </c>
      <c r="B1539">
        <v>0</v>
      </c>
      <c r="C1539">
        <v>125</v>
      </c>
      <c r="D1539" t="s">
        <v>88</v>
      </c>
      <c r="E1539" s="1">
        <v>44600.942361111112</v>
      </c>
    </row>
    <row r="1540" spans="1:5" x14ac:dyDescent="0.4">
      <c r="A1540">
        <v>1193</v>
      </c>
      <c r="B1540">
        <v>0</v>
      </c>
      <c r="C1540">
        <v>126</v>
      </c>
      <c r="D1540" t="s">
        <v>88</v>
      </c>
      <c r="E1540" s="1">
        <v>44600.942361111112</v>
      </c>
    </row>
    <row r="1541" spans="1:5" x14ac:dyDescent="0.4">
      <c r="A1541">
        <v>1194</v>
      </c>
      <c r="B1541">
        <v>0</v>
      </c>
      <c r="C1541">
        <v>131</v>
      </c>
      <c r="D1541" t="s">
        <v>88</v>
      </c>
      <c r="E1541" s="1">
        <v>44600.942361111112</v>
      </c>
    </row>
    <row r="1542" spans="1:5" x14ac:dyDescent="0.4">
      <c r="A1542">
        <v>1195</v>
      </c>
      <c r="B1542">
        <v>0</v>
      </c>
      <c r="C1542">
        <v>141</v>
      </c>
      <c r="D1542" t="s">
        <v>88</v>
      </c>
      <c r="E1542" s="1">
        <v>44600.942361111112</v>
      </c>
    </row>
    <row r="1543" spans="1:5" x14ac:dyDescent="0.4">
      <c r="A1543">
        <v>1196</v>
      </c>
      <c r="B1543">
        <v>0</v>
      </c>
      <c r="C1543">
        <v>142</v>
      </c>
      <c r="D1543" t="s">
        <v>88</v>
      </c>
      <c r="E1543" s="1">
        <v>44600.942361111112</v>
      </c>
    </row>
    <row r="1544" spans="1:5" x14ac:dyDescent="0.4">
      <c r="A1544">
        <v>1197</v>
      </c>
      <c r="B1544">
        <v>0</v>
      </c>
      <c r="C1544">
        <v>143</v>
      </c>
      <c r="D1544" t="s">
        <v>88</v>
      </c>
      <c r="E1544" s="1">
        <v>44600.942361111112</v>
      </c>
    </row>
    <row r="1545" spans="1:5" x14ac:dyDescent="0.4">
      <c r="A1545">
        <v>1198</v>
      </c>
      <c r="B1545">
        <v>0</v>
      </c>
      <c r="C1545">
        <v>144</v>
      </c>
      <c r="D1545" t="s">
        <v>88</v>
      </c>
      <c r="E1545" s="1">
        <v>44600.942361111112</v>
      </c>
    </row>
    <row r="1546" spans="1:5" x14ac:dyDescent="0.4">
      <c r="A1546">
        <v>1199</v>
      </c>
      <c r="B1546">
        <v>0</v>
      </c>
      <c r="C1546">
        <v>145</v>
      </c>
      <c r="D1546" t="s">
        <v>88</v>
      </c>
      <c r="E1546" s="1">
        <v>44600.942361111112</v>
      </c>
    </row>
    <row r="1547" spans="1:5" x14ac:dyDescent="0.4">
      <c r="A1547">
        <v>1200</v>
      </c>
      <c r="B1547">
        <v>0</v>
      </c>
      <c r="C1547">
        <v>146</v>
      </c>
      <c r="D1547" t="s">
        <v>88</v>
      </c>
      <c r="E1547" s="1">
        <v>44600.942361111112</v>
      </c>
    </row>
    <row r="1548" spans="1:5" x14ac:dyDescent="0.4">
      <c r="A1548">
        <v>1201</v>
      </c>
      <c r="B1548">
        <v>0</v>
      </c>
      <c r="C1548">
        <v>147</v>
      </c>
      <c r="D1548" t="s">
        <v>88</v>
      </c>
      <c r="E1548" s="1">
        <v>44600.942361111112</v>
      </c>
    </row>
    <row r="1549" spans="1:5" x14ac:dyDescent="0.4">
      <c r="A1549">
        <v>1202</v>
      </c>
      <c r="B1549">
        <v>0</v>
      </c>
      <c r="C1549">
        <v>161</v>
      </c>
      <c r="D1549" t="s">
        <v>88</v>
      </c>
      <c r="E1549" s="1">
        <v>44600.942361111112</v>
      </c>
    </row>
    <row r="1550" spans="1:5" x14ac:dyDescent="0.4">
      <c r="A1550">
        <v>1203</v>
      </c>
      <c r="B1550">
        <v>0</v>
      </c>
      <c r="C1550">
        <v>162</v>
      </c>
      <c r="D1550" t="s">
        <v>88</v>
      </c>
      <c r="E1550" s="1">
        <v>44600.942361111112</v>
      </c>
    </row>
    <row r="1551" spans="1:5" x14ac:dyDescent="0.4">
      <c r="A1551">
        <v>1204</v>
      </c>
      <c r="B1551">
        <v>0</v>
      </c>
      <c r="C1551">
        <v>163</v>
      </c>
      <c r="D1551" t="s">
        <v>88</v>
      </c>
      <c r="E1551" s="1">
        <v>44600.942361111112</v>
      </c>
    </row>
    <row r="1552" spans="1:5" x14ac:dyDescent="0.4">
      <c r="A1552">
        <v>1205</v>
      </c>
      <c r="B1552">
        <v>0</v>
      </c>
      <c r="C1552">
        <v>164</v>
      </c>
      <c r="D1552" t="s">
        <v>88</v>
      </c>
      <c r="E1552" s="1">
        <v>44600.942361111112</v>
      </c>
    </row>
    <row r="1553" spans="1:5" x14ac:dyDescent="0.4">
      <c r="A1553">
        <v>1206</v>
      </c>
      <c r="B1553">
        <v>0</v>
      </c>
      <c r="C1553">
        <v>165</v>
      </c>
      <c r="D1553" t="s">
        <v>88</v>
      </c>
      <c r="E1553" s="1">
        <v>44600.942361111112</v>
      </c>
    </row>
    <row r="1554" spans="1:5" x14ac:dyDescent="0.4">
      <c r="A1554">
        <v>1207</v>
      </c>
      <c r="B1554">
        <v>0</v>
      </c>
      <c r="C1554">
        <v>166</v>
      </c>
      <c r="D1554" t="s">
        <v>88</v>
      </c>
      <c r="E1554" s="1">
        <v>44600.942361111112</v>
      </c>
    </row>
    <row r="1555" spans="1:5" x14ac:dyDescent="0.4">
      <c r="A1555">
        <v>1208</v>
      </c>
      <c r="B1555">
        <v>0</v>
      </c>
      <c r="C1555">
        <v>167</v>
      </c>
      <c r="D1555" t="s">
        <v>88</v>
      </c>
      <c r="E1555" s="1">
        <v>44600.942361111112</v>
      </c>
    </row>
    <row r="1556" spans="1:5" x14ac:dyDescent="0.4">
      <c r="A1556">
        <v>1209</v>
      </c>
      <c r="B1556">
        <v>0</v>
      </c>
      <c r="C1556">
        <v>168</v>
      </c>
      <c r="D1556" t="s">
        <v>88</v>
      </c>
      <c r="E1556" s="1">
        <v>44600.942361111112</v>
      </c>
    </row>
    <row r="1557" spans="1:5" x14ac:dyDescent="0.4">
      <c r="A1557">
        <v>1210</v>
      </c>
      <c r="B1557">
        <v>0</v>
      </c>
      <c r="C1557">
        <v>169</v>
      </c>
      <c r="D1557" t="s">
        <v>88</v>
      </c>
      <c r="E1557" s="1">
        <v>44600.942361111112</v>
      </c>
    </row>
    <row r="1558" spans="1:5" x14ac:dyDescent="0.4">
      <c r="A1558">
        <v>1211</v>
      </c>
      <c r="B1558">
        <v>0</v>
      </c>
      <c r="C1558">
        <v>170</v>
      </c>
      <c r="D1558" t="s">
        <v>88</v>
      </c>
      <c r="E1558" s="1">
        <v>44600.942361111112</v>
      </c>
    </row>
    <row r="1559" spans="1:5" x14ac:dyDescent="0.4">
      <c r="A1559">
        <v>1212</v>
      </c>
      <c r="B1559">
        <v>0</v>
      </c>
      <c r="C1559">
        <v>171</v>
      </c>
      <c r="D1559" t="s">
        <v>88</v>
      </c>
      <c r="E1559" s="1">
        <v>44600.942361111112</v>
      </c>
    </row>
    <row r="1560" spans="1:5" x14ac:dyDescent="0.4">
      <c r="A1560">
        <v>1213</v>
      </c>
      <c r="B1560">
        <v>0</v>
      </c>
      <c r="C1560">
        <v>172</v>
      </c>
      <c r="D1560" t="s">
        <v>88</v>
      </c>
      <c r="E1560" s="1">
        <v>44600.942361111112</v>
      </c>
    </row>
    <row r="1561" spans="1:5" x14ac:dyDescent="0.4">
      <c r="A1561">
        <v>1214</v>
      </c>
      <c r="B1561">
        <v>0</v>
      </c>
      <c r="C1561">
        <v>173</v>
      </c>
      <c r="D1561" t="s">
        <v>88</v>
      </c>
      <c r="E1561" s="1">
        <v>44600.942361111112</v>
      </c>
    </row>
    <row r="1562" spans="1:5" x14ac:dyDescent="0.4">
      <c r="A1562">
        <v>1215</v>
      </c>
      <c r="B1562">
        <v>0</v>
      </c>
      <c r="C1562">
        <v>174</v>
      </c>
      <c r="D1562" t="s">
        <v>88</v>
      </c>
      <c r="E1562" s="1">
        <v>44600.942361111112</v>
      </c>
    </row>
    <row r="1563" spans="1:5" x14ac:dyDescent="0.4">
      <c r="A1563">
        <v>1216</v>
      </c>
      <c r="B1563">
        <v>0</v>
      </c>
      <c r="C1563">
        <v>175</v>
      </c>
      <c r="D1563" t="s">
        <v>88</v>
      </c>
      <c r="E1563" s="1">
        <v>44600.942361111112</v>
      </c>
    </row>
    <row r="1564" spans="1:5" x14ac:dyDescent="0.4">
      <c r="A1564">
        <v>1217</v>
      </c>
      <c r="B1564">
        <v>0</v>
      </c>
      <c r="C1564">
        <v>181</v>
      </c>
      <c r="D1564" t="s">
        <v>88</v>
      </c>
      <c r="E1564" s="1">
        <v>44600.942361111112</v>
      </c>
    </row>
    <row r="1565" spans="1:5" x14ac:dyDescent="0.4">
      <c r="A1565">
        <v>1218</v>
      </c>
      <c r="B1565">
        <v>0</v>
      </c>
      <c r="C1565">
        <v>182</v>
      </c>
      <c r="D1565" t="s">
        <v>88</v>
      </c>
      <c r="E1565" s="1">
        <v>44600.942361111112</v>
      </c>
    </row>
    <row r="1566" spans="1:5" x14ac:dyDescent="0.4">
      <c r="A1566">
        <v>1219</v>
      </c>
      <c r="B1566">
        <v>0</v>
      </c>
      <c r="C1566">
        <v>183</v>
      </c>
      <c r="D1566" t="s">
        <v>88</v>
      </c>
      <c r="E1566" s="1">
        <v>44600.942361111112</v>
      </c>
    </row>
    <row r="1567" spans="1:5" x14ac:dyDescent="0.4">
      <c r="A1567">
        <v>1220</v>
      </c>
      <c r="B1567">
        <v>0</v>
      </c>
      <c r="C1567">
        <v>184</v>
      </c>
      <c r="D1567" t="s">
        <v>88</v>
      </c>
      <c r="E1567" s="1">
        <v>44600.942361111112</v>
      </c>
    </row>
    <row r="1568" spans="1:5" x14ac:dyDescent="0.4">
      <c r="A1568">
        <v>1221</v>
      </c>
      <c r="B1568">
        <v>0</v>
      </c>
      <c r="C1568">
        <v>185</v>
      </c>
      <c r="D1568" t="s">
        <v>88</v>
      </c>
      <c r="E1568" s="1">
        <v>44600.942361111112</v>
      </c>
    </row>
    <row r="1569" spans="1:5" x14ac:dyDescent="0.4">
      <c r="A1569">
        <v>1222</v>
      </c>
      <c r="B1569">
        <v>0</v>
      </c>
      <c r="C1569">
        <v>186</v>
      </c>
      <c r="D1569" t="s">
        <v>88</v>
      </c>
      <c r="E1569" s="1">
        <v>44600.942361111112</v>
      </c>
    </row>
    <row r="1570" spans="1:5" x14ac:dyDescent="0.4">
      <c r="A1570">
        <v>1223</v>
      </c>
      <c r="B1570">
        <v>0</v>
      </c>
      <c r="C1570">
        <v>190</v>
      </c>
      <c r="D1570" t="s">
        <v>88</v>
      </c>
      <c r="E1570" s="1">
        <v>44600.942361111112</v>
      </c>
    </row>
    <row r="1571" spans="1:5" x14ac:dyDescent="0.4">
      <c r="A1571">
        <v>1224</v>
      </c>
      <c r="B1571">
        <v>0</v>
      </c>
      <c r="C1571">
        <v>191</v>
      </c>
      <c r="D1571" t="s">
        <v>88</v>
      </c>
      <c r="E1571" s="1">
        <v>44600.942361111112</v>
      </c>
    </row>
    <row r="1572" spans="1:5" x14ac:dyDescent="0.4">
      <c r="A1572">
        <v>1225</v>
      </c>
      <c r="B1572">
        <v>0</v>
      </c>
      <c r="C1572">
        <v>192</v>
      </c>
      <c r="D1572" t="s">
        <v>88</v>
      </c>
      <c r="E1572" s="1">
        <v>44600.942361111112</v>
      </c>
    </row>
    <row r="1573" spans="1:5" x14ac:dyDescent="0.4">
      <c r="A1573">
        <v>1226</v>
      </c>
      <c r="B1573">
        <v>0</v>
      </c>
      <c r="C1573">
        <v>193</v>
      </c>
      <c r="D1573" t="s">
        <v>88</v>
      </c>
      <c r="E1573" s="1">
        <v>44600.942361111112</v>
      </c>
    </row>
    <row r="1574" spans="1:5" x14ac:dyDescent="0.4">
      <c r="A1574">
        <v>1227</v>
      </c>
      <c r="B1574">
        <v>0</v>
      </c>
      <c r="C1574">
        <v>194</v>
      </c>
      <c r="D1574" t="s">
        <v>88</v>
      </c>
      <c r="E1574" s="1">
        <v>44600.942361111112</v>
      </c>
    </row>
    <row r="1575" spans="1:5" x14ac:dyDescent="0.4">
      <c r="A1575">
        <v>1228</v>
      </c>
      <c r="B1575">
        <v>0</v>
      </c>
      <c r="C1575">
        <v>195</v>
      </c>
      <c r="D1575" t="s">
        <v>88</v>
      </c>
      <c r="E1575" s="1">
        <v>44600.942361111112</v>
      </c>
    </row>
    <row r="1576" spans="1:5" x14ac:dyDescent="0.4">
      <c r="A1576">
        <v>1229</v>
      </c>
      <c r="B1576">
        <v>0</v>
      </c>
      <c r="C1576">
        <v>301</v>
      </c>
      <c r="D1576" t="s">
        <v>88</v>
      </c>
      <c r="E1576" s="1">
        <v>44600.942361111112</v>
      </c>
    </row>
    <row r="1577" spans="1:5" x14ac:dyDescent="0.4">
      <c r="A1577">
        <v>1230</v>
      </c>
      <c r="B1577">
        <v>0</v>
      </c>
      <c r="C1577">
        <v>302</v>
      </c>
      <c r="D1577" t="s">
        <v>88</v>
      </c>
      <c r="E1577" s="1">
        <v>44600.942361111112</v>
      </c>
    </row>
    <row r="1578" spans="1:5" x14ac:dyDescent="0.4">
      <c r="A1578">
        <v>1231</v>
      </c>
      <c r="B1578">
        <v>0</v>
      </c>
      <c r="C1578">
        <v>321</v>
      </c>
      <c r="D1578" t="s">
        <v>88</v>
      </c>
      <c r="E1578" s="1">
        <v>44600.942361111112</v>
      </c>
    </row>
    <row r="1579" spans="1:5" x14ac:dyDescent="0.4">
      <c r="A1579">
        <v>1232</v>
      </c>
      <c r="B1579">
        <v>0</v>
      </c>
      <c r="C1579">
        <v>322</v>
      </c>
      <c r="D1579" t="s">
        <v>88</v>
      </c>
      <c r="E1579" s="1">
        <v>44600.942361111112</v>
      </c>
    </row>
    <row r="1580" spans="1:5" x14ac:dyDescent="0.4">
      <c r="A1580">
        <v>1233</v>
      </c>
      <c r="B1580">
        <v>0</v>
      </c>
      <c r="C1580">
        <v>323</v>
      </c>
      <c r="D1580" t="s">
        <v>88</v>
      </c>
      <c r="E1580" s="1">
        <v>44600.942361111112</v>
      </c>
    </row>
    <row r="1581" spans="1:5" x14ac:dyDescent="0.4">
      <c r="A1581">
        <v>1234</v>
      </c>
      <c r="B1581">
        <v>0</v>
      </c>
      <c r="C1581">
        <v>324</v>
      </c>
      <c r="D1581" t="s">
        <v>88</v>
      </c>
      <c r="E1581" s="1">
        <v>44600.942361111112</v>
      </c>
    </row>
    <row r="1582" spans="1:5" x14ac:dyDescent="0.4">
      <c r="A1582">
        <v>1235</v>
      </c>
      <c r="B1582">
        <v>0</v>
      </c>
      <c r="C1582">
        <v>325</v>
      </c>
      <c r="D1582" t="s">
        <v>88</v>
      </c>
      <c r="E1582" s="1">
        <v>44600.942361111112</v>
      </c>
    </row>
    <row r="1583" spans="1:5" x14ac:dyDescent="0.4">
      <c r="A1583">
        <v>1236</v>
      </c>
      <c r="B1583">
        <v>0</v>
      </c>
      <c r="C1583">
        <v>326</v>
      </c>
      <c r="D1583" t="s">
        <v>88</v>
      </c>
      <c r="E1583" s="1">
        <v>44600.942361111112</v>
      </c>
    </row>
    <row r="1584" spans="1:5" x14ac:dyDescent="0.4">
      <c r="A1584">
        <v>1237</v>
      </c>
      <c r="B1584">
        <v>0</v>
      </c>
      <c r="C1584">
        <v>327</v>
      </c>
      <c r="D1584" t="s">
        <v>88</v>
      </c>
      <c r="E1584" s="1">
        <v>44600.942361111112</v>
      </c>
    </row>
    <row r="1585" spans="1:5" x14ac:dyDescent="0.4">
      <c r="A1585">
        <v>1238</v>
      </c>
      <c r="B1585">
        <v>0</v>
      </c>
      <c r="C1585">
        <v>328</v>
      </c>
      <c r="D1585" t="s">
        <v>88</v>
      </c>
      <c r="E1585" s="1">
        <v>44600.942361111112</v>
      </c>
    </row>
    <row r="1586" spans="1:5" x14ac:dyDescent="0.4">
      <c r="A1586">
        <v>1239</v>
      </c>
      <c r="B1586">
        <v>0</v>
      </c>
      <c r="C1586">
        <v>329</v>
      </c>
      <c r="D1586" t="s">
        <v>88</v>
      </c>
      <c r="E1586" s="1">
        <v>44600.942361111112</v>
      </c>
    </row>
    <row r="1587" spans="1:5" x14ac:dyDescent="0.4">
      <c r="A1587">
        <v>1240</v>
      </c>
      <c r="B1587">
        <v>0</v>
      </c>
      <c r="C1587">
        <v>330</v>
      </c>
      <c r="D1587" t="s">
        <v>88</v>
      </c>
      <c r="E1587" s="1">
        <v>44600.942361111112</v>
      </c>
    </row>
    <row r="1588" spans="1:5" x14ac:dyDescent="0.4">
      <c r="A1588">
        <v>1241</v>
      </c>
      <c r="B1588">
        <v>0</v>
      </c>
      <c r="C1588">
        <v>331</v>
      </c>
      <c r="D1588" t="s">
        <v>88</v>
      </c>
      <c r="E1588" s="1">
        <v>44600.942361111112</v>
      </c>
    </row>
    <row r="1589" spans="1:5" x14ac:dyDescent="0.4">
      <c r="A1589">
        <v>1242</v>
      </c>
      <c r="B1589">
        <v>0</v>
      </c>
      <c r="C1589">
        <v>332</v>
      </c>
      <c r="D1589" t="s">
        <v>88</v>
      </c>
      <c r="E1589" s="1">
        <v>44600.942361111112</v>
      </c>
    </row>
    <row r="1590" spans="1:5" x14ac:dyDescent="0.4">
      <c r="A1590">
        <v>1243</v>
      </c>
      <c r="B1590">
        <v>0</v>
      </c>
      <c r="C1590">
        <v>333</v>
      </c>
      <c r="D1590" t="s">
        <v>88</v>
      </c>
      <c r="E1590" s="1">
        <v>44600.942361111112</v>
      </c>
    </row>
    <row r="1591" spans="1:5" x14ac:dyDescent="0.4">
      <c r="A1591">
        <v>1244</v>
      </c>
      <c r="B1591">
        <v>0</v>
      </c>
      <c r="C1591">
        <v>341</v>
      </c>
      <c r="D1591" t="s">
        <v>88</v>
      </c>
      <c r="E1591" s="1">
        <v>44600.942361111112</v>
      </c>
    </row>
    <row r="1592" spans="1:5" x14ac:dyDescent="0.4">
      <c r="A1592">
        <v>1245</v>
      </c>
      <c r="B1592">
        <v>0</v>
      </c>
      <c r="C1592">
        <v>342</v>
      </c>
      <c r="D1592" t="s">
        <v>88</v>
      </c>
      <c r="E1592" s="1">
        <v>44600.942361111112</v>
      </c>
    </row>
    <row r="1593" spans="1:5" x14ac:dyDescent="0.4">
      <c r="A1593">
        <v>1246</v>
      </c>
      <c r="B1593">
        <v>0</v>
      </c>
      <c r="C1593">
        <v>343</v>
      </c>
      <c r="D1593" t="s">
        <v>88</v>
      </c>
      <c r="E1593" s="1">
        <v>44600.942361111112</v>
      </c>
    </row>
    <row r="1594" spans="1:5" x14ac:dyDescent="0.4">
      <c r="A1594">
        <v>1247</v>
      </c>
      <c r="B1594">
        <v>0</v>
      </c>
      <c r="C1594">
        <v>344</v>
      </c>
      <c r="D1594" t="s">
        <v>88</v>
      </c>
      <c r="E1594" s="1">
        <v>44600.942361111112</v>
      </c>
    </row>
    <row r="1595" spans="1:5" x14ac:dyDescent="0.4">
      <c r="A1595">
        <v>1248</v>
      </c>
      <c r="B1595">
        <v>0</v>
      </c>
      <c r="C1595">
        <v>345</v>
      </c>
      <c r="D1595" t="s">
        <v>88</v>
      </c>
      <c r="E1595" s="1">
        <v>44600.942361111112</v>
      </c>
    </row>
    <row r="1596" spans="1:5" x14ac:dyDescent="0.4">
      <c r="A1596">
        <v>1249</v>
      </c>
      <c r="B1596">
        <v>0</v>
      </c>
      <c r="C1596">
        <v>346</v>
      </c>
      <c r="D1596" t="s">
        <v>88</v>
      </c>
      <c r="E1596" s="1">
        <v>44600.942361111112</v>
      </c>
    </row>
    <row r="1597" spans="1:5" x14ac:dyDescent="0.4">
      <c r="A1597">
        <v>1250</v>
      </c>
      <c r="B1597">
        <v>0</v>
      </c>
      <c r="C1597">
        <v>361</v>
      </c>
      <c r="D1597" t="s">
        <v>88</v>
      </c>
      <c r="E1597" s="1">
        <v>44600.942361111112</v>
      </c>
    </row>
    <row r="1598" spans="1:5" x14ac:dyDescent="0.4">
      <c r="A1598">
        <v>1251</v>
      </c>
      <c r="B1598">
        <v>0</v>
      </c>
      <c r="C1598">
        <v>362</v>
      </c>
      <c r="D1598" t="s">
        <v>88</v>
      </c>
      <c r="E1598" s="1">
        <v>44600.942361111112</v>
      </c>
    </row>
    <row r="1599" spans="1:5" x14ac:dyDescent="0.4">
      <c r="A1599">
        <v>1252</v>
      </c>
      <c r="B1599">
        <v>0</v>
      </c>
      <c r="C1599">
        <v>363</v>
      </c>
      <c r="D1599" t="s">
        <v>88</v>
      </c>
      <c r="E1599" s="1">
        <v>44600.942361111112</v>
      </c>
    </row>
    <row r="1600" spans="1:5" x14ac:dyDescent="0.4">
      <c r="A1600">
        <v>1253</v>
      </c>
      <c r="B1600">
        <v>0</v>
      </c>
      <c r="C1600">
        <v>364</v>
      </c>
      <c r="D1600" t="s">
        <v>88</v>
      </c>
      <c r="E1600" s="1">
        <v>44600.942361111112</v>
      </c>
    </row>
    <row r="1601" spans="1:5" x14ac:dyDescent="0.4">
      <c r="A1601">
        <v>1254</v>
      </c>
      <c r="B1601">
        <v>0</v>
      </c>
      <c r="C1601">
        <v>365</v>
      </c>
      <c r="D1601" t="s">
        <v>88</v>
      </c>
      <c r="E1601" s="1">
        <v>44600.942361111112</v>
      </c>
    </row>
    <row r="1602" spans="1:5" x14ac:dyDescent="0.4">
      <c r="A1602">
        <v>1255</v>
      </c>
      <c r="B1602">
        <v>0</v>
      </c>
      <c r="C1602">
        <v>366</v>
      </c>
      <c r="D1602" t="s">
        <v>88</v>
      </c>
      <c r="E1602" s="1">
        <v>44600.942361111112</v>
      </c>
    </row>
    <row r="1603" spans="1:5" x14ac:dyDescent="0.4">
      <c r="A1603">
        <v>1256</v>
      </c>
      <c r="B1603">
        <v>0</v>
      </c>
      <c r="C1603">
        <v>367</v>
      </c>
      <c r="D1603" t="s">
        <v>88</v>
      </c>
      <c r="E1603" s="1">
        <v>44600.942361111112</v>
      </c>
    </row>
    <row r="1604" spans="1:5" x14ac:dyDescent="0.4">
      <c r="A1604">
        <v>1257</v>
      </c>
      <c r="B1604">
        <v>0</v>
      </c>
      <c r="C1604">
        <v>368</v>
      </c>
      <c r="D1604" t="s">
        <v>88</v>
      </c>
      <c r="E1604" s="1">
        <v>44600.942361111112</v>
      </c>
    </row>
    <row r="1605" spans="1:5" x14ac:dyDescent="0.4">
      <c r="A1605">
        <v>1258</v>
      </c>
      <c r="B1605">
        <v>0</v>
      </c>
      <c r="C1605">
        <v>369</v>
      </c>
      <c r="D1605" t="s">
        <v>88</v>
      </c>
      <c r="E1605" s="1">
        <v>44600.942361111112</v>
      </c>
    </row>
    <row r="1606" spans="1:5" x14ac:dyDescent="0.4">
      <c r="A1606">
        <v>1259</v>
      </c>
      <c r="B1606">
        <v>0</v>
      </c>
      <c r="C1606">
        <v>370</v>
      </c>
      <c r="D1606" t="s">
        <v>88</v>
      </c>
      <c r="E1606" s="1">
        <v>44600.942361111112</v>
      </c>
    </row>
    <row r="1607" spans="1:5" x14ac:dyDescent="0.4">
      <c r="A1607">
        <v>1260</v>
      </c>
      <c r="B1607">
        <v>0</v>
      </c>
      <c r="C1607">
        <v>371</v>
      </c>
      <c r="D1607" t="s">
        <v>88</v>
      </c>
      <c r="E1607" s="1">
        <v>44600.942361111112</v>
      </c>
    </row>
    <row r="1608" spans="1:5" x14ac:dyDescent="0.4">
      <c r="A1608">
        <v>1261</v>
      </c>
      <c r="B1608">
        <v>0</v>
      </c>
      <c r="C1608">
        <v>372</v>
      </c>
      <c r="D1608" t="s">
        <v>88</v>
      </c>
      <c r="E1608" s="1">
        <v>44600.942361111112</v>
      </c>
    </row>
    <row r="1609" spans="1:5" x14ac:dyDescent="0.4">
      <c r="A1609">
        <v>1262</v>
      </c>
      <c r="B1609">
        <v>0</v>
      </c>
      <c r="C1609">
        <v>373</v>
      </c>
      <c r="D1609" t="s">
        <v>88</v>
      </c>
      <c r="E1609" s="1">
        <v>44600.942361111112</v>
      </c>
    </row>
    <row r="1610" spans="1:5" x14ac:dyDescent="0.4">
      <c r="A1610">
        <v>1263</v>
      </c>
      <c r="B1610">
        <v>0</v>
      </c>
      <c r="C1610">
        <v>381</v>
      </c>
      <c r="D1610" t="s">
        <v>88</v>
      </c>
      <c r="E1610" s="1">
        <v>44600.942361111112</v>
      </c>
    </row>
    <row r="1611" spans="1:5" x14ac:dyDescent="0.4">
      <c r="A1611">
        <v>1264</v>
      </c>
      <c r="B1611">
        <v>0</v>
      </c>
      <c r="C1611">
        <v>382</v>
      </c>
      <c r="D1611" t="s">
        <v>88</v>
      </c>
      <c r="E1611" s="1">
        <v>44600.942361111112</v>
      </c>
    </row>
    <row r="1612" spans="1:5" x14ac:dyDescent="0.4">
      <c r="A1612">
        <v>1265</v>
      </c>
      <c r="B1612">
        <v>0</v>
      </c>
      <c r="C1612">
        <v>383</v>
      </c>
      <c r="D1612" t="s">
        <v>88</v>
      </c>
      <c r="E1612" s="1">
        <v>44600.942361111112</v>
      </c>
    </row>
    <row r="1613" spans="1:5" x14ac:dyDescent="0.4">
      <c r="A1613">
        <v>1266</v>
      </c>
      <c r="B1613">
        <v>0</v>
      </c>
      <c r="C1613">
        <v>384</v>
      </c>
      <c r="D1613" t="s">
        <v>88</v>
      </c>
      <c r="E1613" s="1">
        <v>44600.942361111112</v>
      </c>
    </row>
    <row r="1614" spans="1:5" x14ac:dyDescent="0.4">
      <c r="A1614">
        <v>1267</v>
      </c>
      <c r="B1614">
        <v>0</v>
      </c>
      <c r="C1614">
        <v>385</v>
      </c>
      <c r="D1614" t="s">
        <v>88</v>
      </c>
      <c r="E1614" s="1">
        <v>44600.942361111112</v>
      </c>
    </row>
    <row r="1615" spans="1:5" x14ac:dyDescent="0.4">
      <c r="A1615">
        <v>1268</v>
      </c>
      <c r="B1615">
        <v>0</v>
      </c>
      <c r="C1615">
        <v>386</v>
      </c>
      <c r="D1615" t="s">
        <v>88</v>
      </c>
      <c r="E1615" s="1">
        <v>44600.942361111112</v>
      </c>
    </row>
    <row r="1616" spans="1:5" x14ac:dyDescent="0.4">
      <c r="A1616">
        <v>1269</v>
      </c>
      <c r="B1616">
        <v>0</v>
      </c>
      <c r="C1616">
        <v>391</v>
      </c>
      <c r="D1616" t="s">
        <v>88</v>
      </c>
      <c r="E1616" s="1">
        <v>44600.942361111112</v>
      </c>
    </row>
    <row r="1617" spans="1:5" x14ac:dyDescent="0.4">
      <c r="A1617">
        <v>1270</v>
      </c>
      <c r="B1617">
        <v>0</v>
      </c>
      <c r="C1617">
        <v>392</v>
      </c>
      <c r="D1617" t="s">
        <v>88</v>
      </c>
      <c r="E1617" s="1">
        <v>44600.942361111112</v>
      </c>
    </row>
    <row r="1618" spans="1:5" x14ac:dyDescent="0.4">
      <c r="A1618">
        <v>1271</v>
      </c>
      <c r="B1618">
        <v>0</v>
      </c>
      <c r="C1618">
        <v>393</v>
      </c>
      <c r="D1618" t="s">
        <v>88</v>
      </c>
      <c r="E1618" s="1">
        <v>44600.942361111112</v>
      </c>
    </row>
    <row r="1619" spans="1:5" x14ac:dyDescent="0.4">
      <c r="A1619">
        <v>1272</v>
      </c>
      <c r="B1619">
        <v>0</v>
      </c>
      <c r="C1619">
        <v>395</v>
      </c>
      <c r="D1619" t="s">
        <v>88</v>
      </c>
      <c r="E1619" s="1">
        <v>44600.942361111112</v>
      </c>
    </row>
    <row r="1620" spans="1:5" x14ac:dyDescent="0.4">
      <c r="A1620">
        <v>1273</v>
      </c>
      <c r="B1620">
        <v>0</v>
      </c>
      <c r="C1620">
        <v>396</v>
      </c>
      <c r="D1620" t="s">
        <v>88</v>
      </c>
      <c r="E1620" s="1">
        <v>44600.942361111112</v>
      </c>
    </row>
    <row r="1621" spans="1:5" x14ac:dyDescent="0.4">
      <c r="A1621">
        <v>1274</v>
      </c>
      <c r="B1621">
        <v>0</v>
      </c>
      <c r="C1621">
        <v>401</v>
      </c>
      <c r="D1621" t="s">
        <v>88</v>
      </c>
      <c r="E1621" s="1">
        <v>44600.942361111112</v>
      </c>
    </row>
    <row r="1622" spans="1:5" x14ac:dyDescent="0.4">
      <c r="A1622">
        <v>1275</v>
      </c>
      <c r="B1622">
        <v>0</v>
      </c>
      <c r="C1622">
        <v>402</v>
      </c>
      <c r="D1622" t="s">
        <v>88</v>
      </c>
      <c r="E1622" s="1">
        <v>44600.942361111112</v>
      </c>
    </row>
    <row r="1623" spans="1:5" x14ac:dyDescent="0.4">
      <c r="A1623">
        <v>1276</v>
      </c>
      <c r="B1623">
        <v>0</v>
      </c>
      <c r="C1623">
        <v>403</v>
      </c>
      <c r="D1623" t="s">
        <v>88</v>
      </c>
      <c r="E1623" s="1">
        <v>44600.942361111112</v>
      </c>
    </row>
    <row r="1624" spans="1:5" x14ac:dyDescent="0.4">
      <c r="A1624">
        <v>1277</v>
      </c>
      <c r="B1624">
        <v>0</v>
      </c>
      <c r="C1624">
        <v>404</v>
      </c>
      <c r="D1624" t="s">
        <v>88</v>
      </c>
      <c r="E1624" s="1">
        <v>44600.942361111112</v>
      </c>
    </row>
    <row r="1625" spans="1:5" x14ac:dyDescent="0.4">
      <c r="A1625">
        <v>1278</v>
      </c>
      <c r="B1625">
        <v>0</v>
      </c>
      <c r="C1625">
        <v>405</v>
      </c>
      <c r="D1625" t="s">
        <v>88</v>
      </c>
      <c r="E1625" s="1">
        <v>44600.942361111112</v>
      </c>
    </row>
    <row r="1626" spans="1:5" x14ac:dyDescent="0.4">
      <c r="A1626">
        <v>1279</v>
      </c>
      <c r="B1626">
        <v>0</v>
      </c>
      <c r="C1626">
        <v>406</v>
      </c>
      <c r="D1626" t="s">
        <v>88</v>
      </c>
      <c r="E1626" s="1">
        <v>44600.942361111112</v>
      </c>
    </row>
    <row r="1627" spans="1:5" x14ac:dyDescent="0.4">
      <c r="A1627">
        <v>1280</v>
      </c>
      <c r="B1627">
        <v>0</v>
      </c>
      <c r="C1627">
        <v>411</v>
      </c>
      <c r="D1627" t="s">
        <v>88</v>
      </c>
      <c r="E1627" s="1">
        <v>44600.942361111112</v>
      </c>
    </row>
    <row r="1628" spans="1:5" x14ac:dyDescent="0.4">
      <c r="A1628">
        <v>1281</v>
      </c>
      <c r="B1628">
        <v>0</v>
      </c>
      <c r="C1628">
        <v>412</v>
      </c>
      <c r="D1628" t="s">
        <v>88</v>
      </c>
      <c r="E1628" s="1">
        <v>44600.942361111112</v>
      </c>
    </row>
    <row r="1629" spans="1:5" x14ac:dyDescent="0.4">
      <c r="A1629">
        <v>1282</v>
      </c>
      <c r="B1629">
        <v>0</v>
      </c>
      <c r="C1629">
        <v>413</v>
      </c>
      <c r="D1629" t="s">
        <v>88</v>
      </c>
      <c r="E1629" s="1">
        <v>44600.942361111112</v>
      </c>
    </row>
    <row r="1630" spans="1:5" x14ac:dyDescent="0.4">
      <c r="A1630">
        <v>1283</v>
      </c>
      <c r="B1630">
        <v>0</v>
      </c>
      <c r="C1630">
        <v>414</v>
      </c>
      <c r="D1630" t="s">
        <v>88</v>
      </c>
      <c r="E1630" s="1">
        <v>44600.942361111112</v>
      </c>
    </row>
    <row r="1631" spans="1:5" x14ac:dyDescent="0.4">
      <c r="A1631">
        <v>1284</v>
      </c>
      <c r="B1631">
        <v>0</v>
      </c>
      <c r="C1631">
        <v>421</v>
      </c>
      <c r="D1631" t="s">
        <v>88</v>
      </c>
      <c r="E1631" s="1">
        <v>44600.942361111112</v>
      </c>
    </row>
    <row r="1632" spans="1:5" x14ac:dyDescent="0.4">
      <c r="A1632">
        <v>1285</v>
      </c>
      <c r="B1632">
        <v>0</v>
      </c>
      <c r="C1632">
        <v>422</v>
      </c>
      <c r="D1632" t="s">
        <v>88</v>
      </c>
      <c r="E1632" s="1">
        <v>44600.942361111112</v>
      </c>
    </row>
    <row r="1633" spans="1:5" x14ac:dyDescent="0.4">
      <c r="A1633">
        <v>1286</v>
      </c>
      <c r="B1633">
        <v>0</v>
      </c>
      <c r="C1633">
        <v>431</v>
      </c>
      <c r="D1633" t="s">
        <v>88</v>
      </c>
      <c r="E1633" s="1">
        <v>44600.942361111112</v>
      </c>
    </row>
    <row r="1634" spans="1:5" x14ac:dyDescent="0.4">
      <c r="A1634">
        <v>1287</v>
      </c>
      <c r="B1634">
        <v>0</v>
      </c>
      <c r="C1634">
        <v>432</v>
      </c>
      <c r="D1634" t="s">
        <v>88</v>
      </c>
      <c r="E1634" s="1">
        <v>44600.942361111112</v>
      </c>
    </row>
    <row r="1635" spans="1:5" x14ac:dyDescent="0.4">
      <c r="A1635">
        <v>1288</v>
      </c>
      <c r="B1635">
        <v>0</v>
      </c>
      <c r="C1635">
        <v>433</v>
      </c>
      <c r="D1635" t="s">
        <v>88</v>
      </c>
      <c r="E1635" s="1">
        <v>44600.942361111112</v>
      </c>
    </row>
    <row r="1636" spans="1:5" x14ac:dyDescent="0.4">
      <c r="A1636">
        <v>1289</v>
      </c>
      <c r="B1636">
        <v>1</v>
      </c>
      <c r="C1636">
        <v>1</v>
      </c>
      <c r="D1636" t="s">
        <v>88</v>
      </c>
      <c r="E1636" s="1">
        <v>44600.942361111112</v>
      </c>
    </row>
    <row r="1637" spans="1:5" x14ac:dyDescent="0.4">
      <c r="A1637">
        <v>1290</v>
      </c>
      <c r="B1637">
        <v>0</v>
      </c>
      <c r="C1637">
        <v>2</v>
      </c>
      <c r="D1637" t="s">
        <v>88</v>
      </c>
      <c r="E1637" s="1">
        <v>44600.942361111112</v>
      </c>
    </row>
    <row r="1638" spans="1:5" x14ac:dyDescent="0.4">
      <c r="A1638">
        <v>1291</v>
      </c>
      <c r="B1638">
        <v>0</v>
      </c>
      <c r="C1638">
        <v>3</v>
      </c>
      <c r="D1638" t="s">
        <v>88</v>
      </c>
      <c r="E1638" s="1">
        <v>44600.942361111112</v>
      </c>
    </row>
    <row r="1639" spans="1:5" x14ac:dyDescent="0.4">
      <c r="A1639">
        <v>1292</v>
      </c>
      <c r="B1639">
        <v>0</v>
      </c>
      <c r="C1639">
        <v>4</v>
      </c>
      <c r="D1639" t="s">
        <v>88</v>
      </c>
      <c r="E1639" s="1">
        <v>44600.942361111112</v>
      </c>
    </row>
    <row r="1640" spans="1:5" x14ac:dyDescent="0.4">
      <c r="A1640">
        <v>1293</v>
      </c>
      <c r="B1640">
        <v>0</v>
      </c>
      <c r="C1640">
        <v>5</v>
      </c>
      <c r="D1640" t="s">
        <v>88</v>
      </c>
      <c r="E1640" s="1">
        <v>44600.942361111112</v>
      </c>
    </row>
    <row r="1641" spans="1:5" x14ac:dyDescent="0.4">
      <c r="A1641">
        <v>1294</v>
      </c>
      <c r="B1641">
        <v>0</v>
      </c>
      <c r="C1641">
        <v>11</v>
      </c>
      <c r="D1641" t="s">
        <v>88</v>
      </c>
      <c r="E1641" s="1">
        <v>44600.942361111112</v>
      </c>
    </row>
    <row r="1642" spans="1:5" x14ac:dyDescent="0.4">
      <c r="A1642">
        <v>1295</v>
      </c>
      <c r="B1642">
        <v>0</v>
      </c>
      <c r="C1642">
        <v>12</v>
      </c>
      <c r="D1642" t="s">
        <v>88</v>
      </c>
      <c r="E1642" s="1">
        <v>44600.942361111112</v>
      </c>
    </row>
    <row r="1643" spans="1:5" x14ac:dyDescent="0.4">
      <c r="A1643">
        <v>1296</v>
      </c>
      <c r="B1643">
        <v>0</v>
      </c>
      <c r="C1643">
        <v>15</v>
      </c>
      <c r="D1643" t="s">
        <v>88</v>
      </c>
      <c r="E1643" s="1">
        <v>44600.942361111112</v>
      </c>
    </row>
    <row r="1644" spans="1:5" x14ac:dyDescent="0.4">
      <c r="A1644">
        <v>1297</v>
      </c>
      <c r="B1644">
        <v>0</v>
      </c>
      <c r="C1644">
        <v>16</v>
      </c>
      <c r="D1644" t="s">
        <v>88</v>
      </c>
      <c r="E1644" s="1">
        <v>44600.942361111112</v>
      </c>
    </row>
    <row r="1645" spans="1:5" x14ac:dyDescent="0.4">
      <c r="A1645">
        <v>1298</v>
      </c>
      <c r="B1645">
        <v>0</v>
      </c>
      <c r="C1645">
        <v>17</v>
      </c>
      <c r="D1645" t="s">
        <v>88</v>
      </c>
      <c r="E1645" s="1">
        <v>44600.942361111112</v>
      </c>
    </row>
    <row r="1646" spans="1:5" x14ac:dyDescent="0.4">
      <c r="A1646">
        <v>1299</v>
      </c>
      <c r="B1646">
        <v>0</v>
      </c>
      <c r="C1646">
        <v>21</v>
      </c>
      <c r="D1646" t="s">
        <v>88</v>
      </c>
      <c r="E1646" s="1">
        <v>44600.942361111112</v>
      </c>
    </row>
    <row r="1647" spans="1:5" x14ac:dyDescent="0.4">
      <c r="A1647">
        <v>1300</v>
      </c>
      <c r="B1647">
        <v>0</v>
      </c>
      <c r="C1647">
        <v>22</v>
      </c>
      <c r="D1647" t="s">
        <v>88</v>
      </c>
      <c r="E1647" s="1">
        <v>44600.942361111112</v>
      </c>
    </row>
    <row r="1648" spans="1:5" x14ac:dyDescent="0.4">
      <c r="A1648">
        <v>1301</v>
      </c>
      <c r="B1648">
        <v>0</v>
      </c>
      <c r="C1648">
        <v>23</v>
      </c>
      <c r="D1648" t="s">
        <v>88</v>
      </c>
      <c r="E1648" s="1">
        <v>44600.942361111112</v>
      </c>
    </row>
    <row r="1649" spans="1:5" x14ac:dyDescent="0.4">
      <c r="A1649">
        <v>1302</v>
      </c>
      <c r="B1649">
        <v>0</v>
      </c>
      <c r="C1649">
        <v>24</v>
      </c>
      <c r="D1649" t="s">
        <v>88</v>
      </c>
      <c r="E1649" s="1">
        <v>44600.942361111112</v>
      </c>
    </row>
    <row r="1650" spans="1:5" x14ac:dyDescent="0.4">
      <c r="A1650">
        <v>1303</v>
      </c>
      <c r="B1650">
        <v>0</v>
      </c>
      <c r="C1650">
        <v>25</v>
      </c>
      <c r="D1650" t="s">
        <v>88</v>
      </c>
      <c r="E1650" s="1">
        <v>44600.942361111112</v>
      </c>
    </row>
    <row r="1651" spans="1:5" x14ac:dyDescent="0.4">
      <c r="A1651">
        <v>1304</v>
      </c>
      <c r="B1651">
        <v>0</v>
      </c>
      <c r="C1651">
        <v>26</v>
      </c>
      <c r="D1651" t="s">
        <v>88</v>
      </c>
      <c r="E1651" s="1">
        <v>44600.942361111112</v>
      </c>
    </row>
    <row r="1652" spans="1:5" x14ac:dyDescent="0.4">
      <c r="A1652">
        <v>1305</v>
      </c>
      <c r="B1652">
        <v>0</v>
      </c>
      <c r="C1652">
        <v>27</v>
      </c>
      <c r="D1652" t="s">
        <v>88</v>
      </c>
      <c r="E1652" s="1">
        <v>44600.942361111112</v>
      </c>
    </row>
    <row r="1653" spans="1:5" x14ac:dyDescent="0.4">
      <c r="A1653">
        <v>1306</v>
      </c>
      <c r="B1653">
        <v>0</v>
      </c>
      <c r="C1653">
        <v>28</v>
      </c>
      <c r="D1653" t="s">
        <v>88</v>
      </c>
      <c r="E1653" s="1">
        <v>44600.942361111112</v>
      </c>
    </row>
    <row r="1654" spans="1:5" x14ac:dyDescent="0.4">
      <c r="A1654">
        <v>1307</v>
      </c>
      <c r="B1654">
        <v>0</v>
      </c>
      <c r="C1654">
        <v>29</v>
      </c>
      <c r="D1654" t="s">
        <v>88</v>
      </c>
      <c r="E1654" s="1">
        <v>44600.942361111112</v>
      </c>
    </row>
    <row r="1655" spans="1:5" x14ac:dyDescent="0.4">
      <c r="A1655">
        <v>1308</v>
      </c>
      <c r="B1655">
        <v>0</v>
      </c>
      <c r="C1655">
        <v>30</v>
      </c>
      <c r="D1655" t="s">
        <v>88</v>
      </c>
      <c r="E1655" s="1">
        <v>44600.942361111112</v>
      </c>
    </row>
    <row r="1656" spans="1:5" x14ac:dyDescent="0.4">
      <c r="A1656">
        <v>1309</v>
      </c>
      <c r="B1656">
        <v>0</v>
      </c>
      <c r="C1656">
        <v>31</v>
      </c>
      <c r="D1656" t="s">
        <v>88</v>
      </c>
      <c r="E1656" s="1">
        <v>44600.942361111112</v>
      </c>
    </row>
    <row r="1657" spans="1:5" x14ac:dyDescent="0.4">
      <c r="A1657">
        <v>1310</v>
      </c>
      <c r="B1657">
        <v>0</v>
      </c>
      <c r="C1657">
        <v>32</v>
      </c>
      <c r="D1657" t="s">
        <v>88</v>
      </c>
      <c r="E1657" s="1">
        <v>44600.942361111112</v>
      </c>
    </row>
    <row r="1658" spans="1:5" x14ac:dyDescent="0.4">
      <c r="A1658">
        <v>1311</v>
      </c>
      <c r="B1658">
        <v>0</v>
      </c>
      <c r="C1658">
        <v>33</v>
      </c>
      <c r="D1658" t="s">
        <v>88</v>
      </c>
      <c r="E1658" s="1">
        <v>44600.942361111112</v>
      </c>
    </row>
    <row r="1659" spans="1:5" x14ac:dyDescent="0.4">
      <c r="A1659">
        <v>1312</v>
      </c>
      <c r="B1659">
        <v>0</v>
      </c>
      <c r="C1659">
        <v>41</v>
      </c>
      <c r="D1659" t="s">
        <v>88</v>
      </c>
      <c r="E1659" s="1">
        <v>44600.942361111112</v>
      </c>
    </row>
    <row r="1660" spans="1:5" x14ac:dyDescent="0.4">
      <c r="A1660">
        <v>1313</v>
      </c>
      <c r="B1660">
        <v>0</v>
      </c>
      <c r="C1660">
        <v>42</v>
      </c>
      <c r="D1660" t="s">
        <v>88</v>
      </c>
      <c r="E1660" s="1">
        <v>44600.942361111112</v>
      </c>
    </row>
    <row r="1661" spans="1:5" x14ac:dyDescent="0.4">
      <c r="A1661">
        <v>1314</v>
      </c>
      <c r="B1661">
        <v>0</v>
      </c>
      <c r="C1661">
        <v>43</v>
      </c>
      <c r="D1661" t="s">
        <v>88</v>
      </c>
      <c r="E1661" s="1">
        <v>44600.942361111112</v>
      </c>
    </row>
    <row r="1662" spans="1:5" x14ac:dyDescent="0.4">
      <c r="A1662">
        <v>1315</v>
      </c>
      <c r="B1662">
        <v>0</v>
      </c>
      <c r="C1662">
        <v>44</v>
      </c>
      <c r="D1662" t="s">
        <v>88</v>
      </c>
      <c r="E1662" s="1">
        <v>44600.942361111112</v>
      </c>
    </row>
    <row r="1663" spans="1:5" x14ac:dyDescent="0.4">
      <c r="A1663">
        <v>1316</v>
      </c>
      <c r="B1663">
        <v>0</v>
      </c>
      <c r="C1663">
        <v>45</v>
      </c>
      <c r="D1663" t="s">
        <v>88</v>
      </c>
      <c r="E1663" s="1">
        <v>44600.942361111112</v>
      </c>
    </row>
    <row r="1664" spans="1:5" x14ac:dyDescent="0.4">
      <c r="A1664">
        <v>1317</v>
      </c>
      <c r="B1664">
        <v>0</v>
      </c>
      <c r="C1664">
        <v>46</v>
      </c>
      <c r="D1664" t="s">
        <v>88</v>
      </c>
      <c r="E1664" s="1">
        <v>44600.942361111112</v>
      </c>
    </row>
    <row r="1665" spans="1:5" x14ac:dyDescent="0.4">
      <c r="A1665">
        <v>1318</v>
      </c>
      <c r="B1665">
        <v>0</v>
      </c>
      <c r="C1665">
        <v>47</v>
      </c>
      <c r="D1665" t="s">
        <v>88</v>
      </c>
      <c r="E1665" s="1">
        <v>44600.942361111112</v>
      </c>
    </row>
    <row r="1666" spans="1:5" x14ac:dyDescent="0.4">
      <c r="A1666">
        <v>1319</v>
      </c>
      <c r="B1666">
        <v>0</v>
      </c>
      <c r="C1666">
        <v>48</v>
      </c>
      <c r="D1666" t="s">
        <v>88</v>
      </c>
      <c r="E1666" s="1">
        <v>44600.942361111112</v>
      </c>
    </row>
    <row r="1667" spans="1:5" x14ac:dyDescent="0.4">
      <c r="A1667">
        <v>1320</v>
      </c>
      <c r="B1667">
        <v>0</v>
      </c>
      <c r="C1667">
        <v>49</v>
      </c>
      <c r="D1667" t="s">
        <v>88</v>
      </c>
      <c r="E1667" s="1">
        <v>44600.942361111112</v>
      </c>
    </row>
    <row r="1668" spans="1:5" x14ac:dyDescent="0.4">
      <c r="A1668">
        <v>1321</v>
      </c>
      <c r="B1668">
        <v>0</v>
      </c>
      <c r="C1668">
        <v>50</v>
      </c>
      <c r="D1668" t="s">
        <v>88</v>
      </c>
      <c r="E1668" s="1">
        <v>44600.942361111112</v>
      </c>
    </row>
    <row r="1669" spans="1:5" x14ac:dyDescent="0.4">
      <c r="A1669">
        <v>1322</v>
      </c>
      <c r="B1669">
        <v>0</v>
      </c>
      <c r="C1669">
        <v>51</v>
      </c>
      <c r="D1669" t="s">
        <v>88</v>
      </c>
      <c r="E1669" s="1">
        <v>44600.942361111112</v>
      </c>
    </row>
    <row r="1670" spans="1:5" x14ac:dyDescent="0.4">
      <c r="A1670">
        <v>1323</v>
      </c>
      <c r="B1670">
        <v>0</v>
      </c>
      <c r="C1670">
        <v>52</v>
      </c>
      <c r="D1670" t="s">
        <v>88</v>
      </c>
      <c r="E1670" s="1">
        <v>44600.942361111112</v>
      </c>
    </row>
    <row r="1671" spans="1:5" x14ac:dyDescent="0.4">
      <c r="A1671">
        <v>1324</v>
      </c>
      <c r="B1671">
        <v>0</v>
      </c>
      <c r="C1671">
        <v>53</v>
      </c>
      <c r="D1671" t="s">
        <v>88</v>
      </c>
      <c r="E1671" s="1">
        <v>44600.942361111112</v>
      </c>
    </row>
    <row r="1672" spans="1:5" x14ac:dyDescent="0.4">
      <c r="A1672">
        <v>1325</v>
      </c>
      <c r="B1672">
        <v>0</v>
      </c>
      <c r="C1672">
        <v>54</v>
      </c>
      <c r="D1672" t="s">
        <v>88</v>
      </c>
      <c r="E1672" s="1">
        <v>44600.942361111112</v>
      </c>
    </row>
    <row r="1673" spans="1:5" x14ac:dyDescent="0.4">
      <c r="A1673">
        <v>1326</v>
      </c>
      <c r="B1673">
        <v>0</v>
      </c>
      <c r="C1673">
        <v>55</v>
      </c>
      <c r="D1673" t="s">
        <v>88</v>
      </c>
      <c r="E1673" s="1">
        <v>44600.942361111112</v>
      </c>
    </row>
    <row r="1674" spans="1:5" x14ac:dyDescent="0.4">
      <c r="A1674">
        <v>1327</v>
      </c>
      <c r="B1674">
        <v>0</v>
      </c>
      <c r="C1674">
        <v>61</v>
      </c>
      <c r="D1674" t="s">
        <v>88</v>
      </c>
      <c r="E1674" s="1">
        <v>44600.942361111112</v>
      </c>
    </row>
    <row r="1675" spans="1:5" x14ac:dyDescent="0.4">
      <c r="A1675">
        <v>1328</v>
      </c>
      <c r="B1675">
        <v>0</v>
      </c>
      <c r="C1675">
        <v>62</v>
      </c>
      <c r="D1675" t="s">
        <v>88</v>
      </c>
      <c r="E1675" s="1">
        <v>44600.942361111112</v>
      </c>
    </row>
    <row r="1676" spans="1:5" x14ac:dyDescent="0.4">
      <c r="A1676">
        <v>1329</v>
      </c>
      <c r="B1676">
        <v>0</v>
      </c>
      <c r="C1676">
        <v>63</v>
      </c>
      <c r="D1676" t="s">
        <v>88</v>
      </c>
      <c r="E1676" s="1">
        <v>44600.942361111112</v>
      </c>
    </row>
    <row r="1677" spans="1:5" x14ac:dyDescent="0.4">
      <c r="A1677">
        <v>1330</v>
      </c>
      <c r="B1677">
        <v>0</v>
      </c>
      <c r="C1677">
        <v>64</v>
      </c>
      <c r="D1677" t="s">
        <v>88</v>
      </c>
      <c r="E1677" s="1">
        <v>44600.942361111112</v>
      </c>
    </row>
    <row r="1678" spans="1:5" x14ac:dyDescent="0.4">
      <c r="A1678">
        <v>1331</v>
      </c>
      <c r="B1678">
        <v>0</v>
      </c>
      <c r="C1678">
        <v>65</v>
      </c>
      <c r="D1678" t="s">
        <v>88</v>
      </c>
      <c r="E1678" s="1">
        <v>44600.942361111112</v>
      </c>
    </row>
    <row r="1679" spans="1:5" x14ac:dyDescent="0.4">
      <c r="A1679">
        <v>1332</v>
      </c>
      <c r="B1679">
        <v>0</v>
      </c>
      <c r="C1679">
        <v>66</v>
      </c>
      <c r="D1679" t="s">
        <v>88</v>
      </c>
      <c r="E1679" s="1">
        <v>44600.942361111112</v>
      </c>
    </row>
    <row r="1680" spans="1:5" x14ac:dyDescent="0.4">
      <c r="A1680">
        <v>1333</v>
      </c>
      <c r="B1680">
        <v>0</v>
      </c>
      <c r="C1680">
        <v>67</v>
      </c>
      <c r="D1680" t="s">
        <v>88</v>
      </c>
      <c r="E1680" s="1">
        <v>44600.942361111112</v>
      </c>
    </row>
    <row r="1681" spans="1:5" x14ac:dyDescent="0.4">
      <c r="A1681">
        <v>1334</v>
      </c>
      <c r="B1681">
        <v>0</v>
      </c>
      <c r="C1681">
        <v>68</v>
      </c>
      <c r="D1681" t="s">
        <v>88</v>
      </c>
      <c r="E1681" s="1">
        <v>44600.942361111112</v>
      </c>
    </row>
    <row r="1682" spans="1:5" x14ac:dyDescent="0.4">
      <c r="A1682">
        <v>1335</v>
      </c>
      <c r="B1682">
        <v>0</v>
      </c>
      <c r="C1682">
        <v>69</v>
      </c>
      <c r="D1682" t="s">
        <v>88</v>
      </c>
      <c r="E1682" s="1">
        <v>44600.942361111112</v>
      </c>
    </row>
    <row r="1683" spans="1:5" x14ac:dyDescent="0.4">
      <c r="A1683">
        <v>1336</v>
      </c>
      <c r="B1683">
        <v>0</v>
      </c>
      <c r="C1683">
        <v>70</v>
      </c>
      <c r="D1683" t="s">
        <v>88</v>
      </c>
      <c r="E1683" s="1">
        <v>44600.942361111112</v>
      </c>
    </row>
    <row r="1684" spans="1:5" x14ac:dyDescent="0.4">
      <c r="A1684">
        <v>1337</v>
      </c>
      <c r="B1684">
        <v>0</v>
      </c>
      <c r="C1684">
        <v>71</v>
      </c>
      <c r="D1684" t="s">
        <v>88</v>
      </c>
      <c r="E1684" s="1">
        <v>44600.942361111112</v>
      </c>
    </row>
    <row r="1685" spans="1:5" x14ac:dyDescent="0.4">
      <c r="A1685">
        <v>1338</v>
      </c>
      <c r="B1685">
        <v>0</v>
      </c>
      <c r="C1685">
        <v>72</v>
      </c>
      <c r="D1685" t="s">
        <v>88</v>
      </c>
      <c r="E1685" s="1">
        <v>44600.942361111112</v>
      </c>
    </row>
    <row r="1686" spans="1:5" x14ac:dyDescent="0.4">
      <c r="A1686">
        <v>1339</v>
      </c>
      <c r="B1686">
        <v>0</v>
      </c>
      <c r="C1686">
        <v>73</v>
      </c>
      <c r="D1686" t="s">
        <v>88</v>
      </c>
      <c r="E1686" s="1">
        <v>44600.942361111112</v>
      </c>
    </row>
    <row r="1687" spans="1:5" x14ac:dyDescent="0.4">
      <c r="A1687">
        <v>1340</v>
      </c>
      <c r="B1687">
        <v>0</v>
      </c>
      <c r="C1687">
        <v>74</v>
      </c>
      <c r="D1687" t="s">
        <v>88</v>
      </c>
      <c r="E1687" s="1">
        <v>44600.942361111112</v>
      </c>
    </row>
    <row r="1688" spans="1:5" x14ac:dyDescent="0.4">
      <c r="A1688">
        <v>1341</v>
      </c>
      <c r="B1688">
        <v>0</v>
      </c>
      <c r="C1688">
        <v>75</v>
      </c>
      <c r="D1688" t="s">
        <v>88</v>
      </c>
      <c r="E1688" s="1">
        <v>44600.942361111112</v>
      </c>
    </row>
    <row r="1689" spans="1:5" x14ac:dyDescent="0.4">
      <c r="A1689">
        <v>1342</v>
      </c>
      <c r="B1689">
        <v>0</v>
      </c>
      <c r="C1689">
        <v>76</v>
      </c>
      <c r="D1689" t="s">
        <v>88</v>
      </c>
      <c r="E1689" s="1">
        <v>44600.942361111112</v>
      </c>
    </row>
    <row r="1690" spans="1:5" x14ac:dyDescent="0.4">
      <c r="A1690">
        <v>1343</v>
      </c>
      <c r="B1690">
        <v>0</v>
      </c>
      <c r="C1690">
        <v>77</v>
      </c>
      <c r="D1690" t="s">
        <v>88</v>
      </c>
      <c r="E1690" s="1">
        <v>44600.942361111112</v>
      </c>
    </row>
    <row r="1691" spans="1:5" x14ac:dyDescent="0.4">
      <c r="A1691">
        <v>1344</v>
      </c>
      <c r="B1691">
        <v>0</v>
      </c>
      <c r="C1691">
        <v>78</v>
      </c>
      <c r="D1691" t="s">
        <v>88</v>
      </c>
      <c r="E1691" s="1">
        <v>44600.942361111112</v>
      </c>
    </row>
    <row r="1692" spans="1:5" x14ac:dyDescent="0.4">
      <c r="A1692">
        <v>1345</v>
      </c>
      <c r="B1692">
        <v>0</v>
      </c>
      <c r="C1692">
        <v>79</v>
      </c>
      <c r="D1692" t="s">
        <v>88</v>
      </c>
      <c r="E1692" s="1">
        <v>44600.942361111112</v>
      </c>
    </row>
    <row r="1693" spans="1:5" x14ac:dyDescent="0.4">
      <c r="A1693">
        <v>1346</v>
      </c>
      <c r="B1693">
        <v>0</v>
      </c>
      <c r="C1693">
        <v>91</v>
      </c>
      <c r="D1693" t="s">
        <v>88</v>
      </c>
      <c r="E1693" s="1">
        <v>44600.942361111112</v>
      </c>
    </row>
    <row r="1694" spans="1:5" x14ac:dyDescent="0.4">
      <c r="A1694">
        <v>1347</v>
      </c>
      <c r="B1694">
        <v>0</v>
      </c>
      <c r="C1694">
        <v>92</v>
      </c>
      <c r="D1694" t="s">
        <v>88</v>
      </c>
      <c r="E1694" s="1">
        <v>44600.942361111112</v>
      </c>
    </row>
    <row r="1695" spans="1:5" x14ac:dyDescent="0.4">
      <c r="A1695">
        <v>1348</v>
      </c>
      <c r="B1695">
        <v>0</v>
      </c>
      <c r="C1695">
        <v>93</v>
      </c>
      <c r="D1695" t="s">
        <v>88</v>
      </c>
      <c r="E1695" s="1">
        <v>44600.942361111112</v>
      </c>
    </row>
    <row r="1696" spans="1:5" x14ac:dyDescent="0.4">
      <c r="A1696">
        <v>1349</v>
      </c>
      <c r="B1696">
        <v>0</v>
      </c>
      <c r="C1696">
        <v>94</v>
      </c>
      <c r="D1696" t="s">
        <v>88</v>
      </c>
      <c r="E1696" s="1">
        <v>44600.942361111112</v>
      </c>
    </row>
    <row r="1697" spans="1:5" x14ac:dyDescent="0.4">
      <c r="A1697">
        <v>1350</v>
      </c>
      <c r="B1697">
        <v>0</v>
      </c>
      <c r="C1697">
        <v>95</v>
      </c>
      <c r="D1697" t="s">
        <v>88</v>
      </c>
      <c r="E1697" s="1">
        <v>44600.942361111112</v>
      </c>
    </row>
    <row r="1698" spans="1:5" x14ac:dyDescent="0.4">
      <c r="A1698">
        <v>1351</v>
      </c>
      <c r="B1698">
        <v>0</v>
      </c>
      <c r="C1698">
        <v>96</v>
      </c>
      <c r="D1698" t="s">
        <v>88</v>
      </c>
      <c r="E1698" s="1">
        <v>44600.942361111112</v>
      </c>
    </row>
    <row r="1699" spans="1:5" x14ac:dyDescent="0.4">
      <c r="A1699">
        <v>1352</v>
      </c>
      <c r="B1699">
        <v>0</v>
      </c>
      <c r="C1699">
        <v>97</v>
      </c>
      <c r="D1699" t="s">
        <v>88</v>
      </c>
      <c r="E1699" s="1">
        <v>44600.942361111112</v>
      </c>
    </row>
    <row r="1700" spans="1:5" x14ac:dyDescent="0.4">
      <c r="A1700">
        <v>1353</v>
      </c>
      <c r="B1700">
        <v>0</v>
      </c>
      <c r="C1700">
        <v>98</v>
      </c>
      <c r="D1700" t="s">
        <v>88</v>
      </c>
      <c r="E1700" s="1">
        <v>44600.942361111112</v>
      </c>
    </row>
    <row r="1701" spans="1:5" x14ac:dyDescent="0.4">
      <c r="A1701">
        <v>1354</v>
      </c>
      <c r="B1701">
        <v>0</v>
      </c>
      <c r="C1701">
        <v>99</v>
      </c>
      <c r="D1701" t="s">
        <v>88</v>
      </c>
      <c r="E1701" s="1">
        <v>44600.942361111112</v>
      </c>
    </row>
    <row r="1702" spans="1:5" x14ac:dyDescent="0.4">
      <c r="A1702">
        <v>1355</v>
      </c>
      <c r="B1702">
        <v>0</v>
      </c>
      <c r="C1702">
        <v>100</v>
      </c>
      <c r="D1702" t="s">
        <v>88</v>
      </c>
      <c r="E1702" s="1">
        <v>44600.942361111112</v>
      </c>
    </row>
    <row r="1703" spans="1:5" x14ac:dyDescent="0.4">
      <c r="A1703">
        <v>1356</v>
      </c>
      <c r="B1703">
        <v>0</v>
      </c>
      <c r="C1703">
        <v>101</v>
      </c>
      <c r="D1703" t="s">
        <v>88</v>
      </c>
      <c r="E1703" s="1">
        <v>44600.942361111112</v>
      </c>
    </row>
    <row r="1704" spans="1:5" x14ac:dyDescent="0.4">
      <c r="A1704">
        <v>1357</v>
      </c>
      <c r="B1704">
        <v>0</v>
      </c>
      <c r="C1704">
        <v>102</v>
      </c>
      <c r="D1704" t="s">
        <v>88</v>
      </c>
      <c r="E1704" s="1">
        <v>44600.942361111112</v>
      </c>
    </row>
    <row r="1705" spans="1:5" x14ac:dyDescent="0.4">
      <c r="A1705">
        <v>1358</v>
      </c>
      <c r="B1705">
        <v>0</v>
      </c>
      <c r="C1705">
        <v>103</v>
      </c>
      <c r="D1705" t="s">
        <v>88</v>
      </c>
      <c r="E1705" s="1">
        <v>44600.942361111112</v>
      </c>
    </row>
    <row r="1706" spans="1:5" x14ac:dyDescent="0.4">
      <c r="A1706">
        <v>1359</v>
      </c>
      <c r="B1706">
        <v>0</v>
      </c>
      <c r="C1706">
        <v>104</v>
      </c>
      <c r="D1706" t="s">
        <v>88</v>
      </c>
      <c r="E1706" s="1">
        <v>44600.942361111112</v>
      </c>
    </row>
    <row r="1707" spans="1:5" x14ac:dyDescent="0.4">
      <c r="A1707">
        <v>1360</v>
      </c>
      <c r="B1707">
        <v>0</v>
      </c>
      <c r="C1707">
        <v>105</v>
      </c>
      <c r="D1707" t="s">
        <v>88</v>
      </c>
      <c r="E1707" s="1">
        <v>44600.942361111112</v>
      </c>
    </row>
    <row r="1708" spans="1:5" x14ac:dyDescent="0.4">
      <c r="A1708">
        <v>1361</v>
      </c>
      <c r="B1708">
        <v>0</v>
      </c>
      <c r="C1708">
        <v>106</v>
      </c>
      <c r="D1708" t="s">
        <v>88</v>
      </c>
      <c r="E1708" s="1">
        <v>44600.942361111112</v>
      </c>
    </row>
    <row r="1709" spans="1:5" x14ac:dyDescent="0.4">
      <c r="A1709">
        <v>1362</v>
      </c>
      <c r="B1709">
        <v>0</v>
      </c>
      <c r="C1709">
        <v>107</v>
      </c>
      <c r="D1709" t="s">
        <v>88</v>
      </c>
      <c r="E1709" s="1">
        <v>44600.942361111112</v>
      </c>
    </row>
    <row r="1710" spans="1:5" x14ac:dyDescent="0.4">
      <c r="A1710">
        <v>1363</v>
      </c>
      <c r="B1710">
        <v>0</v>
      </c>
      <c r="C1710">
        <v>108</v>
      </c>
      <c r="D1710" t="s">
        <v>88</v>
      </c>
      <c r="E1710" s="1">
        <v>44600.942361111112</v>
      </c>
    </row>
    <row r="1711" spans="1:5" x14ac:dyDescent="0.4">
      <c r="A1711">
        <v>1364</v>
      </c>
      <c r="B1711">
        <v>0</v>
      </c>
      <c r="C1711">
        <v>109</v>
      </c>
      <c r="D1711" t="s">
        <v>88</v>
      </c>
      <c r="E1711" s="1">
        <v>44600.942361111112</v>
      </c>
    </row>
    <row r="1712" spans="1:5" x14ac:dyDescent="0.4">
      <c r="A1712">
        <v>1365</v>
      </c>
      <c r="B1712">
        <v>0</v>
      </c>
      <c r="C1712">
        <v>110</v>
      </c>
      <c r="D1712" t="s">
        <v>88</v>
      </c>
      <c r="E1712" s="1">
        <v>44600.942361111112</v>
      </c>
    </row>
    <row r="1713" spans="1:5" x14ac:dyDescent="0.4">
      <c r="A1713">
        <v>1366</v>
      </c>
      <c r="B1713">
        <v>0</v>
      </c>
      <c r="C1713">
        <v>111</v>
      </c>
      <c r="D1713" t="s">
        <v>88</v>
      </c>
      <c r="E1713" s="1">
        <v>44600.942361111112</v>
      </c>
    </row>
    <row r="1714" spans="1:5" x14ac:dyDescent="0.4">
      <c r="A1714">
        <v>1367</v>
      </c>
      <c r="B1714">
        <v>0</v>
      </c>
      <c r="C1714">
        <v>112</v>
      </c>
      <c r="D1714" t="s">
        <v>88</v>
      </c>
      <c r="E1714" s="1">
        <v>44600.942361111112</v>
      </c>
    </row>
    <row r="1715" spans="1:5" x14ac:dyDescent="0.4">
      <c r="A1715">
        <v>1368</v>
      </c>
      <c r="B1715">
        <v>0</v>
      </c>
      <c r="C1715">
        <v>113</v>
      </c>
      <c r="D1715" t="s">
        <v>88</v>
      </c>
      <c r="E1715" s="1">
        <v>44600.942361111112</v>
      </c>
    </row>
    <row r="1716" spans="1:5" x14ac:dyDescent="0.4">
      <c r="A1716">
        <v>1369</v>
      </c>
      <c r="B1716">
        <v>0</v>
      </c>
      <c r="C1716">
        <v>114</v>
      </c>
      <c r="D1716" t="s">
        <v>88</v>
      </c>
      <c r="E1716" s="1">
        <v>44600.942361111112</v>
      </c>
    </row>
    <row r="1717" spans="1:5" x14ac:dyDescent="0.4">
      <c r="A1717">
        <v>1370</v>
      </c>
      <c r="B1717">
        <v>0</v>
      </c>
      <c r="C1717">
        <v>115</v>
      </c>
      <c r="D1717" t="s">
        <v>88</v>
      </c>
      <c r="E1717" s="1">
        <v>44600.942361111112</v>
      </c>
    </row>
    <row r="1718" spans="1:5" x14ac:dyDescent="0.4">
      <c r="A1718">
        <v>1371</v>
      </c>
      <c r="B1718">
        <v>0</v>
      </c>
      <c r="C1718">
        <v>116</v>
      </c>
      <c r="D1718" t="s">
        <v>88</v>
      </c>
      <c r="E1718" s="1">
        <v>44600.942361111112</v>
      </c>
    </row>
    <row r="1719" spans="1:5" x14ac:dyDescent="0.4">
      <c r="A1719">
        <v>1372</v>
      </c>
      <c r="B1719">
        <v>0</v>
      </c>
      <c r="C1719">
        <v>121</v>
      </c>
      <c r="D1719" t="s">
        <v>88</v>
      </c>
      <c r="E1719" s="1">
        <v>44600.942361111112</v>
      </c>
    </row>
    <row r="1720" spans="1:5" x14ac:dyDescent="0.4">
      <c r="A1720">
        <v>1373</v>
      </c>
      <c r="B1720">
        <v>0</v>
      </c>
      <c r="C1720">
        <v>122</v>
      </c>
      <c r="D1720" t="s">
        <v>88</v>
      </c>
      <c r="E1720" s="1">
        <v>44600.942361111112</v>
      </c>
    </row>
    <row r="1721" spans="1:5" x14ac:dyDescent="0.4">
      <c r="A1721">
        <v>1374</v>
      </c>
      <c r="B1721">
        <v>0</v>
      </c>
      <c r="C1721">
        <v>123</v>
      </c>
      <c r="D1721" t="s">
        <v>88</v>
      </c>
      <c r="E1721" s="1">
        <v>44600.942361111112</v>
      </c>
    </row>
    <row r="1722" spans="1:5" x14ac:dyDescent="0.4">
      <c r="A1722">
        <v>1375</v>
      </c>
      <c r="B1722">
        <v>0</v>
      </c>
      <c r="C1722">
        <v>124</v>
      </c>
      <c r="D1722" t="s">
        <v>88</v>
      </c>
      <c r="E1722" s="1">
        <v>44600.942361111112</v>
      </c>
    </row>
    <row r="1723" spans="1:5" x14ac:dyDescent="0.4">
      <c r="A1723">
        <v>1376</v>
      </c>
      <c r="B1723">
        <v>0</v>
      </c>
      <c r="C1723">
        <v>125</v>
      </c>
      <c r="D1723" t="s">
        <v>88</v>
      </c>
      <c r="E1723" s="1">
        <v>44600.942361111112</v>
      </c>
    </row>
    <row r="1724" spans="1:5" x14ac:dyDescent="0.4">
      <c r="A1724">
        <v>1377</v>
      </c>
      <c r="B1724">
        <v>0</v>
      </c>
      <c r="C1724">
        <v>126</v>
      </c>
      <c r="D1724" t="s">
        <v>88</v>
      </c>
      <c r="E1724" s="1">
        <v>44600.942361111112</v>
      </c>
    </row>
    <row r="1725" spans="1:5" x14ac:dyDescent="0.4">
      <c r="A1725">
        <v>1378</v>
      </c>
      <c r="B1725">
        <v>0</v>
      </c>
      <c r="C1725">
        <v>131</v>
      </c>
      <c r="D1725" t="s">
        <v>88</v>
      </c>
      <c r="E1725" s="1">
        <v>44600.942361111112</v>
      </c>
    </row>
    <row r="1726" spans="1:5" x14ac:dyDescent="0.4">
      <c r="A1726">
        <v>1379</v>
      </c>
      <c r="B1726">
        <v>0</v>
      </c>
      <c r="C1726">
        <v>141</v>
      </c>
      <c r="D1726" t="s">
        <v>88</v>
      </c>
      <c r="E1726" s="1">
        <v>44600.942361111112</v>
      </c>
    </row>
    <row r="1727" spans="1:5" x14ac:dyDescent="0.4">
      <c r="A1727">
        <v>1380</v>
      </c>
      <c r="B1727">
        <v>0</v>
      </c>
      <c r="C1727">
        <v>142</v>
      </c>
      <c r="D1727" t="s">
        <v>88</v>
      </c>
      <c r="E1727" s="1">
        <v>44600.942361111112</v>
      </c>
    </row>
    <row r="1728" spans="1:5" x14ac:dyDescent="0.4">
      <c r="A1728">
        <v>1381</v>
      </c>
      <c r="B1728">
        <v>0</v>
      </c>
      <c r="C1728">
        <v>143</v>
      </c>
      <c r="D1728" t="s">
        <v>88</v>
      </c>
      <c r="E1728" s="1">
        <v>44600.942361111112</v>
      </c>
    </row>
    <row r="1729" spans="1:5" x14ac:dyDescent="0.4">
      <c r="A1729">
        <v>1382</v>
      </c>
      <c r="B1729">
        <v>0</v>
      </c>
      <c r="C1729">
        <v>144</v>
      </c>
      <c r="D1729" t="s">
        <v>88</v>
      </c>
      <c r="E1729" s="1">
        <v>44600.942361111112</v>
      </c>
    </row>
    <row r="1730" spans="1:5" x14ac:dyDescent="0.4">
      <c r="A1730">
        <v>1383</v>
      </c>
      <c r="B1730">
        <v>0</v>
      </c>
      <c r="C1730">
        <v>145</v>
      </c>
      <c r="D1730" t="s">
        <v>88</v>
      </c>
      <c r="E1730" s="1">
        <v>44600.942361111112</v>
      </c>
    </row>
    <row r="1731" spans="1:5" x14ac:dyDescent="0.4">
      <c r="A1731">
        <v>1384</v>
      </c>
      <c r="B1731">
        <v>0</v>
      </c>
      <c r="C1731">
        <v>146</v>
      </c>
      <c r="D1731" t="s">
        <v>88</v>
      </c>
      <c r="E1731" s="1">
        <v>44600.942361111112</v>
      </c>
    </row>
    <row r="1732" spans="1:5" x14ac:dyDescent="0.4">
      <c r="A1732">
        <v>1385</v>
      </c>
      <c r="B1732">
        <v>0</v>
      </c>
      <c r="C1732">
        <v>147</v>
      </c>
      <c r="D1732" t="s">
        <v>88</v>
      </c>
      <c r="E1732" s="1">
        <v>44600.942361111112</v>
      </c>
    </row>
    <row r="1733" spans="1:5" x14ac:dyDescent="0.4">
      <c r="A1733">
        <v>1386</v>
      </c>
      <c r="B1733">
        <v>0</v>
      </c>
      <c r="C1733">
        <v>161</v>
      </c>
      <c r="D1733" t="s">
        <v>88</v>
      </c>
      <c r="E1733" s="1">
        <v>44600.942361111112</v>
      </c>
    </row>
    <row r="1734" spans="1:5" x14ac:dyDescent="0.4">
      <c r="A1734">
        <v>1387</v>
      </c>
      <c r="B1734">
        <v>0</v>
      </c>
      <c r="C1734">
        <v>162</v>
      </c>
      <c r="D1734" t="s">
        <v>88</v>
      </c>
      <c r="E1734" s="1">
        <v>44600.942361111112</v>
      </c>
    </row>
    <row r="1735" spans="1:5" x14ac:dyDescent="0.4">
      <c r="A1735">
        <v>1388</v>
      </c>
      <c r="B1735">
        <v>0</v>
      </c>
      <c r="C1735">
        <v>163</v>
      </c>
      <c r="D1735" t="s">
        <v>88</v>
      </c>
      <c r="E1735" s="1">
        <v>44600.942361111112</v>
      </c>
    </row>
    <row r="1736" spans="1:5" x14ac:dyDescent="0.4">
      <c r="A1736">
        <v>1389</v>
      </c>
      <c r="B1736">
        <v>0</v>
      </c>
      <c r="C1736">
        <v>164</v>
      </c>
      <c r="D1736" t="s">
        <v>88</v>
      </c>
      <c r="E1736" s="1">
        <v>44600.942361111112</v>
      </c>
    </row>
    <row r="1737" spans="1:5" x14ac:dyDescent="0.4">
      <c r="A1737">
        <v>1390</v>
      </c>
      <c r="B1737">
        <v>0</v>
      </c>
      <c r="C1737">
        <v>165</v>
      </c>
      <c r="D1737" t="s">
        <v>88</v>
      </c>
      <c r="E1737" s="1">
        <v>44600.942361111112</v>
      </c>
    </row>
    <row r="1738" spans="1:5" x14ac:dyDescent="0.4">
      <c r="A1738">
        <v>1391</v>
      </c>
      <c r="B1738">
        <v>0</v>
      </c>
      <c r="C1738">
        <v>166</v>
      </c>
      <c r="D1738" t="s">
        <v>88</v>
      </c>
      <c r="E1738" s="1">
        <v>44600.942361111112</v>
      </c>
    </row>
    <row r="1739" spans="1:5" x14ac:dyDescent="0.4">
      <c r="A1739">
        <v>1392</v>
      </c>
      <c r="B1739">
        <v>0</v>
      </c>
      <c r="C1739">
        <v>167</v>
      </c>
      <c r="D1739" t="s">
        <v>88</v>
      </c>
      <c r="E1739" s="1">
        <v>44600.942361111112</v>
      </c>
    </row>
    <row r="1740" spans="1:5" x14ac:dyDescent="0.4">
      <c r="A1740">
        <v>1393</v>
      </c>
      <c r="B1740">
        <v>0</v>
      </c>
      <c r="C1740">
        <v>168</v>
      </c>
      <c r="D1740" t="s">
        <v>88</v>
      </c>
      <c r="E1740" s="1">
        <v>44600.942361111112</v>
      </c>
    </row>
    <row r="1741" spans="1:5" x14ac:dyDescent="0.4">
      <c r="A1741">
        <v>1394</v>
      </c>
      <c r="B1741">
        <v>0</v>
      </c>
      <c r="C1741">
        <v>169</v>
      </c>
      <c r="D1741" t="s">
        <v>88</v>
      </c>
      <c r="E1741" s="1">
        <v>44600.942361111112</v>
      </c>
    </row>
    <row r="1742" spans="1:5" x14ac:dyDescent="0.4">
      <c r="A1742">
        <v>1395</v>
      </c>
      <c r="B1742">
        <v>0</v>
      </c>
      <c r="C1742">
        <v>170</v>
      </c>
      <c r="D1742" t="s">
        <v>88</v>
      </c>
      <c r="E1742" s="1">
        <v>44600.942361111112</v>
      </c>
    </row>
    <row r="1743" spans="1:5" x14ac:dyDescent="0.4">
      <c r="A1743">
        <v>1396</v>
      </c>
      <c r="B1743">
        <v>0</v>
      </c>
      <c r="C1743">
        <v>171</v>
      </c>
      <c r="D1743" t="s">
        <v>88</v>
      </c>
      <c r="E1743" s="1">
        <v>44600.942361111112</v>
      </c>
    </row>
    <row r="1744" spans="1:5" x14ac:dyDescent="0.4">
      <c r="A1744">
        <v>1397</v>
      </c>
      <c r="B1744">
        <v>0</v>
      </c>
      <c r="C1744">
        <v>172</v>
      </c>
      <c r="D1744" t="s">
        <v>88</v>
      </c>
      <c r="E1744" s="1">
        <v>44600.942361111112</v>
      </c>
    </row>
    <row r="1745" spans="1:5" x14ac:dyDescent="0.4">
      <c r="A1745">
        <v>1398</v>
      </c>
      <c r="B1745">
        <v>0</v>
      </c>
      <c r="C1745">
        <v>173</v>
      </c>
      <c r="D1745" t="s">
        <v>88</v>
      </c>
      <c r="E1745" s="1">
        <v>44600.942361111112</v>
      </c>
    </row>
    <row r="1746" spans="1:5" x14ac:dyDescent="0.4">
      <c r="A1746">
        <v>1399</v>
      </c>
      <c r="B1746">
        <v>0</v>
      </c>
      <c r="C1746">
        <v>174</v>
      </c>
      <c r="D1746" t="s">
        <v>88</v>
      </c>
      <c r="E1746" s="1">
        <v>44600.942361111112</v>
      </c>
    </row>
    <row r="1747" spans="1:5" x14ac:dyDescent="0.4">
      <c r="A1747">
        <v>1400</v>
      </c>
      <c r="B1747">
        <v>0</v>
      </c>
      <c r="C1747">
        <v>175</v>
      </c>
      <c r="D1747" t="s">
        <v>88</v>
      </c>
      <c r="E1747" s="1">
        <v>44600.942361111112</v>
      </c>
    </row>
    <row r="1748" spans="1:5" x14ac:dyDescent="0.4">
      <c r="A1748">
        <v>1401</v>
      </c>
      <c r="B1748">
        <v>0</v>
      </c>
      <c r="C1748">
        <v>181</v>
      </c>
      <c r="D1748" t="s">
        <v>88</v>
      </c>
      <c r="E1748" s="1">
        <v>44600.942361111112</v>
      </c>
    </row>
    <row r="1749" spans="1:5" x14ac:dyDescent="0.4">
      <c r="A1749">
        <v>1402</v>
      </c>
      <c r="B1749">
        <v>0</v>
      </c>
      <c r="C1749">
        <v>182</v>
      </c>
      <c r="D1749" t="s">
        <v>88</v>
      </c>
      <c r="E1749" s="1">
        <v>44600.942361111112</v>
      </c>
    </row>
    <row r="1750" spans="1:5" x14ac:dyDescent="0.4">
      <c r="A1750">
        <v>1403</v>
      </c>
      <c r="B1750">
        <v>0</v>
      </c>
      <c r="C1750">
        <v>183</v>
      </c>
      <c r="D1750" t="s">
        <v>88</v>
      </c>
      <c r="E1750" s="1">
        <v>44600.942361111112</v>
      </c>
    </row>
    <row r="1751" spans="1:5" x14ac:dyDescent="0.4">
      <c r="A1751">
        <v>1404</v>
      </c>
      <c r="B1751">
        <v>0</v>
      </c>
      <c r="C1751">
        <v>184</v>
      </c>
      <c r="D1751" t="s">
        <v>88</v>
      </c>
      <c r="E1751" s="1">
        <v>44600.942361111112</v>
      </c>
    </row>
    <row r="1752" spans="1:5" x14ac:dyDescent="0.4">
      <c r="A1752">
        <v>1405</v>
      </c>
      <c r="B1752">
        <v>0</v>
      </c>
      <c r="C1752">
        <v>185</v>
      </c>
      <c r="D1752" t="s">
        <v>88</v>
      </c>
      <c r="E1752" s="1">
        <v>44600.942361111112</v>
      </c>
    </row>
    <row r="1753" spans="1:5" x14ac:dyDescent="0.4">
      <c r="A1753">
        <v>1406</v>
      </c>
      <c r="B1753">
        <v>0</v>
      </c>
      <c r="C1753">
        <v>186</v>
      </c>
      <c r="D1753" t="s">
        <v>88</v>
      </c>
      <c r="E1753" s="1">
        <v>44600.942361111112</v>
      </c>
    </row>
    <row r="1754" spans="1:5" x14ac:dyDescent="0.4">
      <c r="A1754">
        <v>1407</v>
      </c>
      <c r="B1754">
        <v>0</v>
      </c>
      <c r="C1754">
        <v>190</v>
      </c>
      <c r="D1754" t="s">
        <v>88</v>
      </c>
      <c r="E1754" s="1">
        <v>44600.942361111112</v>
      </c>
    </row>
    <row r="1755" spans="1:5" x14ac:dyDescent="0.4">
      <c r="A1755">
        <v>1408</v>
      </c>
      <c r="B1755">
        <v>0</v>
      </c>
      <c r="C1755">
        <v>191</v>
      </c>
      <c r="D1755" t="s">
        <v>88</v>
      </c>
      <c r="E1755" s="1">
        <v>44600.942361111112</v>
      </c>
    </row>
    <row r="1756" spans="1:5" x14ac:dyDescent="0.4">
      <c r="A1756">
        <v>1409</v>
      </c>
      <c r="B1756">
        <v>0</v>
      </c>
      <c r="C1756">
        <v>192</v>
      </c>
      <c r="D1756" t="s">
        <v>88</v>
      </c>
      <c r="E1756" s="1">
        <v>44600.942361111112</v>
      </c>
    </row>
    <row r="1757" spans="1:5" x14ac:dyDescent="0.4">
      <c r="A1757">
        <v>1410</v>
      </c>
      <c r="B1757">
        <v>0</v>
      </c>
      <c r="C1757">
        <v>193</v>
      </c>
      <c r="D1757" t="s">
        <v>88</v>
      </c>
      <c r="E1757" s="1">
        <v>44600.942361111112</v>
      </c>
    </row>
    <row r="1758" spans="1:5" x14ac:dyDescent="0.4">
      <c r="A1758">
        <v>1411</v>
      </c>
      <c r="B1758">
        <v>0</v>
      </c>
      <c r="C1758">
        <v>194</v>
      </c>
      <c r="D1758" t="s">
        <v>88</v>
      </c>
      <c r="E1758" s="1">
        <v>44600.942361111112</v>
      </c>
    </row>
    <row r="1759" spans="1:5" x14ac:dyDescent="0.4">
      <c r="A1759">
        <v>1412</v>
      </c>
      <c r="B1759">
        <v>0</v>
      </c>
      <c r="C1759">
        <v>195</v>
      </c>
      <c r="D1759" t="s">
        <v>88</v>
      </c>
      <c r="E1759" s="1">
        <v>44600.942361111112</v>
      </c>
    </row>
    <row r="1760" spans="1:5" x14ac:dyDescent="0.4">
      <c r="A1760">
        <v>1413</v>
      </c>
      <c r="B1760">
        <v>0</v>
      </c>
      <c r="C1760">
        <v>301</v>
      </c>
      <c r="D1760" t="s">
        <v>88</v>
      </c>
      <c r="E1760" s="1">
        <v>44600.942361111112</v>
      </c>
    </row>
    <row r="1761" spans="1:5" x14ac:dyDescent="0.4">
      <c r="A1761">
        <v>1414</v>
      </c>
      <c r="B1761">
        <v>0</v>
      </c>
      <c r="C1761">
        <v>302</v>
      </c>
      <c r="D1761" t="s">
        <v>88</v>
      </c>
      <c r="E1761" s="1">
        <v>44600.942361111112</v>
      </c>
    </row>
    <row r="1762" spans="1:5" x14ac:dyDescent="0.4">
      <c r="A1762">
        <v>1415</v>
      </c>
      <c r="B1762">
        <v>0</v>
      </c>
      <c r="C1762">
        <v>321</v>
      </c>
      <c r="D1762" t="s">
        <v>88</v>
      </c>
      <c r="E1762" s="1">
        <v>44600.942361111112</v>
      </c>
    </row>
    <row r="1763" spans="1:5" x14ac:dyDescent="0.4">
      <c r="A1763">
        <v>1416</v>
      </c>
      <c r="B1763">
        <v>0</v>
      </c>
      <c r="C1763">
        <v>322</v>
      </c>
      <c r="D1763" t="s">
        <v>88</v>
      </c>
      <c r="E1763" s="1">
        <v>44600.942361111112</v>
      </c>
    </row>
    <row r="1764" spans="1:5" x14ac:dyDescent="0.4">
      <c r="A1764">
        <v>1417</v>
      </c>
      <c r="B1764">
        <v>0</v>
      </c>
      <c r="C1764">
        <v>323</v>
      </c>
      <c r="D1764" t="s">
        <v>88</v>
      </c>
      <c r="E1764" s="1">
        <v>44600.942361111112</v>
      </c>
    </row>
    <row r="1765" spans="1:5" x14ac:dyDescent="0.4">
      <c r="A1765">
        <v>1418</v>
      </c>
      <c r="B1765">
        <v>0</v>
      </c>
      <c r="C1765">
        <v>324</v>
      </c>
      <c r="D1765" t="s">
        <v>88</v>
      </c>
      <c r="E1765" s="1">
        <v>44600.942361111112</v>
      </c>
    </row>
    <row r="1766" spans="1:5" x14ac:dyDescent="0.4">
      <c r="A1766">
        <v>1419</v>
      </c>
      <c r="B1766">
        <v>0</v>
      </c>
      <c r="C1766">
        <v>325</v>
      </c>
      <c r="D1766" t="s">
        <v>88</v>
      </c>
      <c r="E1766" s="1">
        <v>44600.942361111112</v>
      </c>
    </row>
    <row r="1767" spans="1:5" x14ac:dyDescent="0.4">
      <c r="A1767">
        <v>1420</v>
      </c>
      <c r="B1767">
        <v>0</v>
      </c>
      <c r="C1767">
        <v>326</v>
      </c>
      <c r="D1767" t="s">
        <v>88</v>
      </c>
      <c r="E1767" s="1">
        <v>44600.942361111112</v>
      </c>
    </row>
    <row r="1768" spans="1:5" x14ac:dyDescent="0.4">
      <c r="A1768">
        <v>1421</v>
      </c>
      <c r="B1768">
        <v>0</v>
      </c>
      <c r="C1768">
        <v>327</v>
      </c>
      <c r="D1768" t="s">
        <v>88</v>
      </c>
      <c r="E1768" s="1">
        <v>44600.942361111112</v>
      </c>
    </row>
    <row r="1769" spans="1:5" x14ac:dyDescent="0.4">
      <c r="A1769">
        <v>1422</v>
      </c>
      <c r="B1769">
        <v>0</v>
      </c>
      <c r="C1769">
        <v>328</v>
      </c>
      <c r="D1769" t="s">
        <v>88</v>
      </c>
      <c r="E1769" s="1">
        <v>44600.942361111112</v>
      </c>
    </row>
    <row r="1770" spans="1:5" x14ac:dyDescent="0.4">
      <c r="A1770">
        <v>1423</v>
      </c>
      <c r="B1770">
        <v>0</v>
      </c>
      <c r="C1770">
        <v>329</v>
      </c>
      <c r="D1770" t="s">
        <v>88</v>
      </c>
      <c r="E1770" s="1">
        <v>44600.942361111112</v>
      </c>
    </row>
    <row r="1771" spans="1:5" x14ac:dyDescent="0.4">
      <c r="A1771">
        <v>1424</v>
      </c>
      <c r="B1771">
        <v>0</v>
      </c>
      <c r="C1771">
        <v>330</v>
      </c>
      <c r="D1771" t="s">
        <v>88</v>
      </c>
      <c r="E1771" s="1">
        <v>44600.942361111112</v>
      </c>
    </row>
    <row r="1772" spans="1:5" x14ac:dyDescent="0.4">
      <c r="A1772">
        <v>1425</v>
      </c>
      <c r="B1772">
        <v>0</v>
      </c>
      <c r="C1772">
        <v>331</v>
      </c>
      <c r="D1772" t="s">
        <v>88</v>
      </c>
      <c r="E1772" s="1">
        <v>44600.942361111112</v>
      </c>
    </row>
    <row r="1773" spans="1:5" x14ac:dyDescent="0.4">
      <c r="A1773">
        <v>1426</v>
      </c>
      <c r="B1773">
        <v>0</v>
      </c>
      <c r="C1773">
        <v>332</v>
      </c>
      <c r="D1773" t="s">
        <v>88</v>
      </c>
      <c r="E1773" s="1">
        <v>44600.942361111112</v>
      </c>
    </row>
    <row r="1774" spans="1:5" x14ac:dyDescent="0.4">
      <c r="A1774">
        <v>1427</v>
      </c>
      <c r="B1774">
        <v>0</v>
      </c>
      <c r="C1774">
        <v>333</v>
      </c>
      <c r="D1774" t="s">
        <v>88</v>
      </c>
      <c r="E1774" s="1">
        <v>44600.942361111112</v>
      </c>
    </row>
    <row r="1775" spans="1:5" x14ac:dyDescent="0.4">
      <c r="A1775">
        <v>1428</v>
      </c>
      <c r="B1775">
        <v>0</v>
      </c>
      <c r="C1775">
        <v>341</v>
      </c>
      <c r="D1775" t="s">
        <v>88</v>
      </c>
      <c r="E1775" s="1">
        <v>44600.942361111112</v>
      </c>
    </row>
    <row r="1776" spans="1:5" x14ac:dyDescent="0.4">
      <c r="A1776">
        <v>1429</v>
      </c>
      <c r="B1776">
        <v>0</v>
      </c>
      <c r="C1776">
        <v>342</v>
      </c>
      <c r="D1776" t="s">
        <v>88</v>
      </c>
      <c r="E1776" s="1">
        <v>44600.942361111112</v>
      </c>
    </row>
    <row r="1777" spans="1:5" x14ac:dyDescent="0.4">
      <c r="A1777">
        <v>1430</v>
      </c>
      <c r="B1777">
        <v>0</v>
      </c>
      <c r="C1777">
        <v>343</v>
      </c>
      <c r="D1777" t="s">
        <v>88</v>
      </c>
      <c r="E1777" s="1">
        <v>44600.942361111112</v>
      </c>
    </row>
    <row r="1778" spans="1:5" x14ac:dyDescent="0.4">
      <c r="A1778">
        <v>1431</v>
      </c>
      <c r="B1778">
        <v>0</v>
      </c>
      <c r="C1778">
        <v>344</v>
      </c>
      <c r="D1778" t="s">
        <v>88</v>
      </c>
      <c r="E1778" s="1">
        <v>44600.942361111112</v>
      </c>
    </row>
    <row r="1779" spans="1:5" x14ac:dyDescent="0.4">
      <c r="A1779">
        <v>1432</v>
      </c>
      <c r="B1779">
        <v>0</v>
      </c>
      <c r="C1779">
        <v>345</v>
      </c>
      <c r="D1779" t="s">
        <v>88</v>
      </c>
      <c r="E1779" s="1">
        <v>44600.942361111112</v>
      </c>
    </row>
    <row r="1780" spans="1:5" x14ac:dyDescent="0.4">
      <c r="A1780">
        <v>1433</v>
      </c>
      <c r="B1780">
        <v>0</v>
      </c>
      <c r="C1780">
        <v>346</v>
      </c>
      <c r="D1780" t="s">
        <v>88</v>
      </c>
      <c r="E1780" s="1">
        <v>44600.942361111112</v>
      </c>
    </row>
    <row r="1781" spans="1:5" x14ac:dyDescent="0.4">
      <c r="A1781">
        <v>1434</v>
      </c>
      <c r="B1781">
        <v>0</v>
      </c>
      <c r="C1781">
        <v>361</v>
      </c>
      <c r="D1781" t="s">
        <v>88</v>
      </c>
      <c r="E1781" s="1">
        <v>44600.942361111112</v>
      </c>
    </row>
    <row r="1782" spans="1:5" x14ac:dyDescent="0.4">
      <c r="A1782">
        <v>1435</v>
      </c>
      <c r="B1782">
        <v>0</v>
      </c>
      <c r="C1782">
        <v>362</v>
      </c>
      <c r="D1782" t="s">
        <v>88</v>
      </c>
      <c r="E1782" s="1">
        <v>44600.942361111112</v>
      </c>
    </row>
    <row r="1783" spans="1:5" x14ac:dyDescent="0.4">
      <c r="A1783">
        <v>1436</v>
      </c>
      <c r="B1783">
        <v>0</v>
      </c>
      <c r="C1783">
        <v>363</v>
      </c>
      <c r="D1783" t="s">
        <v>88</v>
      </c>
      <c r="E1783" s="1">
        <v>44600.942361111112</v>
      </c>
    </row>
    <row r="1784" spans="1:5" x14ac:dyDescent="0.4">
      <c r="A1784">
        <v>1437</v>
      </c>
      <c r="B1784">
        <v>0</v>
      </c>
      <c r="C1784">
        <v>364</v>
      </c>
      <c r="D1784" t="s">
        <v>88</v>
      </c>
      <c r="E1784" s="1">
        <v>44600.942361111112</v>
      </c>
    </row>
    <row r="1785" spans="1:5" x14ac:dyDescent="0.4">
      <c r="A1785">
        <v>1438</v>
      </c>
      <c r="B1785">
        <v>0</v>
      </c>
      <c r="C1785">
        <v>365</v>
      </c>
      <c r="D1785" t="s">
        <v>88</v>
      </c>
      <c r="E1785" s="1">
        <v>44600.942361111112</v>
      </c>
    </row>
    <row r="1786" spans="1:5" x14ac:dyDescent="0.4">
      <c r="A1786">
        <v>1439</v>
      </c>
      <c r="B1786">
        <v>0</v>
      </c>
      <c r="C1786">
        <v>366</v>
      </c>
      <c r="D1786" t="s">
        <v>88</v>
      </c>
      <c r="E1786" s="1">
        <v>44600.942361111112</v>
      </c>
    </row>
    <row r="1787" spans="1:5" x14ac:dyDescent="0.4">
      <c r="A1787">
        <v>1440</v>
      </c>
      <c r="B1787">
        <v>0</v>
      </c>
      <c r="C1787">
        <v>367</v>
      </c>
      <c r="D1787" t="s">
        <v>88</v>
      </c>
      <c r="E1787" s="1">
        <v>44600.942361111112</v>
      </c>
    </row>
    <row r="1788" spans="1:5" x14ac:dyDescent="0.4">
      <c r="A1788">
        <v>1441</v>
      </c>
      <c r="B1788">
        <v>0</v>
      </c>
      <c r="C1788">
        <v>368</v>
      </c>
      <c r="D1788" t="s">
        <v>88</v>
      </c>
      <c r="E1788" s="1">
        <v>44600.942361111112</v>
      </c>
    </row>
    <row r="1789" spans="1:5" x14ac:dyDescent="0.4">
      <c r="A1789">
        <v>1442</v>
      </c>
      <c r="B1789">
        <v>0</v>
      </c>
      <c r="C1789">
        <v>369</v>
      </c>
      <c r="D1789" t="s">
        <v>88</v>
      </c>
      <c r="E1789" s="1">
        <v>44600.942361111112</v>
      </c>
    </row>
    <row r="1790" spans="1:5" x14ac:dyDescent="0.4">
      <c r="A1790">
        <v>1443</v>
      </c>
      <c r="B1790">
        <v>0</v>
      </c>
      <c r="C1790">
        <v>370</v>
      </c>
      <c r="D1790" t="s">
        <v>88</v>
      </c>
      <c r="E1790" s="1">
        <v>44600.942361111112</v>
      </c>
    </row>
    <row r="1791" spans="1:5" x14ac:dyDescent="0.4">
      <c r="A1791">
        <v>1444</v>
      </c>
      <c r="B1791">
        <v>0</v>
      </c>
      <c r="C1791">
        <v>371</v>
      </c>
      <c r="D1791" t="s">
        <v>88</v>
      </c>
      <c r="E1791" s="1">
        <v>44600.942361111112</v>
      </c>
    </row>
    <row r="1792" spans="1:5" x14ac:dyDescent="0.4">
      <c r="A1792">
        <v>1445</v>
      </c>
      <c r="B1792">
        <v>0</v>
      </c>
      <c r="C1792">
        <v>372</v>
      </c>
      <c r="D1792" t="s">
        <v>88</v>
      </c>
      <c r="E1792" s="1">
        <v>44600.942361111112</v>
      </c>
    </row>
    <row r="1793" spans="1:5" x14ac:dyDescent="0.4">
      <c r="A1793">
        <v>1446</v>
      </c>
      <c r="B1793">
        <v>0</v>
      </c>
      <c r="C1793">
        <v>373</v>
      </c>
      <c r="D1793" t="s">
        <v>88</v>
      </c>
      <c r="E1793" s="1">
        <v>44600.942361111112</v>
      </c>
    </row>
    <row r="1794" spans="1:5" x14ac:dyDescent="0.4">
      <c r="A1794">
        <v>1447</v>
      </c>
      <c r="B1794">
        <v>0</v>
      </c>
      <c r="C1794">
        <v>381</v>
      </c>
      <c r="D1794" t="s">
        <v>88</v>
      </c>
      <c r="E1794" s="1">
        <v>44600.942361111112</v>
      </c>
    </row>
    <row r="1795" spans="1:5" x14ac:dyDescent="0.4">
      <c r="A1795">
        <v>1448</v>
      </c>
      <c r="B1795">
        <v>0</v>
      </c>
      <c r="C1795">
        <v>382</v>
      </c>
      <c r="D1795" t="s">
        <v>88</v>
      </c>
      <c r="E1795" s="1">
        <v>44600.942361111112</v>
      </c>
    </row>
    <row r="1796" spans="1:5" x14ac:dyDescent="0.4">
      <c r="A1796">
        <v>1449</v>
      </c>
      <c r="B1796">
        <v>0</v>
      </c>
      <c r="C1796">
        <v>383</v>
      </c>
      <c r="D1796" t="s">
        <v>88</v>
      </c>
      <c r="E1796" s="1">
        <v>44600.942361111112</v>
      </c>
    </row>
    <row r="1797" spans="1:5" x14ac:dyDescent="0.4">
      <c r="A1797">
        <v>1450</v>
      </c>
      <c r="B1797">
        <v>0</v>
      </c>
      <c r="C1797">
        <v>384</v>
      </c>
      <c r="D1797" t="s">
        <v>88</v>
      </c>
      <c r="E1797" s="1">
        <v>44600.942361111112</v>
      </c>
    </row>
    <row r="1798" spans="1:5" x14ac:dyDescent="0.4">
      <c r="A1798">
        <v>1451</v>
      </c>
      <c r="B1798">
        <v>0</v>
      </c>
      <c r="C1798">
        <v>385</v>
      </c>
      <c r="D1798" t="s">
        <v>88</v>
      </c>
      <c r="E1798" s="1">
        <v>44600.942361111112</v>
      </c>
    </row>
    <row r="1799" spans="1:5" x14ac:dyDescent="0.4">
      <c r="A1799">
        <v>1452</v>
      </c>
      <c r="B1799">
        <v>0</v>
      </c>
      <c r="C1799">
        <v>386</v>
      </c>
      <c r="D1799" t="s">
        <v>88</v>
      </c>
      <c r="E1799" s="1">
        <v>44600.942361111112</v>
      </c>
    </row>
    <row r="1800" spans="1:5" x14ac:dyDescent="0.4">
      <c r="A1800">
        <v>1453</v>
      </c>
      <c r="B1800">
        <v>0</v>
      </c>
      <c r="C1800">
        <v>391</v>
      </c>
      <c r="D1800" t="s">
        <v>88</v>
      </c>
      <c r="E1800" s="1">
        <v>44600.942361111112</v>
      </c>
    </row>
    <row r="1801" spans="1:5" x14ac:dyDescent="0.4">
      <c r="A1801">
        <v>1454</v>
      </c>
      <c r="B1801">
        <v>0</v>
      </c>
      <c r="C1801">
        <v>392</v>
      </c>
      <c r="D1801" t="s">
        <v>88</v>
      </c>
      <c r="E1801" s="1">
        <v>44600.942361111112</v>
      </c>
    </row>
    <row r="1802" spans="1:5" x14ac:dyDescent="0.4">
      <c r="A1802">
        <v>1455</v>
      </c>
      <c r="B1802">
        <v>0</v>
      </c>
      <c r="C1802">
        <v>393</v>
      </c>
      <c r="D1802" t="s">
        <v>88</v>
      </c>
      <c r="E1802" s="1">
        <v>44600.942361111112</v>
      </c>
    </row>
    <row r="1803" spans="1:5" x14ac:dyDescent="0.4">
      <c r="A1803">
        <v>1456</v>
      </c>
      <c r="B1803">
        <v>0</v>
      </c>
      <c r="C1803">
        <v>395</v>
      </c>
      <c r="D1803" t="s">
        <v>88</v>
      </c>
      <c r="E1803" s="1">
        <v>44600.942361111112</v>
      </c>
    </row>
    <row r="1804" spans="1:5" x14ac:dyDescent="0.4">
      <c r="A1804">
        <v>1457</v>
      </c>
      <c r="B1804">
        <v>0</v>
      </c>
      <c r="C1804">
        <v>396</v>
      </c>
      <c r="D1804" t="s">
        <v>88</v>
      </c>
      <c r="E1804" s="1">
        <v>44600.942361111112</v>
      </c>
    </row>
    <row r="1805" spans="1:5" x14ac:dyDescent="0.4">
      <c r="A1805">
        <v>1458</v>
      </c>
      <c r="B1805">
        <v>0</v>
      </c>
      <c r="C1805">
        <v>401</v>
      </c>
      <c r="D1805" t="s">
        <v>88</v>
      </c>
      <c r="E1805" s="1">
        <v>44600.942361111112</v>
      </c>
    </row>
    <row r="1806" spans="1:5" x14ac:dyDescent="0.4">
      <c r="A1806">
        <v>1459</v>
      </c>
      <c r="B1806">
        <v>0</v>
      </c>
      <c r="C1806">
        <v>402</v>
      </c>
      <c r="D1806" t="s">
        <v>88</v>
      </c>
      <c r="E1806" s="1">
        <v>44600.942361111112</v>
      </c>
    </row>
    <row r="1807" spans="1:5" x14ac:dyDescent="0.4">
      <c r="A1807">
        <v>1460</v>
      </c>
      <c r="B1807">
        <v>0</v>
      </c>
      <c r="C1807">
        <v>403</v>
      </c>
      <c r="D1807" t="s">
        <v>88</v>
      </c>
      <c r="E1807" s="1">
        <v>44600.942361111112</v>
      </c>
    </row>
    <row r="1808" spans="1:5" x14ac:dyDescent="0.4">
      <c r="A1808">
        <v>1461</v>
      </c>
      <c r="B1808">
        <v>0</v>
      </c>
      <c r="C1808">
        <v>404</v>
      </c>
      <c r="D1808" t="s">
        <v>88</v>
      </c>
      <c r="E1808" s="1">
        <v>44600.942361111112</v>
      </c>
    </row>
    <row r="1809" spans="1:5" x14ac:dyDescent="0.4">
      <c r="A1809">
        <v>1462</v>
      </c>
      <c r="B1809">
        <v>0</v>
      </c>
      <c r="C1809">
        <v>405</v>
      </c>
      <c r="D1809" t="s">
        <v>88</v>
      </c>
      <c r="E1809" s="1">
        <v>44600.942361111112</v>
      </c>
    </row>
    <row r="1810" spans="1:5" x14ac:dyDescent="0.4">
      <c r="A1810">
        <v>1463</v>
      </c>
      <c r="B1810">
        <v>0</v>
      </c>
      <c r="C1810">
        <v>406</v>
      </c>
      <c r="D1810" t="s">
        <v>88</v>
      </c>
      <c r="E1810" s="1">
        <v>44600.942361111112</v>
      </c>
    </row>
    <row r="1811" spans="1:5" x14ac:dyDescent="0.4">
      <c r="A1811">
        <v>1464</v>
      </c>
      <c r="B1811">
        <v>0</v>
      </c>
      <c r="C1811">
        <v>411</v>
      </c>
      <c r="D1811" t="s">
        <v>88</v>
      </c>
      <c r="E1811" s="1">
        <v>44600.942361111112</v>
      </c>
    </row>
    <row r="1812" spans="1:5" x14ac:dyDescent="0.4">
      <c r="A1812">
        <v>1465</v>
      </c>
      <c r="B1812">
        <v>0</v>
      </c>
      <c r="C1812">
        <v>412</v>
      </c>
      <c r="D1812" t="s">
        <v>88</v>
      </c>
      <c r="E1812" s="1">
        <v>44600.942361111112</v>
      </c>
    </row>
    <row r="1813" spans="1:5" x14ac:dyDescent="0.4">
      <c r="A1813">
        <v>1466</v>
      </c>
      <c r="B1813">
        <v>0</v>
      </c>
      <c r="C1813">
        <v>413</v>
      </c>
      <c r="D1813" t="s">
        <v>88</v>
      </c>
      <c r="E1813" s="1">
        <v>44600.942361111112</v>
      </c>
    </row>
    <row r="1814" spans="1:5" x14ac:dyDescent="0.4">
      <c r="A1814">
        <v>1467</v>
      </c>
      <c r="B1814">
        <v>0</v>
      </c>
      <c r="C1814">
        <v>414</v>
      </c>
      <c r="D1814" t="s">
        <v>88</v>
      </c>
      <c r="E1814" s="1">
        <v>44600.942361111112</v>
      </c>
    </row>
    <row r="1815" spans="1:5" x14ac:dyDescent="0.4">
      <c r="A1815">
        <v>1468</v>
      </c>
      <c r="B1815">
        <v>0</v>
      </c>
      <c r="C1815">
        <v>421</v>
      </c>
      <c r="D1815" t="s">
        <v>88</v>
      </c>
      <c r="E1815" s="1">
        <v>44600.942361111112</v>
      </c>
    </row>
    <row r="1816" spans="1:5" x14ac:dyDescent="0.4">
      <c r="A1816">
        <v>1469</v>
      </c>
      <c r="B1816">
        <v>0</v>
      </c>
      <c r="C1816">
        <v>422</v>
      </c>
      <c r="D1816" t="s">
        <v>88</v>
      </c>
      <c r="E1816" s="1">
        <v>44600.942361111112</v>
      </c>
    </row>
    <row r="1817" spans="1:5" x14ac:dyDescent="0.4">
      <c r="A1817">
        <v>1470</v>
      </c>
      <c r="B1817">
        <v>0</v>
      </c>
      <c r="C1817">
        <v>431</v>
      </c>
      <c r="D1817" t="s">
        <v>88</v>
      </c>
      <c r="E1817" s="1">
        <v>44600.942361111112</v>
      </c>
    </row>
    <row r="1818" spans="1:5" x14ac:dyDescent="0.4">
      <c r="A1818">
        <v>1471</v>
      </c>
      <c r="B1818">
        <v>0</v>
      </c>
      <c r="C1818">
        <v>432</v>
      </c>
      <c r="D1818" t="s">
        <v>88</v>
      </c>
      <c r="E1818" s="1">
        <v>44600.942361111112</v>
      </c>
    </row>
    <row r="1819" spans="1:5" x14ac:dyDescent="0.4">
      <c r="A1819">
        <v>1472</v>
      </c>
      <c r="B1819">
        <v>0</v>
      </c>
      <c r="C1819">
        <v>433</v>
      </c>
      <c r="D1819" t="s">
        <v>88</v>
      </c>
      <c r="E1819" s="1">
        <v>44600.942361111112</v>
      </c>
    </row>
    <row r="1820" spans="1:5" x14ac:dyDescent="0.4">
      <c r="A1820">
        <v>1473</v>
      </c>
      <c r="B1820">
        <v>1</v>
      </c>
      <c r="C1820">
        <v>1</v>
      </c>
      <c r="D1820" t="s">
        <v>88</v>
      </c>
      <c r="E1820" s="1">
        <v>44600.954861111109</v>
      </c>
    </row>
    <row r="1821" spans="1:5" x14ac:dyDescent="0.4">
      <c r="A1821">
        <v>1474</v>
      </c>
      <c r="B1821">
        <v>0</v>
      </c>
      <c r="C1821">
        <v>2</v>
      </c>
      <c r="D1821" t="s">
        <v>88</v>
      </c>
      <c r="E1821" s="1">
        <v>44600.954861111109</v>
      </c>
    </row>
    <row r="1822" spans="1:5" x14ac:dyDescent="0.4">
      <c r="A1822">
        <v>1475</v>
      </c>
      <c r="B1822">
        <v>0</v>
      </c>
      <c r="C1822">
        <v>3</v>
      </c>
      <c r="D1822" t="s">
        <v>88</v>
      </c>
      <c r="E1822" s="1">
        <v>44600.954861111109</v>
      </c>
    </row>
    <row r="1823" spans="1:5" x14ac:dyDescent="0.4">
      <c r="A1823">
        <v>1476</v>
      </c>
      <c r="B1823">
        <v>0</v>
      </c>
      <c r="C1823">
        <v>4</v>
      </c>
      <c r="D1823" t="s">
        <v>88</v>
      </c>
      <c r="E1823" s="1">
        <v>44600.954861111109</v>
      </c>
    </row>
    <row r="1824" spans="1:5" x14ac:dyDescent="0.4">
      <c r="A1824">
        <v>1477</v>
      </c>
      <c r="B1824">
        <v>0</v>
      </c>
      <c r="C1824">
        <v>5</v>
      </c>
      <c r="D1824" t="s">
        <v>88</v>
      </c>
      <c r="E1824" s="1">
        <v>44600.954861111109</v>
      </c>
    </row>
    <row r="1825" spans="1:5" x14ac:dyDescent="0.4">
      <c r="A1825">
        <v>1478</v>
      </c>
      <c r="B1825">
        <v>0</v>
      </c>
      <c r="C1825">
        <v>11</v>
      </c>
      <c r="D1825" t="s">
        <v>88</v>
      </c>
      <c r="E1825" s="1">
        <v>44600.954861111109</v>
      </c>
    </row>
    <row r="1826" spans="1:5" x14ac:dyDescent="0.4">
      <c r="A1826">
        <v>1479</v>
      </c>
      <c r="B1826">
        <v>0</v>
      </c>
      <c r="C1826">
        <v>12</v>
      </c>
      <c r="D1826" t="s">
        <v>88</v>
      </c>
      <c r="E1826" s="1">
        <v>44600.954861111109</v>
      </c>
    </row>
    <row r="1827" spans="1:5" x14ac:dyDescent="0.4">
      <c r="A1827">
        <v>1480</v>
      </c>
      <c r="B1827">
        <v>0</v>
      </c>
      <c r="C1827">
        <v>15</v>
      </c>
      <c r="D1827" t="s">
        <v>88</v>
      </c>
      <c r="E1827" s="1">
        <v>44600.954861111109</v>
      </c>
    </row>
    <row r="1828" spans="1:5" x14ac:dyDescent="0.4">
      <c r="A1828">
        <v>1481</v>
      </c>
      <c r="B1828">
        <v>0</v>
      </c>
      <c r="C1828">
        <v>16</v>
      </c>
      <c r="D1828" t="s">
        <v>88</v>
      </c>
      <c r="E1828" s="1">
        <v>44600.954861111109</v>
      </c>
    </row>
    <row r="1829" spans="1:5" x14ac:dyDescent="0.4">
      <c r="A1829">
        <v>1482</v>
      </c>
      <c r="B1829">
        <v>0</v>
      </c>
      <c r="C1829">
        <v>17</v>
      </c>
      <c r="D1829" t="s">
        <v>88</v>
      </c>
      <c r="E1829" s="1">
        <v>44600.954861111109</v>
      </c>
    </row>
    <row r="1830" spans="1:5" x14ac:dyDescent="0.4">
      <c r="A1830">
        <v>1483</v>
      </c>
      <c r="B1830">
        <v>0</v>
      </c>
      <c r="C1830">
        <v>21</v>
      </c>
      <c r="D1830" t="s">
        <v>88</v>
      </c>
      <c r="E1830" s="1">
        <v>44600.954861111109</v>
      </c>
    </row>
    <row r="1831" spans="1:5" x14ac:dyDescent="0.4">
      <c r="A1831">
        <v>1484</v>
      </c>
      <c r="B1831">
        <v>0</v>
      </c>
      <c r="C1831">
        <v>22</v>
      </c>
      <c r="D1831" t="s">
        <v>88</v>
      </c>
      <c r="E1831" s="1">
        <v>44600.954861111109</v>
      </c>
    </row>
    <row r="1832" spans="1:5" x14ac:dyDescent="0.4">
      <c r="A1832">
        <v>1485</v>
      </c>
      <c r="B1832">
        <v>0</v>
      </c>
      <c r="C1832">
        <v>23</v>
      </c>
      <c r="D1832" t="s">
        <v>88</v>
      </c>
      <c r="E1832" s="1">
        <v>44600.954861111109</v>
      </c>
    </row>
    <row r="1833" spans="1:5" x14ac:dyDescent="0.4">
      <c r="A1833">
        <v>1486</v>
      </c>
      <c r="B1833">
        <v>0</v>
      </c>
      <c r="C1833">
        <v>24</v>
      </c>
      <c r="D1833" t="s">
        <v>88</v>
      </c>
      <c r="E1833" s="1">
        <v>44600.954861111109</v>
      </c>
    </row>
    <row r="1834" spans="1:5" x14ac:dyDescent="0.4">
      <c r="A1834">
        <v>1487</v>
      </c>
      <c r="B1834">
        <v>0</v>
      </c>
      <c r="C1834">
        <v>25</v>
      </c>
      <c r="D1834" t="s">
        <v>88</v>
      </c>
      <c r="E1834" s="1">
        <v>44600.954861111109</v>
      </c>
    </row>
    <row r="1835" spans="1:5" x14ac:dyDescent="0.4">
      <c r="A1835">
        <v>1488</v>
      </c>
      <c r="B1835">
        <v>0</v>
      </c>
      <c r="C1835">
        <v>26</v>
      </c>
      <c r="D1835" t="s">
        <v>88</v>
      </c>
      <c r="E1835" s="1">
        <v>44600.954861111109</v>
      </c>
    </row>
    <row r="1836" spans="1:5" x14ac:dyDescent="0.4">
      <c r="A1836">
        <v>1489</v>
      </c>
      <c r="B1836">
        <v>0</v>
      </c>
      <c r="C1836">
        <v>27</v>
      </c>
      <c r="D1836" t="s">
        <v>88</v>
      </c>
      <c r="E1836" s="1">
        <v>44600.954861111109</v>
      </c>
    </row>
    <row r="1837" spans="1:5" x14ac:dyDescent="0.4">
      <c r="A1837">
        <v>1490</v>
      </c>
      <c r="B1837">
        <v>0</v>
      </c>
      <c r="C1837">
        <v>28</v>
      </c>
      <c r="D1837" t="s">
        <v>88</v>
      </c>
      <c r="E1837" s="1">
        <v>44600.954861111109</v>
      </c>
    </row>
    <row r="1838" spans="1:5" x14ac:dyDescent="0.4">
      <c r="A1838">
        <v>1491</v>
      </c>
      <c r="B1838">
        <v>0</v>
      </c>
      <c r="C1838">
        <v>29</v>
      </c>
      <c r="D1838" t="s">
        <v>88</v>
      </c>
      <c r="E1838" s="1">
        <v>44600.954861111109</v>
      </c>
    </row>
    <row r="1839" spans="1:5" x14ac:dyDescent="0.4">
      <c r="A1839">
        <v>1492</v>
      </c>
      <c r="B1839">
        <v>0</v>
      </c>
      <c r="C1839">
        <v>30</v>
      </c>
      <c r="D1839" t="s">
        <v>88</v>
      </c>
      <c r="E1839" s="1">
        <v>44600.954861111109</v>
      </c>
    </row>
    <row r="1840" spans="1:5" x14ac:dyDescent="0.4">
      <c r="A1840">
        <v>1493</v>
      </c>
      <c r="B1840">
        <v>0</v>
      </c>
      <c r="C1840">
        <v>31</v>
      </c>
      <c r="D1840" t="s">
        <v>88</v>
      </c>
      <c r="E1840" s="1">
        <v>44600.954861111109</v>
      </c>
    </row>
    <row r="1841" spans="1:5" x14ac:dyDescent="0.4">
      <c r="A1841">
        <v>1494</v>
      </c>
      <c r="B1841">
        <v>0</v>
      </c>
      <c r="C1841">
        <v>32</v>
      </c>
      <c r="D1841" t="s">
        <v>88</v>
      </c>
      <c r="E1841" s="1">
        <v>44600.954861111109</v>
      </c>
    </row>
    <row r="1842" spans="1:5" x14ac:dyDescent="0.4">
      <c r="A1842">
        <v>1495</v>
      </c>
      <c r="B1842">
        <v>0</v>
      </c>
      <c r="C1842">
        <v>33</v>
      </c>
      <c r="D1842" t="s">
        <v>88</v>
      </c>
      <c r="E1842" s="1">
        <v>44600.954861111109</v>
      </c>
    </row>
    <row r="1843" spans="1:5" x14ac:dyDescent="0.4">
      <c r="A1843">
        <v>1496</v>
      </c>
      <c r="B1843">
        <v>0</v>
      </c>
      <c r="C1843">
        <v>41</v>
      </c>
      <c r="D1843" t="s">
        <v>88</v>
      </c>
      <c r="E1843" s="1">
        <v>44600.954861111109</v>
      </c>
    </row>
    <row r="1844" spans="1:5" x14ac:dyDescent="0.4">
      <c r="A1844">
        <v>1497</v>
      </c>
      <c r="B1844">
        <v>0</v>
      </c>
      <c r="C1844">
        <v>42</v>
      </c>
      <c r="D1844" t="s">
        <v>88</v>
      </c>
      <c r="E1844" s="1">
        <v>44600.954861111109</v>
      </c>
    </row>
    <row r="1845" spans="1:5" x14ac:dyDescent="0.4">
      <c r="A1845">
        <v>1498</v>
      </c>
      <c r="B1845">
        <v>0</v>
      </c>
      <c r="C1845">
        <v>43</v>
      </c>
      <c r="D1845" t="s">
        <v>88</v>
      </c>
      <c r="E1845" s="1">
        <v>44600.954861111109</v>
      </c>
    </row>
    <row r="1846" spans="1:5" x14ac:dyDescent="0.4">
      <c r="A1846">
        <v>1499</v>
      </c>
      <c r="B1846">
        <v>0</v>
      </c>
      <c r="C1846">
        <v>44</v>
      </c>
      <c r="D1846" t="s">
        <v>88</v>
      </c>
      <c r="E1846" s="1">
        <v>44600.954861111109</v>
      </c>
    </row>
    <row r="1847" spans="1:5" x14ac:dyDescent="0.4">
      <c r="A1847">
        <v>1500</v>
      </c>
      <c r="B1847">
        <v>0</v>
      </c>
      <c r="C1847">
        <v>45</v>
      </c>
      <c r="D1847" t="s">
        <v>88</v>
      </c>
      <c r="E1847" s="1">
        <v>44600.954861111109</v>
      </c>
    </row>
    <row r="1848" spans="1:5" x14ac:dyDescent="0.4">
      <c r="A1848">
        <v>1501</v>
      </c>
      <c r="B1848">
        <v>0</v>
      </c>
      <c r="C1848">
        <v>46</v>
      </c>
      <c r="D1848" t="s">
        <v>88</v>
      </c>
      <c r="E1848" s="1">
        <v>44600.954861111109</v>
      </c>
    </row>
    <row r="1849" spans="1:5" x14ac:dyDescent="0.4">
      <c r="A1849">
        <v>1502</v>
      </c>
      <c r="B1849">
        <v>0</v>
      </c>
      <c r="C1849">
        <v>47</v>
      </c>
      <c r="D1849" t="s">
        <v>88</v>
      </c>
      <c r="E1849" s="1">
        <v>44600.954861111109</v>
      </c>
    </row>
    <row r="1850" spans="1:5" x14ac:dyDescent="0.4">
      <c r="A1850">
        <v>1503</v>
      </c>
      <c r="B1850">
        <v>0</v>
      </c>
      <c r="C1850">
        <v>48</v>
      </c>
      <c r="D1850" t="s">
        <v>88</v>
      </c>
      <c r="E1850" s="1">
        <v>44600.954861111109</v>
      </c>
    </row>
    <row r="1851" spans="1:5" x14ac:dyDescent="0.4">
      <c r="A1851">
        <v>1504</v>
      </c>
      <c r="B1851">
        <v>0</v>
      </c>
      <c r="C1851">
        <v>49</v>
      </c>
      <c r="D1851" t="s">
        <v>88</v>
      </c>
      <c r="E1851" s="1">
        <v>44600.954861111109</v>
      </c>
    </row>
    <row r="1852" spans="1:5" x14ac:dyDescent="0.4">
      <c r="A1852">
        <v>1505</v>
      </c>
      <c r="B1852">
        <v>0</v>
      </c>
      <c r="C1852">
        <v>50</v>
      </c>
      <c r="D1852" t="s">
        <v>88</v>
      </c>
      <c r="E1852" s="1">
        <v>44600.954861111109</v>
      </c>
    </row>
    <row r="1853" spans="1:5" x14ac:dyDescent="0.4">
      <c r="A1853">
        <v>1506</v>
      </c>
      <c r="B1853">
        <v>0</v>
      </c>
      <c r="C1853">
        <v>51</v>
      </c>
      <c r="D1853" t="s">
        <v>88</v>
      </c>
      <c r="E1853" s="1">
        <v>44600.954861111109</v>
      </c>
    </row>
    <row r="1854" spans="1:5" x14ac:dyDescent="0.4">
      <c r="A1854">
        <v>1507</v>
      </c>
      <c r="B1854">
        <v>0</v>
      </c>
      <c r="C1854">
        <v>52</v>
      </c>
      <c r="D1854" t="s">
        <v>88</v>
      </c>
      <c r="E1854" s="1">
        <v>44600.954861111109</v>
      </c>
    </row>
    <row r="1855" spans="1:5" x14ac:dyDescent="0.4">
      <c r="A1855">
        <v>1508</v>
      </c>
      <c r="B1855">
        <v>0</v>
      </c>
      <c r="C1855">
        <v>53</v>
      </c>
      <c r="D1855" t="s">
        <v>88</v>
      </c>
      <c r="E1855" s="1">
        <v>44600.954861111109</v>
      </c>
    </row>
    <row r="1856" spans="1:5" x14ac:dyDescent="0.4">
      <c r="A1856">
        <v>1509</v>
      </c>
      <c r="B1856">
        <v>0</v>
      </c>
      <c r="C1856">
        <v>54</v>
      </c>
      <c r="D1856" t="s">
        <v>88</v>
      </c>
      <c r="E1856" s="1">
        <v>44600.954861111109</v>
      </c>
    </row>
    <row r="1857" spans="1:5" x14ac:dyDescent="0.4">
      <c r="A1857">
        <v>1510</v>
      </c>
      <c r="B1857">
        <v>0</v>
      </c>
      <c r="C1857">
        <v>55</v>
      </c>
      <c r="D1857" t="s">
        <v>88</v>
      </c>
      <c r="E1857" s="1">
        <v>44600.954861111109</v>
      </c>
    </row>
    <row r="1858" spans="1:5" x14ac:dyDescent="0.4">
      <c r="A1858">
        <v>1511</v>
      </c>
      <c r="B1858">
        <v>0</v>
      </c>
      <c r="C1858">
        <v>61</v>
      </c>
      <c r="D1858" t="s">
        <v>88</v>
      </c>
      <c r="E1858" s="1">
        <v>44600.954861111109</v>
      </c>
    </row>
    <row r="1859" spans="1:5" x14ac:dyDescent="0.4">
      <c r="A1859">
        <v>1512</v>
      </c>
      <c r="B1859">
        <v>0</v>
      </c>
      <c r="C1859">
        <v>62</v>
      </c>
      <c r="D1859" t="s">
        <v>88</v>
      </c>
      <c r="E1859" s="1">
        <v>44600.954861111109</v>
      </c>
    </row>
    <row r="1860" spans="1:5" x14ac:dyDescent="0.4">
      <c r="A1860">
        <v>1513</v>
      </c>
      <c r="B1860">
        <v>0</v>
      </c>
      <c r="C1860">
        <v>63</v>
      </c>
      <c r="D1860" t="s">
        <v>88</v>
      </c>
      <c r="E1860" s="1">
        <v>44600.954861111109</v>
      </c>
    </row>
    <row r="1861" spans="1:5" x14ac:dyDescent="0.4">
      <c r="A1861">
        <v>1514</v>
      </c>
      <c r="B1861">
        <v>0</v>
      </c>
      <c r="C1861">
        <v>64</v>
      </c>
      <c r="D1861" t="s">
        <v>88</v>
      </c>
      <c r="E1861" s="1">
        <v>44600.954861111109</v>
      </c>
    </row>
    <row r="1862" spans="1:5" x14ac:dyDescent="0.4">
      <c r="A1862">
        <v>1515</v>
      </c>
      <c r="B1862">
        <v>0</v>
      </c>
      <c r="C1862">
        <v>65</v>
      </c>
      <c r="D1862" t="s">
        <v>88</v>
      </c>
      <c r="E1862" s="1">
        <v>44600.954861111109</v>
      </c>
    </row>
    <row r="1863" spans="1:5" x14ac:dyDescent="0.4">
      <c r="A1863">
        <v>1516</v>
      </c>
      <c r="B1863">
        <v>0</v>
      </c>
      <c r="C1863">
        <v>66</v>
      </c>
      <c r="D1863" t="s">
        <v>88</v>
      </c>
      <c r="E1863" s="1">
        <v>44600.954861111109</v>
      </c>
    </row>
    <row r="1864" spans="1:5" x14ac:dyDescent="0.4">
      <c r="A1864">
        <v>1517</v>
      </c>
      <c r="B1864">
        <v>0</v>
      </c>
      <c r="C1864">
        <v>67</v>
      </c>
      <c r="D1864" t="s">
        <v>88</v>
      </c>
      <c r="E1864" s="1">
        <v>44600.954861111109</v>
      </c>
    </row>
    <row r="1865" spans="1:5" x14ac:dyDescent="0.4">
      <c r="A1865">
        <v>1518</v>
      </c>
      <c r="B1865">
        <v>0</v>
      </c>
      <c r="C1865">
        <v>68</v>
      </c>
      <c r="D1865" t="s">
        <v>88</v>
      </c>
      <c r="E1865" s="1">
        <v>44600.954861111109</v>
      </c>
    </row>
    <row r="1866" spans="1:5" x14ac:dyDescent="0.4">
      <c r="A1866">
        <v>1519</v>
      </c>
      <c r="B1866">
        <v>0</v>
      </c>
      <c r="C1866">
        <v>69</v>
      </c>
      <c r="D1866" t="s">
        <v>88</v>
      </c>
      <c r="E1866" s="1">
        <v>44600.954861111109</v>
      </c>
    </row>
    <row r="1867" spans="1:5" x14ac:dyDescent="0.4">
      <c r="A1867">
        <v>1520</v>
      </c>
      <c r="B1867">
        <v>0</v>
      </c>
      <c r="C1867">
        <v>70</v>
      </c>
      <c r="D1867" t="s">
        <v>88</v>
      </c>
      <c r="E1867" s="1">
        <v>44600.954861111109</v>
      </c>
    </row>
    <row r="1868" spans="1:5" x14ac:dyDescent="0.4">
      <c r="A1868">
        <v>1521</v>
      </c>
      <c r="B1868">
        <v>0</v>
      </c>
      <c r="C1868">
        <v>71</v>
      </c>
      <c r="D1868" t="s">
        <v>88</v>
      </c>
      <c r="E1868" s="1">
        <v>44600.954861111109</v>
      </c>
    </row>
    <row r="1869" spans="1:5" x14ac:dyDescent="0.4">
      <c r="A1869">
        <v>1522</v>
      </c>
      <c r="B1869">
        <v>0</v>
      </c>
      <c r="C1869">
        <v>72</v>
      </c>
      <c r="D1869" t="s">
        <v>88</v>
      </c>
      <c r="E1869" s="1">
        <v>44600.954861111109</v>
      </c>
    </row>
    <row r="1870" spans="1:5" x14ac:dyDescent="0.4">
      <c r="A1870">
        <v>1523</v>
      </c>
      <c r="B1870">
        <v>0</v>
      </c>
      <c r="C1870">
        <v>73</v>
      </c>
      <c r="D1870" t="s">
        <v>88</v>
      </c>
      <c r="E1870" s="1">
        <v>44600.954861111109</v>
      </c>
    </row>
    <row r="1871" spans="1:5" x14ac:dyDescent="0.4">
      <c r="A1871">
        <v>1524</v>
      </c>
      <c r="B1871">
        <v>0</v>
      </c>
      <c r="C1871">
        <v>74</v>
      </c>
      <c r="D1871" t="s">
        <v>88</v>
      </c>
      <c r="E1871" s="1">
        <v>44600.954861111109</v>
      </c>
    </row>
    <row r="1872" spans="1:5" x14ac:dyDescent="0.4">
      <c r="A1872">
        <v>1525</v>
      </c>
      <c r="B1872">
        <v>0</v>
      </c>
      <c r="C1872">
        <v>75</v>
      </c>
      <c r="D1872" t="s">
        <v>88</v>
      </c>
      <c r="E1872" s="1">
        <v>44600.954861111109</v>
      </c>
    </row>
    <row r="1873" spans="1:5" x14ac:dyDescent="0.4">
      <c r="A1873">
        <v>1526</v>
      </c>
      <c r="B1873">
        <v>0</v>
      </c>
      <c r="C1873">
        <v>76</v>
      </c>
      <c r="D1873" t="s">
        <v>88</v>
      </c>
      <c r="E1873" s="1">
        <v>44600.954861111109</v>
      </c>
    </row>
    <row r="1874" spans="1:5" x14ac:dyDescent="0.4">
      <c r="A1874">
        <v>1527</v>
      </c>
      <c r="B1874">
        <v>0</v>
      </c>
      <c r="C1874">
        <v>77</v>
      </c>
      <c r="D1874" t="s">
        <v>88</v>
      </c>
      <c r="E1874" s="1">
        <v>44600.954861111109</v>
      </c>
    </row>
    <row r="1875" spans="1:5" x14ac:dyDescent="0.4">
      <c r="A1875">
        <v>1528</v>
      </c>
      <c r="B1875">
        <v>0</v>
      </c>
      <c r="C1875">
        <v>78</v>
      </c>
      <c r="D1875" t="s">
        <v>88</v>
      </c>
      <c r="E1875" s="1">
        <v>44600.954861111109</v>
      </c>
    </row>
    <row r="1876" spans="1:5" x14ac:dyDescent="0.4">
      <c r="A1876">
        <v>1529</v>
      </c>
      <c r="B1876">
        <v>0</v>
      </c>
      <c r="C1876">
        <v>79</v>
      </c>
      <c r="D1876" t="s">
        <v>88</v>
      </c>
      <c r="E1876" s="1">
        <v>44600.954861111109</v>
      </c>
    </row>
    <row r="1877" spans="1:5" x14ac:dyDescent="0.4">
      <c r="A1877">
        <v>1530</v>
      </c>
      <c r="B1877">
        <v>0</v>
      </c>
      <c r="C1877">
        <v>91</v>
      </c>
      <c r="D1877" t="s">
        <v>88</v>
      </c>
      <c r="E1877" s="1">
        <v>44600.954861111109</v>
      </c>
    </row>
    <row r="1878" spans="1:5" x14ac:dyDescent="0.4">
      <c r="A1878">
        <v>1531</v>
      </c>
      <c r="B1878">
        <v>0</v>
      </c>
      <c r="C1878">
        <v>92</v>
      </c>
      <c r="D1878" t="s">
        <v>88</v>
      </c>
      <c r="E1878" s="1">
        <v>44600.954861111109</v>
      </c>
    </row>
    <row r="1879" spans="1:5" x14ac:dyDescent="0.4">
      <c r="A1879">
        <v>1532</v>
      </c>
      <c r="B1879">
        <v>0</v>
      </c>
      <c r="C1879">
        <v>93</v>
      </c>
      <c r="D1879" t="s">
        <v>88</v>
      </c>
      <c r="E1879" s="1">
        <v>44600.954861111109</v>
      </c>
    </row>
    <row r="1880" spans="1:5" x14ac:dyDescent="0.4">
      <c r="A1880">
        <v>1533</v>
      </c>
      <c r="B1880">
        <v>0</v>
      </c>
      <c r="C1880">
        <v>94</v>
      </c>
      <c r="D1880" t="s">
        <v>88</v>
      </c>
      <c r="E1880" s="1">
        <v>44600.954861111109</v>
      </c>
    </row>
    <row r="1881" spans="1:5" x14ac:dyDescent="0.4">
      <c r="A1881">
        <v>1534</v>
      </c>
      <c r="B1881">
        <v>0</v>
      </c>
      <c r="C1881">
        <v>95</v>
      </c>
      <c r="D1881" t="s">
        <v>88</v>
      </c>
      <c r="E1881" s="1">
        <v>44600.954861111109</v>
      </c>
    </row>
    <row r="1882" spans="1:5" x14ac:dyDescent="0.4">
      <c r="A1882">
        <v>1535</v>
      </c>
      <c r="B1882">
        <v>0</v>
      </c>
      <c r="C1882">
        <v>96</v>
      </c>
      <c r="D1882" t="s">
        <v>88</v>
      </c>
      <c r="E1882" s="1">
        <v>44600.954861111109</v>
      </c>
    </row>
    <row r="1883" spans="1:5" x14ac:dyDescent="0.4">
      <c r="A1883">
        <v>1536</v>
      </c>
      <c r="B1883">
        <v>0</v>
      </c>
      <c r="C1883">
        <v>97</v>
      </c>
      <c r="D1883" t="s">
        <v>88</v>
      </c>
      <c r="E1883" s="1">
        <v>44600.954861111109</v>
      </c>
    </row>
    <row r="1884" spans="1:5" x14ac:dyDescent="0.4">
      <c r="A1884">
        <v>1537</v>
      </c>
      <c r="B1884">
        <v>0</v>
      </c>
      <c r="C1884">
        <v>98</v>
      </c>
      <c r="D1884" t="s">
        <v>88</v>
      </c>
      <c r="E1884" s="1">
        <v>44600.954861111109</v>
      </c>
    </row>
    <row r="1885" spans="1:5" x14ac:dyDescent="0.4">
      <c r="A1885">
        <v>1538</v>
      </c>
      <c r="B1885">
        <v>0</v>
      </c>
      <c r="C1885">
        <v>99</v>
      </c>
      <c r="D1885" t="s">
        <v>88</v>
      </c>
      <c r="E1885" s="1">
        <v>44600.954861111109</v>
      </c>
    </row>
    <row r="1886" spans="1:5" x14ac:dyDescent="0.4">
      <c r="A1886">
        <v>1539</v>
      </c>
      <c r="B1886">
        <v>0</v>
      </c>
      <c r="C1886">
        <v>100</v>
      </c>
      <c r="D1886" t="s">
        <v>88</v>
      </c>
      <c r="E1886" s="1">
        <v>44600.954861111109</v>
      </c>
    </row>
    <row r="1887" spans="1:5" x14ac:dyDescent="0.4">
      <c r="A1887">
        <v>1540</v>
      </c>
      <c r="B1887">
        <v>0</v>
      </c>
      <c r="C1887">
        <v>101</v>
      </c>
      <c r="D1887" t="s">
        <v>88</v>
      </c>
      <c r="E1887" s="1">
        <v>44600.954861111109</v>
      </c>
    </row>
    <row r="1888" spans="1:5" x14ac:dyDescent="0.4">
      <c r="A1888">
        <v>1541</v>
      </c>
      <c r="B1888">
        <v>0</v>
      </c>
      <c r="C1888">
        <v>102</v>
      </c>
      <c r="D1888" t="s">
        <v>88</v>
      </c>
      <c r="E1888" s="1">
        <v>44600.954861111109</v>
      </c>
    </row>
    <row r="1889" spans="1:5" x14ac:dyDescent="0.4">
      <c r="A1889">
        <v>1542</v>
      </c>
      <c r="B1889">
        <v>0</v>
      </c>
      <c r="C1889">
        <v>103</v>
      </c>
      <c r="D1889" t="s">
        <v>88</v>
      </c>
      <c r="E1889" s="1">
        <v>44600.954861111109</v>
      </c>
    </row>
    <row r="1890" spans="1:5" x14ac:dyDescent="0.4">
      <c r="A1890">
        <v>1543</v>
      </c>
      <c r="B1890">
        <v>0</v>
      </c>
      <c r="C1890">
        <v>104</v>
      </c>
      <c r="D1890" t="s">
        <v>88</v>
      </c>
      <c r="E1890" s="1">
        <v>44600.954861111109</v>
      </c>
    </row>
    <row r="1891" spans="1:5" x14ac:dyDescent="0.4">
      <c r="A1891">
        <v>1544</v>
      </c>
      <c r="B1891">
        <v>0</v>
      </c>
      <c r="C1891">
        <v>105</v>
      </c>
      <c r="D1891" t="s">
        <v>88</v>
      </c>
      <c r="E1891" s="1">
        <v>44600.954861111109</v>
      </c>
    </row>
    <row r="1892" spans="1:5" x14ac:dyDescent="0.4">
      <c r="A1892">
        <v>1545</v>
      </c>
      <c r="B1892">
        <v>0</v>
      </c>
      <c r="C1892">
        <v>106</v>
      </c>
      <c r="D1892" t="s">
        <v>88</v>
      </c>
      <c r="E1892" s="1">
        <v>44600.954861111109</v>
      </c>
    </row>
    <row r="1893" spans="1:5" x14ac:dyDescent="0.4">
      <c r="A1893">
        <v>1546</v>
      </c>
      <c r="B1893">
        <v>0</v>
      </c>
      <c r="C1893">
        <v>107</v>
      </c>
      <c r="D1893" t="s">
        <v>88</v>
      </c>
      <c r="E1893" s="1">
        <v>44600.954861111109</v>
      </c>
    </row>
    <row r="1894" spans="1:5" x14ac:dyDescent="0.4">
      <c r="A1894">
        <v>1547</v>
      </c>
      <c r="B1894">
        <v>0</v>
      </c>
      <c r="C1894">
        <v>108</v>
      </c>
      <c r="D1894" t="s">
        <v>88</v>
      </c>
      <c r="E1894" s="1">
        <v>44600.954861111109</v>
      </c>
    </row>
    <row r="1895" spans="1:5" x14ac:dyDescent="0.4">
      <c r="A1895">
        <v>1548</v>
      </c>
      <c r="B1895">
        <v>0</v>
      </c>
      <c r="C1895">
        <v>109</v>
      </c>
      <c r="D1895" t="s">
        <v>88</v>
      </c>
      <c r="E1895" s="1">
        <v>44600.954861111109</v>
      </c>
    </row>
    <row r="1896" spans="1:5" x14ac:dyDescent="0.4">
      <c r="A1896">
        <v>1549</v>
      </c>
      <c r="B1896">
        <v>0</v>
      </c>
      <c r="C1896">
        <v>110</v>
      </c>
      <c r="D1896" t="s">
        <v>88</v>
      </c>
      <c r="E1896" s="1">
        <v>44600.954861111109</v>
      </c>
    </row>
    <row r="1897" spans="1:5" x14ac:dyDescent="0.4">
      <c r="A1897">
        <v>1550</v>
      </c>
      <c r="B1897">
        <v>0</v>
      </c>
      <c r="C1897">
        <v>111</v>
      </c>
      <c r="D1897" t="s">
        <v>88</v>
      </c>
      <c r="E1897" s="1">
        <v>44600.954861111109</v>
      </c>
    </row>
    <row r="1898" spans="1:5" x14ac:dyDescent="0.4">
      <c r="A1898">
        <v>1551</v>
      </c>
      <c r="B1898">
        <v>0</v>
      </c>
      <c r="C1898">
        <v>112</v>
      </c>
      <c r="D1898" t="s">
        <v>88</v>
      </c>
      <c r="E1898" s="1">
        <v>44600.954861111109</v>
      </c>
    </row>
    <row r="1899" spans="1:5" x14ac:dyDescent="0.4">
      <c r="A1899">
        <v>1552</v>
      </c>
      <c r="B1899">
        <v>0</v>
      </c>
      <c r="C1899">
        <v>113</v>
      </c>
      <c r="D1899" t="s">
        <v>88</v>
      </c>
      <c r="E1899" s="1">
        <v>44600.954861111109</v>
      </c>
    </row>
    <row r="1900" spans="1:5" x14ac:dyDescent="0.4">
      <c r="A1900">
        <v>1553</v>
      </c>
      <c r="B1900">
        <v>0</v>
      </c>
      <c r="C1900">
        <v>114</v>
      </c>
      <c r="D1900" t="s">
        <v>88</v>
      </c>
      <c r="E1900" s="1">
        <v>44600.954861111109</v>
      </c>
    </row>
    <row r="1901" spans="1:5" x14ac:dyDescent="0.4">
      <c r="A1901">
        <v>1554</v>
      </c>
      <c r="B1901">
        <v>0</v>
      </c>
      <c r="C1901">
        <v>115</v>
      </c>
      <c r="D1901" t="s">
        <v>88</v>
      </c>
      <c r="E1901" s="1">
        <v>44600.954861111109</v>
      </c>
    </row>
    <row r="1902" spans="1:5" x14ac:dyDescent="0.4">
      <c r="A1902">
        <v>1555</v>
      </c>
      <c r="B1902">
        <v>0</v>
      </c>
      <c r="C1902">
        <v>116</v>
      </c>
      <c r="D1902" t="s">
        <v>88</v>
      </c>
      <c r="E1902" s="1">
        <v>44600.954861111109</v>
      </c>
    </row>
    <row r="1903" spans="1:5" x14ac:dyDescent="0.4">
      <c r="A1903">
        <v>1556</v>
      </c>
      <c r="B1903">
        <v>0</v>
      </c>
      <c r="C1903">
        <v>121</v>
      </c>
      <c r="D1903" t="s">
        <v>88</v>
      </c>
      <c r="E1903" s="1">
        <v>44600.954861111109</v>
      </c>
    </row>
    <row r="1904" spans="1:5" x14ac:dyDescent="0.4">
      <c r="A1904">
        <v>1557</v>
      </c>
      <c r="B1904">
        <v>0</v>
      </c>
      <c r="C1904">
        <v>122</v>
      </c>
      <c r="D1904" t="s">
        <v>88</v>
      </c>
      <c r="E1904" s="1">
        <v>44600.954861111109</v>
      </c>
    </row>
    <row r="1905" spans="1:5" x14ac:dyDescent="0.4">
      <c r="A1905">
        <v>1558</v>
      </c>
      <c r="B1905">
        <v>0</v>
      </c>
      <c r="C1905">
        <v>123</v>
      </c>
      <c r="D1905" t="s">
        <v>88</v>
      </c>
      <c r="E1905" s="1">
        <v>44600.954861111109</v>
      </c>
    </row>
    <row r="1906" spans="1:5" x14ac:dyDescent="0.4">
      <c r="A1906">
        <v>1559</v>
      </c>
      <c r="B1906">
        <v>0</v>
      </c>
      <c r="C1906">
        <v>124</v>
      </c>
      <c r="D1906" t="s">
        <v>88</v>
      </c>
      <c r="E1906" s="1">
        <v>44600.954861111109</v>
      </c>
    </row>
    <row r="1907" spans="1:5" x14ac:dyDescent="0.4">
      <c r="A1907">
        <v>1560</v>
      </c>
      <c r="B1907">
        <v>0</v>
      </c>
      <c r="C1907">
        <v>125</v>
      </c>
      <c r="D1907" t="s">
        <v>88</v>
      </c>
      <c r="E1907" s="1">
        <v>44600.954861111109</v>
      </c>
    </row>
    <row r="1908" spans="1:5" x14ac:dyDescent="0.4">
      <c r="A1908">
        <v>1561</v>
      </c>
      <c r="B1908">
        <v>0</v>
      </c>
      <c r="C1908">
        <v>126</v>
      </c>
      <c r="D1908" t="s">
        <v>88</v>
      </c>
      <c r="E1908" s="1">
        <v>44600.954861111109</v>
      </c>
    </row>
    <row r="1909" spans="1:5" x14ac:dyDescent="0.4">
      <c r="A1909">
        <v>1562</v>
      </c>
      <c r="B1909">
        <v>0</v>
      </c>
      <c r="C1909">
        <v>131</v>
      </c>
      <c r="D1909" t="s">
        <v>88</v>
      </c>
      <c r="E1909" s="1">
        <v>44600.954861111109</v>
      </c>
    </row>
    <row r="1910" spans="1:5" x14ac:dyDescent="0.4">
      <c r="A1910">
        <v>1563</v>
      </c>
      <c r="B1910">
        <v>0</v>
      </c>
      <c r="C1910">
        <v>141</v>
      </c>
      <c r="D1910" t="s">
        <v>88</v>
      </c>
      <c r="E1910" s="1">
        <v>44600.954861111109</v>
      </c>
    </row>
    <row r="1911" spans="1:5" x14ac:dyDescent="0.4">
      <c r="A1911">
        <v>1564</v>
      </c>
      <c r="B1911">
        <v>0</v>
      </c>
      <c r="C1911">
        <v>142</v>
      </c>
      <c r="D1911" t="s">
        <v>88</v>
      </c>
      <c r="E1911" s="1">
        <v>44600.954861111109</v>
      </c>
    </row>
    <row r="1912" spans="1:5" x14ac:dyDescent="0.4">
      <c r="A1912">
        <v>1565</v>
      </c>
      <c r="B1912">
        <v>0</v>
      </c>
      <c r="C1912">
        <v>143</v>
      </c>
      <c r="D1912" t="s">
        <v>88</v>
      </c>
      <c r="E1912" s="1">
        <v>44600.954861111109</v>
      </c>
    </row>
    <row r="1913" spans="1:5" x14ac:dyDescent="0.4">
      <c r="A1913">
        <v>1566</v>
      </c>
      <c r="B1913">
        <v>0</v>
      </c>
      <c r="C1913">
        <v>144</v>
      </c>
      <c r="D1913" t="s">
        <v>88</v>
      </c>
      <c r="E1913" s="1">
        <v>44600.954861111109</v>
      </c>
    </row>
    <row r="1914" spans="1:5" x14ac:dyDescent="0.4">
      <c r="A1914">
        <v>1567</v>
      </c>
      <c r="B1914">
        <v>0</v>
      </c>
      <c r="C1914">
        <v>145</v>
      </c>
      <c r="D1914" t="s">
        <v>88</v>
      </c>
      <c r="E1914" s="1">
        <v>44600.954861111109</v>
      </c>
    </row>
    <row r="1915" spans="1:5" x14ac:dyDescent="0.4">
      <c r="A1915">
        <v>1568</v>
      </c>
      <c r="B1915">
        <v>0</v>
      </c>
      <c r="C1915">
        <v>146</v>
      </c>
      <c r="D1915" t="s">
        <v>88</v>
      </c>
      <c r="E1915" s="1">
        <v>44600.954861111109</v>
      </c>
    </row>
    <row r="1916" spans="1:5" x14ac:dyDescent="0.4">
      <c r="A1916">
        <v>1569</v>
      </c>
      <c r="B1916">
        <v>0</v>
      </c>
      <c r="C1916">
        <v>147</v>
      </c>
      <c r="D1916" t="s">
        <v>88</v>
      </c>
      <c r="E1916" s="1">
        <v>44600.954861111109</v>
      </c>
    </row>
    <row r="1917" spans="1:5" x14ac:dyDescent="0.4">
      <c r="A1917">
        <v>1570</v>
      </c>
      <c r="B1917">
        <v>0</v>
      </c>
      <c r="C1917">
        <v>161</v>
      </c>
      <c r="D1917" t="s">
        <v>88</v>
      </c>
      <c r="E1917" s="1">
        <v>44600.954861111109</v>
      </c>
    </row>
    <row r="1918" spans="1:5" x14ac:dyDescent="0.4">
      <c r="A1918">
        <v>1571</v>
      </c>
      <c r="B1918">
        <v>0</v>
      </c>
      <c r="C1918">
        <v>162</v>
      </c>
      <c r="D1918" t="s">
        <v>88</v>
      </c>
      <c r="E1918" s="1">
        <v>44600.954861111109</v>
      </c>
    </row>
    <row r="1919" spans="1:5" x14ac:dyDescent="0.4">
      <c r="A1919">
        <v>1572</v>
      </c>
      <c r="B1919">
        <v>0</v>
      </c>
      <c r="C1919">
        <v>163</v>
      </c>
      <c r="D1919" t="s">
        <v>88</v>
      </c>
      <c r="E1919" s="1">
        <v>44600.954861111109</v>
      </c>
    </row>
    <row r="1920" spans="1:5" x14ac:dyDescent="0.4">
      <c r="A1920">
        <v>1573</v>
      </c>
      <c r="B1920">
        <v>0</v>
      </c>
      <c r="C1920">
        <v>164</v>
      </c>
      <c r="D1920" t="s">
        <v>88</v>
      </c>
      <c r="E1920" s="1">
        <v>44600.954861111109</v>
      </c>
    </row>
    <row r="1921" spans="1:5" x14ac:dyDescent="0.4">
      <c r="A1921">
        <v>1574</v>
      </c>
      <c r="B1921">
        <v>0</v>
      </c>
      <c r="C1921">
        <v>165</v>
      </c>
      <c r="D1921" t="s">
        <v>88</v>
      </c>
      <c r="E1921" s="1">
        <v>44600.954861111109</v>
      </c>
    </row>
    <row r="1922" spans="1:5" x14ac:dyDescent="0.4">
      <c r="A1922">
        <v>1575</v>
      </c>
      <c r="B1922">
        <v>0</v>
      </c>
      <c r="C1922">
        <v>166</v>
      </c>
      <c r="D1922" t="s">
        <v>88</v>
      </c>
      <c r="E1922" s="1">
        <v>44600.954861111109</v>
      </c>
    </row>
    <row r="1923" spans="1:5" x14ac:dyDescent="0.4">
      <c r="A1923">
        <v>1576</v>
      </c>
      <c r="B1923">
        <v>0</v>
      </c>
      <c r="C1923">
        <v>167</v>
      </c>
      <c r="D1923" t="s">
        <v>88</v>
      </c>
      <c r="E1923" s="1">
        <v>44600.954861111109</v>
      </c>
    </row>
    <row r="1924" spans="1:5" x14ac:dyDescent="0.4">
      <c r="A1924">
        <v>1577</v>
      </c>
      <c r="B1924">
        <v>0</v>
      </c>
      <c r="C1924">
        <v>168</v>
      </c>
      <c r="D1924" t="s">
        <v>88</v>
      </c>
      <c r="E1924" s="1">
        <v>44600.954861111109</v>
      </c>
    </row>
    <row r="1925" spans="1:5" x14ac:dyDescent="0.4">
      <c r="A1925">
        <v>1578</v>
      </c>
      <c r="B1925">
        <v>0</v>
      </c>
      <c r="C1925">
        <v>169</v>
      </c>
      <c r="D1925" t="s">
        <v>88</v>
      </c>
      <c r="E1925" s="1">
        <v>44600.954861111109</v>
      </c>
    </row>
    <row r="1926" spans="1:5" x14ac:dyDescent="0.4">
      <c r="A1926">
        <v>1579</v>
      </c>
      <c r="B1926">
        <v>0</v>
      </c>
      <c r="C1926">
        <v>170</v>
      </c>
      <c r="D1926" t="s">
        <v>88</v>
      </c>
      <c r="E1926" s="1">
        <v>44600.954861111109</v>
      </c>
    </row>
    <row r="1927" spans="1:5" x14ac:dyDescent="0.4">
      <c r="A1927">
        <v>1580</v>
      </c>
      <c r="B1927">
        <v>0</v>
      </c>
      <c r="C1927">
        <v>171</v>
      </c>
      <c r="D1927" t="s">
        <v>88</v>
      </c>
      <c r="E1927" s="1">
        <v>44600.954861111109</v>
      </c>
    </row>
    <row r="1928" spans="1:5" x14ac:dyDescent="0.4">
      <c r="A1928">
        <v>1581</v>
      </c>
      <c r="B1928">
        <v>0</v>
      </c>
      <c r="C1928">
        <v>172</v>
      </c>
      <c r="D1928" t="s">
        <v>88</v>
      </c>
      <c r="E1928" s="1">
        <v>44600.954861111109</v>
      </c>
    </row>
    <row r="1929" spans="1:5" x14ac:dyDescent="0.4">
      <c r="A1929">
        <v>1582</v>
      </c>
      <c r="B1929">
        <v>0</v>
      </c>
      <c r="C1929">
        <v>173</v>
      </c>
      <c r="D1929" t="s">
        <v>88</v>
      </c>
      <c r="E1929" s="1">
        <v>44600.954861111109</v>
      </c>
    </row>
    <row r="1930" spans="1:5" x14ac:dyDescent="0.4">
      <c r="A1930">
        <v>1583</v>
      </c>
      <c r="B1930">
        <v>0</v>
      </c>
      <c r="C1930">
        <v>174</v>
      </c>
      <c r="D1930" t="s">
        <v>88</v>
      </c>
      <c r="E1930" s="1">
        <v>44600.954861111109</v>
      </c>
    </row>
    <row r="1931" spans="1:5" x14ac:dyDescent="0.4">
      <c r="A1931">
        <v>1584</v>
      </c>
      <c r="B1931">
        <v>0</v>
      </c>
      <c r="C1931">
        <v>175</v>
      </c>
      <c r="D1931" t="s">
        <v>88</v>
      </c>
      <c r="E1931" s="1">
        <v>44600.954861111109</v>
      </c>
    </row>
    <row r="1932" spans="1:5" x14ac:dyDescent="0.4">
      <c r="A1932">
        <v>1585</v>
      </c>
      <c r="B1932">
        <v>0</v>
      </c>
      <c r="C1932">
        <v>181</v>
      </c>
      <c r="D1932" t="s">
        <v>88</v>
      </c>
      <c r="E1932" s="1">
        <v>44600.954861111109</v>
      </c>
    </row>
    <row r="1933" spans="1:5" x14ac:dyDescent="0.4">
      <c r="A1933">
        <v>1586</v>
      </c>
      <c r="B1933">
        <v>0</v>
      </c>
      <c r="C1933">
        <v>182</v>
      </c>
      <c r="D1933" t="s">
        <v>88</v>
      </c>
      <c r="E1933" s="1">
        <v>44600.954861111109</v>
      </c>
    </row>
    <row r="1934" spans="1:5" x14ac:dyDescent="0.4">
      <c r="A1934">
        <v>1587</v>
      </c>
      <c r="B1934">
        <v>0</v>
      </c>
      <c r="C1934">
        <v>183</v>
      </c>
      <c r="D1934" t="s">
        <v>88</v>
      </c>
      <c r="E1934" s="1">
        <v>44600.954861111109</v>
      </c>
    </row>
    <row r="1935" spans="1:5" x14ac:dyDescent="0.4">
      <c r="A1935">
        <v>1588</v>
      </c>
      <c r="B1935">
        <v>0</v>
      </c>
      <c r="C1935">
        <v>184</v>
      </c>
      <c r="D1935" t="s">
        <v>88</v>
      </c>
      <c r="E1935" s="1">
        <v>44600.954861111109</v>
      </c>
    </row>
    <row r="1936" spans="1:5" x14ac:dyDescent="0.4">
      <c r="A1936">
        <v>1589</v>
      </c>
      <c r="B1936">
        <v>0</v>
      </c>
      <c r="C1936">
        <v>185</v>
      </c>
      <c r="D1936" t="s">
        <v>88</v>
      </c>
      <c r="E1936" s="1">
        <v>44600.954861111109</v>
      </c>
    </row>
    <row r="1937" spans="1:5" x14ac:dyDescent="0.4">
      <c r="A1937">
        <v>1590</v>
      </c>
      <c r="B1937">
        <v>0</v>
      </c>
      <c r="C1937">
        <v>186</v>
      </c>
      <c r="D1937" t="s">
        <v>88</v>
      </c>
      <c r="E1937" s="1">
        <v>44600.954861111109</v>
      </c>
    </row>
    <row r="1938" spans="1:5" x14ac:dyDescent="0.4">
      <c r="A1938">
        <v>1591</v>
      </c>
      <c r="B1938">
        <v>0</v>
      </c>
      <c r="C1938">
        <v>190</v>
      </c>
      <c r="D1938" t="s">
        <v>88</v>
      </c>
      <c r="E1938" s="1">
        <v>44600.954861111109</v>
      </c>
    </row>
    <row r="1939" spans="1:5" x14ac:dyDescent="0.4">
      <c r="A1939">
        <v>1592</v>
      </c>
      <c r="B1939">
        <v>0</v>
      </c>
      <c r="C1939">
        <v>191</v>
      </c>
      <c r="D1939" t="s">
        <v>88</v>
      </c>
      <c r="E1939" s="1">
        <v>44600.954861111109</v>
      </c>
    </row>
    <row r="1940" spans="1:5" x14ac:dyDescent="0.4">
      <c r="A1940">
        <v>1593</v>
      </c>
      <c r="B1940">
        <v>0</v>
      </c>
      <c r="C1940">
        <v>192</v>
      </c>
      <c r="D1940" t="s">
        <v>88</v>
      </c>
      <c r="E1940" s="1">
        <v>44600.954861111109</v>
      </c>
    </row>
    <row r="1941" spans="1:5" x14ac:dyDescent="0.4">
      <c r="A1941">
        <v>1594</v>
      </c>
      <c r="B1941">
        <v>0</v>
      </c>
      <c r="C1941">
        <v>193</v>
      </c>
      <c r="D1941" t="s">
        <v>88</v>
      </c>
      <c r="E1941" s="1">
        <v>44600.954861111109</v>
      </c>
    </row>
    <row r="1942" spans="1:5" x14ac:dyDescent="0.4">
      <c r="A1942">
        <v>1595</v>
      </c>
      <c r="B1942">
        <v>0</v>
      </c>
      <c r="C1942">
        <v>194</v>
      </c>
      <c r="D1942" t="s">
        <v>88</v>
      </c>
      <c r="E1942" s="1">
        <v>44600.954861111109</v>
      </c>
    </row>
    <row r="1943" spans="1:5" x14ac:dyDescent="0.4">
      <c r="A1943">
        <v>1596</v>
      </c>
      <c r="B1943">
        <v>0</v>
      </c>
      <c r="C1943">
        <v>195</v>
      </c>
      <c r="D1943" t="s">
        <v>88</v>
      </c>
      <c r="E1943" s="1">
        <v>44600.954861111109</v>
      </c>
    </row>
    <row r="1944" spans="1:5" x14ac:dyDescent="0.4">
      <c r="A1944">
        <v>1597</v>
      </c>
      <c r="B1944">
        <v>0</v>
      </c>
      <c r="C1944">
        <v>301</v>
      </c>
      <c r="D1944" t="s">
        <v>88</v>
      </c>
      <c r="E1944" s="1">
        <v>44600.954861111109</v>
      </c>
    </row>
    <row r="1945" spans="1:5" x14ac:dyDescent="0.4">
      <c r="A1945">
        <v>1598</v>
      </c>
      <c r="B1945">
        <v>0</v>
      </c>
      <c r="C1945">
        <v>302</v>
      </c>
      <c r="D1945" t="s">
        <v>88</v>
      </c>
      <c r="E1945" s="1">
        <v>44600.954861111109</v>
      </c>
    </row>
    <row r="1946" spans="1:5" x14ac:dyDescent="0.4">
      <c r="A1946">
        <v>1599</v>
      </c>
      <c r="B1946">
        <v>0</v>
      </c>
      <c r="C1946">
        <v>321</v>
      </c>
      <c r="D1946" t="s">
        <v>88</v>
      </c>
      <c r="E1946" s="1">
        <v>44600.954861111109</v>
      </c>
    </row>
    <row r="1947" spans="1:5" x14ac:dyDescent="0.4">
      <c r="A1947">
        <v>1600</v>
      </c>
      <c r="B1947">
        <v>0</v>
      </c>
      <c r="C1947">
        <v>322</v>
      </c>
      <c r="D1947" t="s">
        <v>88</v>
      </c>
      <c r="E1947" s="1">
        <v>44600.954861111109</v>
      </c>
    </row>
    <row r="1948" spans="1:5" x14ac:dyDescent="0.4">
      <c r="A1948">
        <v>1601</v>
      </c>
      <c r="B1948">
        <v>0</v>
      </c>
      <c r="C1948">
        <v>323</v>
      </c>
      <c r="D1948" t="s">
        <v>88</v>
      </c>
      <c r="E1948" s="1">
        <v>44600.954861111109</v>
      </c>
    </row>
    <row r="1949" spans="1:5" x14ac:dyDescent="0.4">
      <c r="A1949">
        <v>1602</v>
      </c>
      <c r="B1949">
        <v>0</v>
      </c>
      <c r="C1949">
        <v>324</v>
      </c>
      <c r="D1949" t="s">
        <v>88</v>
      </c>
      <c r="E1949" s="1">
        <v>44600.954861111109</v>
      </c>
    </row>
    <row r="1950" spans="1:5" x14ac:dyDescent="0.4">
      <c r="A1950">
        <v>1603</v>
      </c>
      <c r="B1950">
        <v>0</v>
      </c>
      <c r="C1950">
        <v>325</v>
      </c>
      <c r="D1950" t="s">
        <v>88</v>
      </c>
      <c r="E1950" s="1">
        <v>44600.954861111109</v>
      </c>
    </row>
    <row r="1951" spans="1:5" x14ac:dyDescent="0.4">
      <c r="A1951">
        <v>1604</v>
      </c>
      <c r="B1951">
        <v>0</v>
      </c>
      <c r="C1951">
        <v>326</v>
      </c>
      <c r="D1951" t="s">
        <v>88</v>
      </c>
      <c r="E1951" s="1">
        <v>44600.954861111109</v>
      </c>
    </row>
    <row r="1952" spans="1:5" x14ac:dyDescent="0.4">
      <c r="A1952">
        <v>1605</v>
      </c>
      <c r="B1952">
        <v>0</v>
      </c>
      <c r="C1952">
        <v>327</v>
      </c>
      <c r="D1952" t="s">
        <v>88</v>
      </c>
      <c r="E1952" s="1">
        <v>44600.954861111109</v>
      </c>
    </row>
    <row r="1953" spans="1:5" x14ac:dyDescent="0.4">
      <c r="A1953">
        <v>1606</v>
      </c>
      <c r="B1953">
        <v>0</v>
      </c>
      <c r="C1953">
        <v>328</v>
      </c>
      <c r="D1953" t="s">
        <v>88</v>
      </c>
      <c r="E1953" s="1">
        <v>44600.954861111109</v>
      </c>
    </row>
    <row r="1954" spans="1:5" x14ac:dyDescent="0.4">
      <c r="A1954">
        <v>1607</v>
      </c>
      <c r="B1954">
        <v>0</v>
      </c>
      <c r="C1954">
        <v>329</v>
      </c>
      <c r="D1954" t="s">
        <v>88</v>
      </c>
      <c r="E1954" s="1">
        <v>44600.954861111109</v>
      </c>
    </row>
    <row r="1955" spans="1:5" x14ac:dyDescent="0.4">
      <c r="A1955">
        <v>1608</v>
      </c>
      <c r="B1955">
        <v>0</v>
      </c>
      <c r="C1955">
        <v>330</v>
      </c>
      <c r="D1955" t="s">
        <v>88</v>
      </c>
      <c r="E1955" s="1">
        <v>44600.954861111109</v>
      </c>
    </row>
    <row r="1956" spans="1:5" x14ac:dyDescent="0.4">
      <c r="A1956">
        <v>1609</v>
      </c>
      <c r="B1956">
        <v>0</v>
      </c>
      <c r="C1956">
        <v>331</v>
      </c>
      <c r="D1956" t="s">
        <v>88</v>
      </c>
      <c r="E1956" s="1">
        <v>44600.954861111109</v>
      </c>
    </row>
    <row r="1957" spans="1:5" x14ac:dyDescent="0.4">
      <c r="A1957">
        <v>1610</v>
      </c>
      <c r="B1957">
        <v>0</v>
      </c>
      <c r="C1957">
        <v>332</v>
      </c>
      <c r="D1957" t="s">
        <v>88</v>
      </c>
      <c r="E1957" s="1">
        <v>44600.954861111109</v>
      </c>
    </row>
    <row r="1958" spans="1:5" x14ac:dyDescent="0.4">
      <c r="A1958">
        <v>1611</v>
      </c>
      <c r="B1958">
        <v>0</v>
      </c>
      <c r="C1958">
        <v>333</v>
      </c>
      <c r="D1958" t="s">
        <v>88</v>
      </c>
      <c r="E1958" s="1">
        <v>44600.954861111109</v>
      </c>
    </row>
    <row r="1959" spans="1:5" x14ac:dyDescent="0.4">
      <c r="A1959">
        <v>1612</v>
      </c>
      <c r="B1959">
        <v>0</v>
      </c>
      <c r="C1959">
        <v>341</v>
      </c>
      <c r="D1959" t="s">
        <v>88</v>
      </c>
      <c r="E1959" s="1">
        <v>44600.954861111109</v>
      </c>
    </row>
    <row r="1960" spans="1:5" x14ac:dyDescent="0.4">
      <c r="A1960">
        <v>1613</v>
      </c>
      <c r="B1960">
        <v>0</v>
      </c>
      <c r="C1960">
        <v>342</v>
      </c>
      <c r="D1960" t="s">
        <v>88</v>
      </c>
      <c r="E1960" s="1">
        <v>44600.954861111109</v>
      </c>
    </row>
    <row r="1961" spans="1:5" x14ac:dyDescent="0.4">
      <c r="A1961">
        <v>1614</v>
      </c>
      <c r="B1961">
        <v>0</v>
      </c>
      <c r="C1961">
        <v>343</v>
      </c>
      <c r="D1961" t="s">
        <v>88</v>
      </c>
      <c r="E1961" s="1">
        <v>44600.954861111109</v>
      </c>
    </row>
    <row r="1962" spans="1:5" x14ac:dyDescent="0.4">
      <c r="A1962">
        <v>1615</v>
      </c>
      <c r="B1962">
        <v>0</v>
      </c>
      <c r="C1962">
        <v>344</v>
      </c>
      <c r="D1962" t="s">
        <v>88</v>
      </c>
      <c r="E1962" s="1">
        <v>44600.954861111109</v>
      </c>
    </row>
    <row r="1963" spans="1:5" x14ac:dyDescent="0.4">
      <c r="A1963">
        <v>1616</v>
      </c>
      <c r="B1963">
        <v>0</v>
      </c>
      <c r="C1963">
        <v>345</v>
      </c>
      <c r="D1963" t="s">
        <v>88</v>
      </c>
      <c r="E1963" s="1">
        <v>44600.954861111109</v>
      </c>
    </row>
    <row r="1964" spans="1:5" x14ac:dyDescent="0.4">
      <c r="A1964">
        <v>1617</v>
      </c>
      <c r="B1964">
        <v>0</v>
      </c>
      <c r="C1964">
        <v>346</v>
      </c>
      <c r="D1964" t="s">
        <v>88</v>
      </c>
      <c r="E1964" s="1">
        <v>44600.954861111109</v>
      </c>
    </row>
    <row r="1965" spans="1:5" x14ac:dyDescent="0.4">
      <c r="A1965">
        <v>1618</v>
      </c>
      <c r="B1965">
        <v>0</v>
      </c>
      <c r="C1965">
        <v>361</v>
      </c>
      <c r="D1965" t="s">
        <v>88</v>
      </c>
      <c r="E1965" s="1">
        <v>44600.954861111109</v>
      </c>
    </row>
    <row r="1966" spans="1:5" x14ac:dyDescent="0.4">
      <c r="A1966">
        <v>1619</v>
      </c>
      <c r="B1966">
        <v>0</v>
      </c>
      <c r="C1966">
        <v>362</v>
      </c>
      <c r="D1966" t="s">
        <v>88</v>
      </c>
      <c r="E1966" s="1">
        <v>44600.954861111109</v>
      </c>
    </row>
    <row r="1967" spans="1:5" x14ac:dyDescent="0.4">
      <c r="A1967">
        <v>1620</v>
      </c>
      <c r="B1967">
        <v>0</v>
      </c>
      <c r="C1967">
        <v>363</v>
      </c>
      <c r="D1967" t="s">
        <v>88</v>
      </c>
      <c r="E1967" s="1">
        <v>44600.954861111109</v>
      </c>
    </row>
    <row r="1968" spans="1:5" x14ac:dyDescent="0.4">
      <c r="A1968">
        <v>1621</v>
      </c>
      <c r="B1968">
        <v>0</v>
      </c>
      <c r="C1968">
        <v>364</v>
      </c>
      <c r="D1968" t="s">
        <v>88</v>
      </c>
      <c r="E1968" s="1">
        <v>44600.954861111109</v>
      </c>
    </row>
    <row r="1969" spans="1:5" x14ac:dyDescent="0.4">
      <c r="A1969">
        <v>1622</v>
      </c>
      <c r="B1969">
        <v>0</v>
      </c>
      <c r="C1969">
        <v>365</v>
      </c>
      <c r="D1969" t="s">
        <v>88</v>
      </c>
      <c r="E1969" s="1">
        <v>44600.954861111109</v>
      </c>
    </row>
    <row r="1970" spans="1:5" x14ac:dyDescent="0.4">
      <c r="A1970">
        <v>1623</v>
      </c>
      <c r="B1970">
        <v>0</v>
      </c>
      <c r="C1970">
        <v>366</v>
      </c>
      <c r="D1970" t="s">
        <v>88</v>
      </c>
      <c r="E1970" s="1">
        <v>44600.954861111109</v>
      </c>
    </row>
    <row r="1971" spans="1:5" x14ac:dyDescent="0.4">
      <c r="A1971">
        <v>1624</v>
      </c>
      <c r="B1971">
        <v>0</v>
      </c>
      <c r="C1971">
        <v>367</v>
      </c>
      <c r="D1971" t="s">
        <v>88</v>
      </c>
      <c r="E1971" s="1">
        <v>44600.954861111109</v>
      </c>
    </row>
    <row r="1972" spans="1:5" x14ac:dyDescent="0.4">
      <c r="A1972">
        <v>1625</v>
      </c>
      <c r="B1972">
        <v>0</v>
      </c>
      <c r="C1972">
        <v>368</v>
      </c>
      <c r="D1972" t="s">
        <v>88</v>
      </c>
      <c r="E1972" s="1">
        <v>44600.954861111109</v>
      </c>
    </row>
    <row r="1973" spans="1:5" x14ac:dyDescent="0.4">
      <c r="A1973">
        <v>1626</v>
      </c>
      <c r="B1973">
        <v>0</v>
      </c>
      <c r="C1973">
        <v>369</v>
      </c>
      <c r="D1973" t="s">
        <v>88</v>
      </c>
      <c r="E1973" s="1">
        <v>44600.954861111109</v>
      </c>
    </row>
    <row r="1974" spans="1:5" x14ac:dyDescent="0.4">
      <c r="A1974">
        <v>1627</v>
      </c>
      <c r="B1974">
        <v>0</v>
      </c>
      <c r="C1974">
        <v>370</v>
      </c>
      <c r="D1974" t="s">
        <v>88</v>
      </c>
      <c r="E1974" s="1">
        <v>44600.954861111109</v>
      </c>
    </row>
    <row r="1975" spans="1:5" x14ac:dyDescent="0.4">
      <c r="A1975">
        <v>1628</v>
      </c>
      <c r="B1975">
        <v>0</v>
      </c>
      <c r="C1975">
        <v>371</v>
      </c>
      <c r="D1975" t="s">
        <v>88</v>
      </c>
      <c r="E1975" s="1">
        <v>44600.954861111109</v>
      </c>
    </row>
    <row r="1976" spans="1:5" x14ac:dyDescent="0.4">
      <c r="A1976">
        <v>1629</v>
      </c>
      <c r="B1976">
        <v>0</v>
      </c>
      <c r="C1976">
        <v>372</v>
      </c>
      <c r="D1976" t="s">
        <v>88</v>
      </c>
      <c r="E1976" s="1">
        <v>44600.954861111109</v>
      </c>
    </row>
    <row r="1977" spans="1:5" x14ac:dyDescent="0.4">
      <c r="A1977">
        <v>1630</v>
      </c>
      <c r="B1977">
        <v>0</v>
      </c>
      <c r="C1977">
        <v>373</v>
      </c>
      <c r="D1977" t="s">
        <v>88</v>
      </c>
      <c r="E1977" s="1">
        <v>44600.954861111109</v>
      </c>
    </row>
    <row r="1978" spans="1:5" x14ac:dyDescent="0.4">
      <c r="A1978">
        <v>1631</v>
      </c>
      <c r="B1978">
        <v>0</v>
      </c>
      <c r="C1978">
        <v>381</v>
      </c>
      <c r="D1978" t="s">
        <v>88</v>
      </c>
      <c r="E1978" s="1">
        <v>44600.954861111109</v>
      </c>
    </row>
    <row r="1979" spans="1:5" x14ac:dyDescent="0.4">
      <c r="A1979">
        <v>1632</v>
      </c>
      <c r="B1979">
        <v>0</v>
      </c>
      <c r="C1979">
        <v>382</v>
      </c>
      <c r="D1979" t="s">
        <v>88</v>
      </c>
      <c r="E1979" s="1">
        <v>44600.954861111109</v>
      </c>
    </row>
    <row r="1980" spans="1:5" x14ac:dyDescent="0.4">
      <c r="A1980">
        <v>1633</v>
      </c>
      <c r="B1980">
        <v>0</v>
      </c>
      <c r="C1980">
        <v>383</v>
      </c>
      <c r="D1980" t="s">
        <v>88</v>
      </c>
      <c r="E1980" s="1">
        <v>44600.954861111109</v>
      </c>
    </row>
    <row r="1981" spans="1:5" x14ac:dyDescent="0.4">
      <c r="A1981">
        <v>1634</v>
      </c>
      <c r="B1981">
        <v>0</v>
      </c>
      <c r="C1981">
        <v>384</v>
      </c>
      <c r="D1981" t="s">
        <v>88</v>
      </c>
      <c r="E1981" s="1">
        <v>44600.954861111109</v>
      </c>
    </row>
    <row r="1982" spans="1:5" x14ac:dyDescent="0.4">
      <c r="A1982">
        <v>1635</v>
      </c>
      <c r="B1982">
        <v>0</v>
      </c>
      <c r="C1982">
        <v>385</v>
      </c>
      <c r="D1982" t="s">
        <v>88</v>
      </c>
      <c r="E1982" s="1">
        <v>44600.954861111109</v>
      </c>
    </row>
    <row r="1983" spans="1:5" x14ac:dyDescent="0.4">
      <c r="A1983">
        <v>1636</v>
      </c>
      <c r="B1983">
        <v>0</v>
      </c>
      <c r="C1983">
        <v>386</v>
      </c>
      <c r="D1983" t="s">
        <v>88</v>
      </c>
      <c r="E1983" s="1">
        <v>44600.954861111109</v>
      </c>
    </row>
    <row r="1984" spans="1:5" x14ac:dyDescent="0.4">
      <c r="A1984">
        <v>1637</v>
      </c>
      <c r="B1984">
        <v>0</v>
      </c>
      <c r="C1984">
        <v>391</v>
      </c>
      <c r="D1984" t="s">
        <v>88</v>
      </c>
      <c r="E1984" s="1">
        <v>44600.954861111109</v>
      </c>
    </row>
    <row r="1985" spans="1:5" x14ac:dyDescent="0.4">
      <c r="A1985">
        <v>1638</v>
      </c>
      <c r="B1985">
        <v>0</v>
      </c>
      <c r="C1985">
        <v>392</v>
      </c>
      <c r="D1985" t="s">
        <v>88</v>
      </c>
      <c r="E1985" s="1">
        <v>44600.954861111109</v>
      </c>
    </row>
    <row r="1986" spans="1:5" x14ac:dyDescent="0.4">
      <c r="A1986">
        <v>1639</v>
      </c>
      <c r="B1986">
        <v>0</v>
      </c>
      <c r="C1986">
        <v>393</v>
      </c>
      <c r="D1986" t="s">
        <v>88</v>
      </c>
      <c r="E1986" s="1">
        <v>44600.954861111109</v>
      </c>
    </row>
    <row r="1987" spans="1:5" x14ac:dyDescent="0.4">
      <c r="A1987">
        <v>1640</v>
      </c>
      <c r="B1987">
        <v>0</v>
      </c>
      <c r="C1987">
        <v>395</v>
      </c>
      <c r="D1987" t="s">
        <v>88</v>
      </c>
      <c r="E1987" s="1">
        <v>44600.954861111109</v>
      </c>
    </row>
    <row r="1988" spans="1:5" x14ac:dyDescent="0.4">
      <c r="A1988">
        <v>1641</v>
      </c>
      <c r="B1988">
        <v>0</v>
      </c>
      <c r="C1988">
        <v>396</v>
      </c>
      <c r="D1988" t="s">
        <v>88</v>
      </c>
      <c r="E1988" s="1">
        <v>44600.954861111109</v>
      </c>
    </row>
    <row r="1989" spans="1:5" x14ac:dyDescent="0.4">
      <c r="A1989">
        <v>1642</v>
      </c>
      <c r="B1989">
        <v>0</v>
      </c>
      <c r="C1989">
        <v>401</v>
      </c>
      <c r="D1989" t="s">
        <v>88</v>
      </c>
      <c r="E1989" s="1">
        <v>44600.954861111109</v>
      </c>
    </row>
    <row r="1990" spans="1:5" x14ac:dyDescent="0.4">
      <c r="A1990">
        <v>1643</v>
      </c>
      <c r="B1990">
        <v>0</v>
      </c>
      <c r="C1990">
        <v>402</v>
      </c>
      <c r="D1990" t="s">
        <v>88</v>
      </c>
      <c r="E1990" s="1">
        <v>44600.954861111109</v>
      </c>
    </row>
    <row r="1991" spans="1:5" x14ac:dyDescent="0.4">
      <c r="A1991">
        <v>1644</v>
      </c>
      <c r="B1991">
        <v>0</v>
      </c>
      <c r="C1991">
        <v>403</v>
      </c>
      <c r="D1991" t="s">
        <v>88</v>
      </c>
      <c r="E1991" s="1">
        <v>44600.954861111109</v>
      </c>
    </row>
    <row r="1992" spans="1:5" x14ac:dyDescent="0.4">
      <c r="A1992">
        <v>1645</v>
      </c>
      <c r="B1992">
        <v>0</v>
      </c>
      <c r="C1992">
        <v>404</v>
      </c>
      <c r="D1992" t="s">
        <v>88</v>
      </c>
      <c r="E1992" s="1">
        <v>44600.954861111109</v>
      </c>
    </row>
    <row r="1993" spans="1:5" x14ac:dyDescent="0.4">
      <c r="A1993">
        <v>1646</v>
      </c>
      <c r="B1993">
        <v>0</v>
      </c>
      <c r="C1993">
        <v>405</v>
      </c>
      <c r="D1993" t="s">
        <v>88</v>
      </c>
      <c r="E1993" s="1">
        <v>44600.954861111109</v>
      </c>
    </row>
    <row r="1994" spans="1:5" x14ac:dyDescent="0.4">
      <c r="A1994">
        <v>1647</v>
      </c>
      <c r="B1994">
        <v>0</v>
      </c>
      <c r="C1994">
        <v>406</v>
      </c>
      <c r="D1994" t="s">
        <v>88</v>
      </c>
      <c r="E1994" s="1">
        <v>44600.954861111109</v>
      </c>
    </row>
    <row r="1995" spans="1:5" x14ac:dyDescent="0.4">
      <c r="A1995">
        <v>1648</v>
      </c>
      <c r="B1995">
        <v>0</v>
      </c>
      <c r="C1995">
        <v>411</v>
      </c>
      <c r="D1995" t="s">
        <v>88</v>
      </c>
      <c r="E1995" s="1">
        <v>44600.954861111109</v>
      </c>
    </row>
    <row r="1996" spans="1:5" x14ac:dyDescent="0.4">
      <c r="A1996">
        <v>1649</v>
      </c>
      <c r="B1996">
        <v>0</v>
      </c>
      <c r="C1996">
        <v>412</v>
      </c>
      <c r="D1996" t="s">
        <v>88</v>
      </c>
      <c r="E1996" s="1">
        <v>44600.954861111109</v>
      </c>
    </row>
    <row r="1997" spans="1:5" x14ac:dyDescent="0.4">
      <c r="A1997">
        <v>1650</v>
      </c>
      <c r="B1997">
        <v>0</v>
      </c>
      <c r="C1997">
        <v>413</v>
      </c>
      <c r="D1997" t="s">
        <v>88</v>
      </c>
      <c r="E1997" s="1">
        <v>44600.954861111109</v>
      </c>
    </row>
    <row r="1998" spans="1:5" x14ac:dyDescent="0.4">
      <c r="A1998">
        <v>1651</v>
      </c>
      <c r="B1998">
        <v>0</v>
      </c>
      <c r="C1998">
        <v>414</v>
      </c>
      <c r="D1998" t="s">
        <v>88</v>
      </c>
      <c r="E1998" s="1">
        <v>44600.954861111109</v>
      </c>
    </row>
    <row r="1999" spans="1:5" x14ac:dyDescent="0.4">
      <c r="A1999">
        <v>1652</v>
      </c>
      <c r="B1999">
        <v>0</v>
      </c>
      <c r="C1999">
        <v>421</v>
      </c>
      <c r="D1999" t="s">
        <v>88</v>
      </c>
      <c r="E1999" s="1">
        <v>44600.954861111109</v>
      </c>
    </row>
    <row r="2000" spans="1:5" x14ac:dyDescent="0.4">
      <c r="A2000">
        <v>1653</v>
      </c>
      <c r="B2000">
        <v>0</v>
      </c>
      <c r="C2000">
        <v>422</v>
      </c>
      <c r="D2000" t="s">
        <v>88</v>
      </c>
      <c r="E2000" s="1">
        <v>44600.954861111109</v>
      </c>
    </row>
    <row r="2001" spans="1:5" x14ac:dyDescent="0.4">
      <c r="A2001">
        <v>1654</v>
      </c>
      <c r="B2001">
        <v>0</v>
      </c>
      <c r="C2001">
        <v>431</v>
      </c>
      <c r="D2001" t="s">
        <v>88</v>
      </c>
      <c r="E2001" s="1">
        <v>44600.954861111109</v>
      </c>
    </row>
    <row r="2002" spans="1:5" x14ac:dyDescent="0.4">
      <c r="A2002">
        <v>1655</v>
      </c>
      <c r="B2002">
        <v>0</v>
      </c>
      <c r="C2002">
        <v>432</v>
      </c>
      <c r="D2002" t="s">
        <v>88</v>
      </c>
      <c r="E2002" s="1">
        <v>44600.954861111109</v>
      </c>
    </row>
    <row r="2003" spans="1:5" x14ac:dyDescent="0.4">
      <c r="A2003">
        <v>1656</v>
      </c>
      <c r="B2003">
        <v>0</v>
      </c>
      <c r="C2003">
        <v>433</v>
      </c>
      <c r="D2003" t="s">
        <v>88</v>
      </c>
      <c r="E2003" s="1">
        <v>44600.954861111109</v>
      </c>
    </row>
    <row r="2004" spans="1:5" x14ac:dyDescent="0.4">
      <c r="A2004">
        <v>1657</v>
      </c>
      <c r="B2004">
        <v>1</v>
      </c>
      <c r="C2004">
        <v>1</v>
      </c>
      <c r="D2004" t="s">
        <v>88</v>
      </c>
      <c r="E2004" s="1">
        <v>44600.954861111109</v>
      </c>
    </row>
    <row r="2005" spans="1:5" x14ac:dyDescent="0.4">
      <c r="A2005">
        <v>1658</v>
      </c>
      <c r="B2005">
        <v>0</v>
      </c>
      <c r="C2005">
        <v>2</v>
      </c>
      <c r="D2005" t="s">
        <v>88</v>
      </c>
      <c r="E2005" s="1">
        <v>44600.954861111109</v>
      </c>
    </row>
    <row r="2006" spans="1:5" x14ac:dyDescent="0.4">
      <c r="A2006">
        <v>1659</v>
      </c>
      <c r="B2006">
        <v>0</v>
      </c>
      <c r="C2006">
        <v>3</v>
      </c>
      <c r="D2006" t="s">
        <v>88</v>
      </c>
      <c r="E2006" s="1">
        <v>44600.954861111109</v>
      </c>
    </row>
    <row r="2007" spans="1:5" x14ac:dyDescent="0.4">
      <c r="A2007">
        <v>1660</v>
      </c>
      <c r="B2007">
        <v>0</v>
      </c>
      <c r="C2007">
        <v>4</v>
      </c>
      <c r="D2007" t="s">
        <v>88</v>
      </c>
      <c r="E2007" s="1">
        <v>44600.954861111109</v>
      </c>
    </row>
    <row r="2008" spans="1:5" x14ac:dyDescent="0.4">
      <c r="A2008">
        <v>1661</v>
      </c>
      <c r="B2008">
        <v>0</v>
      </c>
      <c r="C2008">
        <v>5</v>
      </c>
      <c r="D2008" t="s">
        <v>88</v>
      </c>
      <c r="E2008" s="1">
        <v>44600.954861111109</v>
      </c>
    </row>
    <row r="2009" spans="1:5" x14ac:dyDescent="0.4">
      <c r="A2009">
        <v>1662</v>
      </c>
      <c r="B2009">
        <v>0</v>
      </c>
      <c r="C2009">
        <v>11</v>
      </c>
      <c r="D2009" t="s">
        <v>88</v>
      </c>
      <c r="E2009" s="1">
        <v>44600.954861111109</v>
      </c>
    </row>
    <row r="2010" spans="1:5" x14ac:dyDescent="0.4">
      <c r="A2010">
        <v>1663</v>
      </c>
      <c r="B2010">
        <v>0</v>
      </c>
      <c r="C2010">
        <v>12</v>
      </c>
      <c r="D2010" t="s">
        <v>88</v>
      </c>
      <c r="E2010" s="1">
        <v>44600.954861111109</v>
      </c>
    </row>
    <row r="2011" spans="1:5" x14ac:dyDescent="0.4">
      <c r="A2011">
        <v>1664</v>
      </c>
      <c r="B2011">
        <v>0</v>
      </c>
      <c r="C2011">
        <v>15</v>
      </c>
      <c r="D2011" t="s">
        <v>88</v>
      </c>
      <c r="E2011" s="1">
        <v>44600.954861111109</v>
      </c>
    </row>
    <row r="2012" spans="1:5" x14ac:dyDescent="0.4">
      <c r="A2012">
        <v>1665</v>
      </c>
      <c r="B2012">
        <v>0</v>
      </c>
      <c r="C2012">
        <v>16</v>
      </c>
      <c r="D2012" t="s">
        <v>88</v>
      </c>
      <c r="E2012" s="1">
        <v>44600.954861111109</v>
      </c>
    </row>
    <row r="2013" spans="1:5" x14ac:dyDescent="0.4">
      <c r="A2013">
        <v>1666</v>
      </c>
      <c r="B2013">
        <v>0</v>
      </c>
      <c r="C2013">
        <v>17</v>
      </c>
      <c r="D2013" t="s">
        <v>88</v>
      </c>
      <c r="E2013" s="1">
        <v>44600.954861111109</v>
      </c>
    </row>
    <row r="2014" spans="1:5" x14ac:dyDescent="0.4">
      <c r="A2014">
        <v>1667</v>
      </c>
      <c r="B2014">
        <v>0</v>
      </c>
      <c r="C2014">
        <v>21</v>
      </c>
      <c r="D2014" t="s">
        <v>88</v>
      </c>
      <c r="E2014" s="1">
        <v>44600.954861111109</v>
      </c>
    </row>
    <row r="2015" spans="1:5" x14ac:dyDescent="0.4">
      <c r="A2015">
        <v>1668</v>
      </c>
      <c r="B2015">
        <v>0</v>
      </c>
      <c r="C2015">
        <v>22</v>
      </c>
      <c r="D2015" t="s">
        <v>88</v>
      </c>
      <c r="E2015" s="1">
        <v>44600.954861111109</v>
      </c>
    </row>
    <row r="2016" spans="1:5" x14ac:dyDescent="0.4">
      <c r="A2016">
        <v>1669</v>
      </c>
      <c r="B2016">
        <v>0</v>
      </c>
      <c r="C2016">
        <v>23</v>
      </c>
      <c r="D2016" t="s">
        <v>88</v>
      </c>
      <c r="E2016" s="1">
        <v>44600.954861111109</v>
      </c>
    </row>
    <row r="2017" spans="1:5" x14ac:dyDescent="0.4">
      <c r="A2017">
        <v>1670</v>
      </c>
      <c r="B2017">
        <v>0</v>
      </c>
      <c r="C2017">
        <v>24</v>
      </c>
      <c r="D2017" t="s">
        <v>88</v>
      </c>
      <c r="E2017" s="1">
        <v>44600.954861111109</v>
      </c>
    </row>
    <row r="2018" spans="1:5" x14ac:dyDescent="0.4">
      <c r="A2018">
        <v>1671</v>
      </c>
      <c r="B2018">
        <v>0</v>
      </c>
      <c r="C2018">
        <v>25</v>
      </c>
      <c r="D2018" t="s">
        <v>88</v>
      </c>
      <c r="E2018" s="1">
        <v>44600.954861111109</v>
      </c>
    </row>
    <row r="2019" spans="1:5" x14ac:dyDescent="0.4">
      <c r="A2019">
        <v>1672</v>
      </c>
      <c r="B2019">
        <v>0</v>
      </c>
      <c r="C2019">
        <v>26</v>
      </c>
      <c r="D2019" t="s">
        <v>88</v>
      </c>
      <c r="E2019" s="1">
        <v>44600.954861111109</v>
      </c>
    </row>
    <row r="2020" spans="1:5" x14ac:dyDescent="0.4">
      <c r="A2020">
        <v>1673</v>
      </c>
      <c r="B2020">
        <v>0</v>
      </c>
      <c r="C2020">
        <v>27</v>
      </c>
      <c r="D2020" t="s">
        <v>88</v>
      </c>
      <c r="E2020" s="1">
        <v>44600.954861111109</v>
      </c>
    </row>
    <row r="2021" spans="1:5" x14ac:dyDescent="0.4">
      <c r="A2021">
        <v>1674</v>
      </c>
      <c r="B2021">
        <v>0</v>
      </c>
      <c r="C2021">
        <v>28</v>
      </c>
      <c r="D2021" t="s">
        <v>88</v>
      </c>
      <c r="E2021" s="1">
        <v>44600.954861111109</v>
      </c>
    </row>
    <row r="2022" spans="1:5" x14ac:dyDescent="0.4">
      <c r="A2022">
        <v>1675</v>
      </c>
      <c r="B2022">
        <v>0</v>
      </c>
      <c r="C2022">
        <v>29</v>
      </c>
      <c r="D2022" t="s">
        <v>88</v>
      </c>
      <c r="E2022" s="1">
        <v>44600.954861111109</v>
      </c>
    </row>
    <row r="2023" spans="1:5" x14ac:dyDescent="0.4">
      <c r="A2023">
        <v>1676</v>
      </c>
      <c r="B2023">
        <v>0</v>
      </c>
      <c r="C2023">
        <v>30</v>
      </c>
      <c r="D2023" t="s">
        <v>88</v>
      </c>
      <c r="E2023" s="1">
        <v>44600.954861111109</v>
      </c>
    </row>
    <row r="2024" spans="1:5" x14ac:dyDescent="0.4">
      <c r="A2024">
        <v>1677</v>
      </c>
      <c r="B2024">
        <v>0</v>
      </c>
      <c r="C2024">
        <v>31</v>
      </c>
      <c r="D2024" t="s">
        <v>88</v>
      </c>
      <c r="E2024" s="1">
        <v>44600.954861111109</v>
      </c>
    </row>
    <row r="2025" spans="1:5" x14ac:dyDescent="0.4">
      <c r="A2025">
        <v>1678</v>
      </c>
      <c r="B2025">
        <v>0</v>
      </c>
      <c r="C2025">
        <v>32</v>
      </c>
      <c r="D2025" t="s">
        <v>88</v>
      </c>
      <c r="E2025" s="1">
        <v>44600.954861111109</v>
      </c>
    </row>
    <row r="2026" spans="1:5" x14ac:dyDescent="0.4">
      <c r="A2026">
        <v>1679</v>
      </c>
      <c r="B2026">
        <v>0</v>
      </c>
      <c r="C2026">
        <v>33</v>
      </c>
      <c r="D2026" t="s">
        <v>88</v>
      </c>
      <c r="E2026" s="1">
        <v>44600.954861111109</v>
      </c>
    </row>
    <row r="2027" spans="1:5" x14ac:dyDescent="0.4">
      <c r="A2027">
        <v>1680</v>
      </c>
      <c r="B2027">
        <v>0</v>
      </c>
      <c r="C2027">
        <v>41</v>
      </c>
      <c r="D2027" t="s">
        <v>88</v>
      </c>
      <c r="E2027" s="1">
        <v>44600.954861111109</v>
      </c>
    </row>
    <row r="2028" spans="1:5" x14ac:dyDescent="0.4">
      <c r="A2028">
        <v>1681</v>
      </c>
      <c r="B2028">
        <v>0</v>
      </c>
      <c r="C2028">
        <v>42</v>
      </c>
      <c r="D2028" t="s">
        <v>88</v>
      </c>
      <c r="E2028" s="1">
        <v>44600.954861111109</v>
      </c>
    </row>
    <row r="2029" spans="1:5" x14ac:dyDescent="0.4">
      <c r="A2029">
        <v>1682</v>
      </c>
      <c r="B2029">
        <v>0</v>
      </c>
      <c r="C2029">
        <v>43</v>
      </c>
      <c r="D2029" t="s">
        <v>88</v>
      </c>
      <c r="E2029" s="1">
        <v>44600.954861111109</v>
      </c>
    </row>
    <row r="2030" spans="1:5" x14ac:dyDescent="0.4">
      <c r="A2030">
        <v>1683</v>
      </c>
      <c r="B2030">
        <v>0</v>
      </c>
      <c r="C2030">
        <v>44</v>
      </c>
      <c r="D2030" t="s">
        <v>88</v>
      </c>
      <c r="E2030" s="1">
        <v>44600.954861111109</v>
      </c>
    </row>
    <row r="2031" spans="1:5" x14ac:dyDescent="0.4">
      <c r="A2031">
        <v>1684</v>
      </c>
      <c r="B2031">
        <v>0</v>
      </c>
      <c r="C2031">
        <v>45</v>
      </c>
      <c r="D2031" t="s">
        <v>88</v>
      </c>
      <c r="E2031" s="1">
        <v>44600.954861111109</v>
      </c>
    </row>
    <row r="2032" spans="1:5" x14ac:dyDescent="0.4">
      <c r="A2032">
        <v>1685</v>
      </c>
      <c r="B2032">
        <v>0</v>
      </c>
      <c r="C2032">
        <v>46</v>
      </c>
      <c r="D2032" t="s">
        <v>88</v>
      </c>
      <c r="E2032" s="1">
        <v>44600.954861111109</v>
      </c>
    </row>
    <row r="2033" spans="1:5" x14ac:dyDescent="0.4">
      <c r="A2033">
        <v>1686</v>
      </c>
      <c r="B2033">
        <v>0</v>
      </c>
      <c r="C2033">
        <v>47</v>
      </c>
      <c r="D2033" t="s">
        <v>88</v>
      </c>
      <c r="E2033" s="1">
        <v>44600.954861111109</v>
      </c>
    </row>
    <row r="2034" spans="1:5" x14ac:dyDescent="0.4">
      <c r="A2034">
        <v>1687</v>
      </c>
      <c r="B2034">
        <v>0</v>
      </c>
      <c r="C2034">
        <v>48</v>
      </c>
      <c r="D2034" t="s">
        <v>88</v>
      </c>
      <c r="E2034" s="1">
        <v>44600.954861111109</v>
      </c>
    </row>
    <row r="2035" spans="1:5" x14ac:dyDescent="0.4">
      <c r="A2035">
        <v>1688</v>
      </c>
      <c r="B2035">
        <v>0</v>
      </c>
      <c r="C2035">
        <v>49</v>
      </c>
      <c r="D2035" t="s">
        <v>88</v>
      </c>
      <c r="E2035" s="1">
        <v>44600.954861111109</v>
      </c>
    </row>
    <row r="2036" spans="1:5" x14ac:dyDescent="0.4">
      <c r="A2036">
        <v>1689</v>
      </c>
      <c r="B2036">
        <v>0</v>
      </c>
      <c r="C2036">
        <v>50</v>
      </c>
      <c r="D2036" t="s">
        <v>88</v>
      </c>
      <c r="E2036" s="1">
        <v>44600.954861111109</v>
      </c>
    </row>
    <row r="2037" spans="1:5" x14ac:dyDescent="0.4">
      <c r="A2037">
        <v>1690</v>
      </c>
      <c r="B2037">
        <v>0</v>
      </c>
      <c r="C2037">
        <v>51</v>
      </c>
      <c r="D2037" t="s">
        <v>88</v>
      </c>
      <c r="E2037" s="1">
        <v>44600.954861111109</v>
      </c>
    </row>
    <row r="2038" spans="1:5" x14ac:dyDescent="0.4">
      <c r="A2038">
        <v>1691</v>
      </c>
      <c r="B2038">
        <v>0</v>
      </c>
      <c r="C2038">
        <v>52</v>
      </c>
      <c r="D2038" t="s">
        <v>88</v>
      </c>
      <c r="E2038" s="1">
        <v>44600.954861111109</v>
      </c>
    </row>
    <row r="2039" spans="1:5" x14ac:dyDescent="0.4">
      <c r="A2039">
        <v>1692</v>
      </c>
      <c r="B2039">
        <v>0</v>
      </c>
      <c r="C2039">
        <v>53</v>
      </c>
      <c r="D2039" t="s">
        <v>88</v>
      </c>
      <c r="E2039" s="1">
        <v>44600.954861111109</v>
      </c>
    </row>
    <row r="2040" spans="1:5" x14ac:dyDescent="0.4">
      <c r="A2040">
        <v>1693</v>
      </c>
      <c r="B2040">
        <v>0</v>
      </c>
      <c r="C2040">
        <v>54</v>
      </c>
      <c r="D2040" t="s">
        <v>88</v>
      </c>
      <c r="E2040" s="1">
        <v>44600.954861111109</v>
      </c>
    </row>
    <row r="2041" spans="1:5" x14ac:dyDescent="0.4">
      <c r="A2041">
        <v>1694</v>
      </c>
      <c r="B2041">
        <v>0</v>
      </c>
      <c r="C2041">
        <v>55</v>
      </c>
      <c r="D2041" t="s">
        <v>88</v>
      </c>
      <c r="E2041" s="1">
        <v>44600.954861111109</v>
      </c>
    </row>
    <row r="2042" spans="1:5" x14ac:dyDescent="0.4">
      <c r="A2042">
        <v>1695</v>
      </c>
      <c r="B2042">
        <v>0</v>
      </c>
      <c r="C2042">
        <v>61</v>
      </c>
      <c r="D2042" t="s">
        <v>88</v>
      </c>
      <c r="E2042" s="1">
        <v>44600.954861111109</v>
      </c>
    </row>
    <row r="2043" spans="1:5" x14ac:dyDescent="0.4">
      <c r="A2043">
        <v>1696</v>
      </c>
      <c r="B2043">
        <v>0</v>
      </c>
      <c r="C2043">
        <v>62</v>
      </c>
      <c r="D2043" t="s">
        <v>88</v>
      </c>
      <c r="E2043" s="1">
        <v>44600.954861111109</v>
      </c>
    </row>
    <row r="2044" spans="1:5" x14ac:dyDescent="0.4">
      <c r="A2044">
        <v>1697</v>
      </c>
      <c r="B2044">
        <v>0</v>
      </c>
      <c r="C2044">
        <v>63</v>
      </c>
      <c r="D2044" t="s">
        <v>88</v>
      </c>
      <c r="E2044" s="1">
        <v>44600.954861111109</v>
      </c>
    </row>
    <row r="2045" spans="1:5" x14ac:dyDescent="0.4">
      <c r="A2045">
        <v>1698</v>
      </c>
      <c r="B2045">
        <v>0</v>
      </c>
      <c r="C2045">
        <v>64</v>
      </c>
      <c r="D2045" t="s">
        <v>88</v>
      </c>
      <c r="E2045" s="1">
        <v>44600.954861111109</v>
      </c>
    </row>
    <row r="2046" spans="1:5" x14ac:dyDescent="0.4">
      <c r="A2046">
        <v>1699</v>
      </c>
      <c r="B2046">
        <v>0</v>
      </c>
      <c r="C2046">
        <v>65</v>
      </c>
      <c r="D2046" t="s">
        <v>88</v>
      </c>
      <c r="E2046" s="1">
        <v>44600.954861111109</v>
      </c>
    </row>
    <row r="2047" spans="1:5" x14ac:dyDescent="0.4">
      <c r="A2047">
        <v>1700</v>
      </c>
      <c r="B2047">
        <v>0</v>
      </c>
      <c r="C2047">
        <v>66</v>
      </c>
      <c r="D2047" t="s">
        <v>88</v>
      </c>
      <c r="E2047" s="1">
        <v>44600.954861111109</v>
      </c>
    </row>
    <row r="2048" spans="1:5" x14ac:dyDescent="0.4">
      <c r="A2048">
        <v>1701</v>
      </c>
      <c r="B2048">
        <v>0</v>
      </c>
      <c r="C2048">
        <v>67</v>
      </c>
      <c r="D2048" t="s">
        <v>88</v>
      </c>
      <c r="E2048" s="1">
        <v>44600.954861111109</v>
      </c>
    </row>
    <row r="2049" spans="1:5" x14ac:dyDescent="0.4">
      <c r="A2049">
        <v>1702</v>
      </c>
      <c r="B2049">
        <v>0</v>
      </c>
      <c r="C2049">
        <v>68</v>
      </c>
      <c r="D2049" t="s">
        <v>88</v>
      </c>
      <c r="E2049" s="1">
        <v>44600.954861111109</v>
      </c>
    </row>
    <row r="2050" spans="1:5" x14ac:dyDescent="0.4">
      <c r="A2050">
        <v>1703</v>
      </c>
      <c r="B2050">
        <v>0</v>
      </c>
      <c r="C2050">
        <v>69</v>
      </c>
      <c r="D2050" t="s">
        <v>88</v>
      </c>
      <c r="E2050" s="1">
        <v>44600.954861111109</v>
      </c>
    </row>
    <row r="2051" spans="1:5" x14ac:dyDescent="0.4">
      <c r="A2051">
        <v>1704</v>
      </c>
      <c r="B2051">
        <v>0</v>
      </c>
      <c r="C2051">
        <v>70</v>
      </c>
      <c r="D2051" t="s">
        <v>88</v>
      </c>
      <c r="E2051" s="1">
        <v>44600.954861111109</v>
      </c>
    </row>
    <row r="2052" spans="1:5" x14ac:dyDescent="0.4">
      <c r="A2052">
        <v>1705</v>
      </c>
      <c r="B2052">
        <v>0</v>
      </c>
      <c r="C2052">
        <v>71</v>
      </c>
      <c r="D2052" t="s">
        <v>88</v>
      </c>
      <c r="E2052" s="1">
        <v>44600.954861111109</v>
      </c>
    </row>
    <row r="2053" spans="1:5" x14ac:dyDescent="0.4">
      <c r="A2053">
        <v>1706</v>
      </c>
      <c r="B2053">
        <v>0</v>
      </c>
      <c r="C2053">
        <v>72</v>
      </c>
      <c r="D2053" t="s">
        <v>88</v>
      </c>
      <c r="E2053" s="1">
        <v>44600.954861111109</v>
      </c>
    </row>
    <row r="2054" spans="1:5" x14ac:dyDescent="0.4">
      <c r="A2054">
        <v>1707</v>
      </c>
      <c r="B2054">
        <v>0</v>
      </c>
      <c r="C2054">
        <v>73</v>
      </c>
      <c r="D2054" t="s">
        <v>88</v>
      </c>
      <c r="E2054" s="1">
        <v>44600.954861111109</v>
      </c>
    </row>
    <row r="2055" spans="1:5" x14ac:dyDescent="0.4">
      <c r="A2055">
        <v>1708</v>
      </c>
      <c r="B2055">
        <v>0</v>
      </c>
      <c r="C2055">
        <v>74</v>
      </c>
      <c r="D2055" t="s">
        <v>88</v>
      </c>
      <c r="E2055" s="1">
        <v>44600.954861111109</v>
      </c>
    </row>
    <row r="2056" spans="1:5" x14ac:dyDescent="0.4">
      <c r="A2056">
        <v>1709</v>
      </c>
      <c r="B2056">
        <v>0</v>
      </c>
      <c r="C2056">
        <v>75</v>
      </c>
      <c r="D2056" t="s">
        <v>88</v>
      </c>
      <c r="E2056" s="1">
        <v>44600.954861111109</v>
      </c>
    </row>
    <row r="2057" spans="1:5" x14ac:dyDescent="0.4">
      <c r="A2057">
        <v>1710</v>
      </c>
      <c r="B2057">
        <v>0</v>
      </c>
      <c r="C2057">
        <v>76</v>
      </c>
      <c r="D2057" t="s">
        <v>88</v>
      </c>
      <c r="E2057" s="1">
        <v>44600.954861111109</v>
      </c>
    </row>
    <row r="2058" spans="1:5" x14ac:dyDescent="0.4">
      <c r="A2058">
        <v>1711</v>
      </c>
      <c r="B2058">
        <v>0</v>
      </c>
      <c r="C2058">
        <v>77</v>
      </c>
      <c r="D2058" t="s">
        <v>88</v>
      </c>
      <c r="E2058" s="1">
        <v>44600.954861111109</v>
      </c>
    </row>
    <row r="2059" spans="1:5" x14ac:dyDescent="0.4">
      <c r="A2059">
        <v>1712</v>
      </c>
      <c r="B2059">
        <v>0</v>
      </c>
      <c r="C2059">
        <v>78</v>
      </c>
      <c r="D2059" t="s">
        <v>88</v>
      </c>
      <c r="E2059" s="1">
        <v>44600.954861111109</v>
      </c>
    </row>
    <row r="2060" spans="1:5" x14ac:dyDescent="0.4">
      <c r="A2060">
        <v>1713</v>
      </c>
      <c r="B2060">
        <v>0</v>
      </c>
      <c r="C2060">
        <v>79</v>
      </c>
      <c r="D2060" t="s">
        <v>88</v>
      </c>
      <c r="E2060" s="1">
        <v>44600.954861111109</v>
      </c>
    </row>
    <row r="2061" spans="1:5" x14ac:dyDescent="0.4">
      <c r="A2061">
        <v>1714</v>
      </c>
      <c r="B2061">
        <v>0</v>
      </c>
      <c r="C2061">
        <v>91</v>
      </c>
      <c r="D2061" t="s">
        <v>88</v>
      </c>
      <c r="E2061" s="1">
        <v>44600.954861111109</v>
      </c>
    </row>
    <row r="2062" spans="1:5" x14ac:dyDescent="0.4">
      <c r="A2062">
        <v>1715</v>
      </c>
      <c r="B2062">
        <v>0</v>
      </c>
      <c r="C2062">
        <v>92</v>
      </c>
      <c r="D2062" t="s">
        <v>88</v>
      </c>
      <c r="E2062" s="1">
        <v>44600.954861111109</v>
      </c>
    </row>
    <row r="2063" spans="1:5" x14ac:dyDescent="0.4">
      <c r="A2063">
        <v>1716</v>
      </c>
      <c r="B2063">
        <v>0</v>
      </c>
      <c r="C2063">
        <v>93</v>
      </c>
      <c r="D2063" t="s">
        <v>88</v>
      </c>
      <c r="E2063" s="1">
        <v>44600.954861111109</v>
      </c>
    </row>
    <row r="2064" spans="1:5" x14ac:dyDescent="0.4">
      <c r="A2064">
        <v>1717</v>
      </c>
      <c r="B2064">
        <v>0</v>
      </c>
      <c r="C2064">
        <v>94</v>
      </c>
      <c r="D2064" t="s">
        <v>88</v>
      </c>
      <c r="E2064" s="1">
        <v>44600.954861111109</v>
      </c>
    </row>
    <row r="2065" spans="1:5" x14ac:dyDescent="0.4">
      <c r="A2065">
        <v>1718</v>
      </c>
      <c r="B2065">
        <v>0</v>
      </c>
      <c r="C2065">
        <v>95</v>
      </c>
      <c r="D2065" t="s">
        <v>88</v>
      </c>
      <c r="E2065" s="1">
        <v>44600.954861111109</v>
      </c>
    </row>
    <row r="2066" spans="1:5" x14ac:dyDescent="0.4">
      <c r="A2066">
        <v>1719</v>
      </c>
      <c r="B2066">
        <v>0</v>
      </c>
      <c r="C2066">
        <v>96</v>
      </c>
      <c r="D2066" t="s">
        <v>88</v>
      </c>
      <c r="E2066" s="1">
        <v>44600.954861111109</v>
      </c>
    </row>
    <row r="2067" spans="1:5" x14ac:dyDescent="0.4">
      <c r="A2067">
        <v>1720</v>
      </c>
      <c r="B2067">
        <v>0</v>
      </c>
      <c r="C2067">
        <v>97</v>
      </c>
      <c r="D2067" t="s">
        <v>88</v>
      </c>
      <c r="E2067" s="1">
        <v>44600.954861111109</v>
      </c>
    </row>
    <row r="2068" spans="1:5" x14ac:dyDescent="0.4">
      <c r="A2068">
        <v>1721</v>
      </c>
      <c r="B2068">
        <v>0</v>
      </c>
      <c r="C2068">
        <v>98</v>
      </c>
      <c r="D2068" t="s">
        <v>88</v>
      </c>
      <c r="E2068" s="1">
        <v>44600.954861111109</v>
      </c>
    </row>
    <row r="2069" spans="1:5" x14ac:dyDescent="0.4">
      <c r="A2069">
        <v>1722</v>
      </c>
      <c r="B2069">
        <v>0</v>
      </c>
      <c r="C2069">
        <v>99</v>
      </c>
      <c r="D2069" t="s">
        <v>88</v>
      </c>
      <c r="E2069" s="1">
        <v>44600.954861111109</v>
      </c>
    </row>
    <row r="2070" spans="1:5" x14ac:dyDescent="0.4">
      <c r="A2070">
        <v>1723</v>
      </c>
      <c r="B2070">
        <v>0</v>
      </c>
      <c r="C2070">
        <v>100</v>
      </c>
      <c r="D2070" t="s">
        <v>88</v>
      </c>
      <c r="E2070" s="1">
        <v>44600.954861111109</v>
      </c>
    </row>
    <row r="2071" spans="1:5" x14ac:dyDescent="0.4">
      <c r="A2071">
        <v>1724</v>
      </c>
      <c r="B2071">
        <v>0</v>
      </c>
      <c r="C2071">
        <v>101</v>
      </c>
      <c r="D2071" t="s">
        <v>88</v>
      </c>
      <c r="E2071" s="1">
        <v>44600.954861111109</v>
      </c>
    </row>
    <row r="2072" spans="1:5" x14ac:dyDescent="0.4">
      <c r="A2072">
        <v>1725</v>
      </c>
      <c r="B2072">
        <v>0</v>
      </c>
      <c r="C2072">
        <v>102</v>
      </c>
      <c r="D2072" t="s">
        <v>88</v>
      </c>
      <c r="E2072" s="1">
        <v>44600.954861111109</v>
      </c>
    </row>
    <row r="2073" spans="1:5" x14ac:dyDescent="0.4">
      <c r="A2073">
        <v>1726</v>
      </c>
      <c r="B2073">
        <v>0</v>
      </c>
      <c r="C2073">
        <v>103</v>
      </c>
      <c r="D2073" t="s">
        <v>88</v>
      </c>
      <c r="E2073" s="1">
        <v>44600.954861111109</v>
      </c>
    </row>
    <row r="2074" spans="1:5" x14ac:dyDescent="0.4">
      <c r="A2074">
        <v>1727</v>
      </c>
      <c r="B2074">
        <v>0</v>
      </c>
      <c r="C2074">
        <v>104</v>
      </c>
      <c r="D2074" t="s">
        <v>88</v>
      </c>
      <c r="E2074" s="1">
        <v>44600.954861111109</v>
      </c>
    </row>
    <row r="2075" spans="1:5" x14ac:dyDescent="0.4">
      <c r="A2075">
        <v>1728</v>
      </c>
      <c r="B2075">
        <v>0</v>
      </c>
      <c r="C2075">
        <v>105</v>
      </c>
      <c r="D2075" t="s">
        <v>88</v>
      </c>
      <c r="E2075" s="1">
        <v>44600.954861111109</v>
      </c>
    </row>
    <row r="2076" spans="1:5" x14ac:dyDescent="0.4">
      <c r="A2076">
        <v>1729</v>
      </c>
      <c r="B2076">
        <v>0</v>
      </c>
      <c r="C2076">
        <v>106</v>
      </c>
      <c r="D2076" t="s">
        <v>88</v>
      </c>
      <c r="E2076" s="1">
        <v>44600.954861111109</v>
      </c>
    </row>
    <row r="2077" spans="1:5" x14ac:dyDescent="0.4">
      <c r="A2077">
        <v>1730</v>
      </c>
      <c r="B2077">
        <v>0</v>
      </c>
      <c r="C2077">
        <v>107</v>
      </c>
      <c r="D2077" t="s">
        <v>88</v>
      </c>
      <c r="E2077" s="1">
        <v>44600.954861111109</v>
      </c>
    </row>
    <row r="2078" spans="1:5" x14ac:dyDescent="0.4">
      <c r="A2078">
        <v>1731</v>
      </c>
      <c r="B2078">
        <v>0</v>
      </c>
      <c r="C2078">
        <v>108</v>
      </c>
      <c r="D2078" t="s">
        <v>88</v>
      </c>
      <c r="E2078" s="1">
        <v>44600.954861111109</v>
      </c>
    </row>
    <row r="2079" spans="1:5" x14ac:dyDescent="0.4">
      <c r="A2079">
        <v>1732</v>
      </c>
      <c r="B2079">
        <v>0</v>
      </c>
      <c r="C2079">
        <v>109</v>
      </c>
      <c r="D2079" t="s">
        <v>88</v>
      </c>
      <c r="E2079" s="1">
        <v>44600.954861111109</v>
      </c>
    </row>
    <row r="2080" spans="1:5" x14ac:dyDescent="0.4">
      <c r="A2080">
        <v>1733</v>
      </c>
      <c r="B2080">
        <v>0</v>
      </c>
      <c r="C2080">
        <v>110</v>
      </c>
      <c r="D2080" t="s">
        <v>88</v>
      </c>
      <c r="E2080" s="1">
        <v>44600.954861111109</v>
      </c>
    </row>
    <row r="2081" spans="1:5" x14ac:dyDescent="0.4">
      <c r="A2081">
        <v>1734</v>
      </c>
      <c r="B2081">
        <v>0</v>
      </c>
      <c r="C2081">
        <v>111</v>
      </c>
      <c r="D2081" t="s">
        <v>88</v>
      </c>
      <c r="E2081" s="1">
        <v>44600.954861111109</v>
      </c>
    </row>
    <row r="2082" spans="1:5" x14ac:dyDescent="0.4">
      <c r="A2082">
        <v>1735</v>
      </c>
      <c r="B2082">
        <v>0</v>
      </c>
      <c r="C2082">
        <v>112</v>
      </c>
      <c r="D2082" t="s">
        <v>88</v>
      </c>
      <c r="E2082" s="1">
        <v>44600.954861111109</v>
      </c>
    </row>
    <row r="2083" spans="1:5" x14ac:dyDescent="0.4">
      <c r="A2083">
        <v>1736</v>
      </c>
      <c r="B2083">
        <v>0</v>
      </c>
      <c r="C2083">
        <v>113</v>
      </c>
      <c r="D2083" t="s">
        <v>88</v>
      </c>
      <c r="E2083" s="1">
        <v>44600.954861111109</v>
      </c>
    </row>
    <row r="2084" spans="1:5" x14ac:dyDescent="0.4">
      <c r="A2084">
        <v>1737</v>
      </c>
      <c r="B2084">
        <v>0</v>
      </c>
      <c r="C2084">
        <v>114</v>
      </c>
      <c r="D2084" t="s">
        <v>88</v>
      </c>
      <c r="E2084" s="1">
        <v>44600.954861111109</v>
      </c>
    </row>
    <row r="2085" spans="1:5" x14ac:dyDescent="0.4">
      <c r="A2085">
        <v>1738</v>
      </c>
      <c r="B2085">
        <v>0</v>
      </c>
      <c r="C2085">
        <v>115</v>
      </c>
      <c r="D2085" t="s">
        <v>88</v>
      </c>
      <c r="E2085" s="1">
        <v>44600.954861111109</v>
      </c>
    </row>
    <row r="2086" spans="1:5" x14ac:dyDescent="0.4">
      <c r="A2086">
        <v>1739</v>
      </c>
      <c r="B2086">
        <v>0</v>
      </c>
      <c r="C2086">
        <v>116</v>
      </c>
      <c r="D2086" t="s">
        <v>88</v>
      </c>
      <c r="E2086" s="1">
        <v>44600.954861111109</v>
      </c>
    </row>
    <row r="2087" spans="1:5" x14ac:dyDescent="0.4">
      <c r="A2087">
        <v>1740</v>
      </c>
      <c r="B2087">
        <v>0</v>
      </c>
      <c r="C2087">
        <v>121</v>
      </c>
      <c r="D2087" t="s">
        <v>88</v>
      </c>
      <c r="E2087" s="1">
        <v>44600.954861111109</v>
      </c>
    </row>
    <row r="2088" spans="1:5" x14ac:dyDescent="0.4">
      <c r="A2088">
        <v>1741</v>
      </c>
      <c r="B2088">
        <v>0</v>
      </c>
      <c r="C2088">
        <v>122</v>
      </c>
      <c r="D2088" t="s">
        <v>88</v>
      </c>
      <c r="E2088" s="1">
        <v>44600.954861111109</v>
      </c>
    </row>
    <row r="2089" spans="1:5" x14ac:dyDescent="0.4">
      <c r="A2089">
        <v>1742</v>
      </c>
      <c r="B2089">
        <v>0</v>
      </c>
      <c r="C2089">
        <v>123</v>
      </c>
      <c r="D2089" t="s">
        <v>88</v>
      </c>
      <c r="E2089" s="1">
        <v>44600.954861111109</v>
      </c>
    </row>
    <row r="2090" spans="1:5" x14ac:dyDescent="0.4">
      <c r="A2090">
        <v>1743</v>
      </c>
      <c r="B2090">
        <v>0</v>
      </c>
      <c r="C2090">
        <v>124</v>
      </c>
      <c r="D2090" t="s">
        <v>88</v>
      </c>
      <c r="E2090" s="1">
        <v>44600.954861111109</v>
      </c>
    </row>
    <row r="2091" spans="1:5" x14ac:dyDescent="0.4">
      <c r="A2091">
        <v>1744</v>
      </c>
      <c r="B2091">
        <v>0</v>
      </c>
      <c r="C2091">
        <v>125</v>
      </c>
      <c r="D2091" t="s">
        <v>88</v>
      </c>
      <c r="E2091" s="1">
        <v>44600.954861111109</v>
      </c>
    </row>
    <row r="2092" spans="1:5" x14ac:dyDescent="0.4">
      <c r="A2092">
        <v>1745</v>
      </c>
      <c r="B2092">
        <v>0</v>
      </c>
      <c r="C2092">
        <v>126</v>
      </c>
      <c r="D2092" t="s">
        <v>88</v>
      </c>
      <c r="E2092" s="1">
        <v>44600.954861111109</v>
      </c>
    </row>
    <row r="2093" spans="1:5" x14ac:dyDescent="0.4">
      <c r="A2093">
        <v>1746</v>
      </c>
      <c r="B2093">
        <v>0</v>
      </c>
      <c r="C2093">
        <v>131</v>
      </c>
      <c r="D2093" t="s">
        <v>88</v>
      </c>
      <c r="E2093" s="1">
        <v>44600.954861111109</v>
      </c>
    </row>
    <row r="2094" spans="1:5" x14ac:dyDescent="0.4">
      <c r="A2094">
        <v>1747</v>
      </c>
      <c r="B2094">
        <v>0</v>
      </c>
      <c r="C2094">
        <v>141</v>
      </c>
      <c r="D2094" t="s">
        <v>88</v>
      </c>
      <c r="E2094" s="1">
        <v>44600.954861111109</v>
      </c>
    </row>
    <row r="2095" spans="1:5" x14ac:dyDescent="0.4">
      <c r="A2095">
        <v>1748</v>
      </c>
      <c r="B2095">
        <v>0</v>
      </c>
      <c r="C2095">
        <v>142</v>
      </c>
      <c r="D2095" t="s">
        <v>88</v>
      </c>
      <c r="E2095" s="1">
        <v>44600.954861111109</v>
      </c>
    </row>
    <row r="2096" spans="1:5" x14ac:dyDescent="0.4">
      <c r="A2096">
        <v>1749</v>
      </c>
      <c r="B2096">
        <v>0</v>
      </c>
      <c r="C2096">
        <v>143</v>
      </c>
      <c r="D2096" t="s">
        <v>88</v>
      </c>
      <c r="E2096" s="1">
        <v>44600.954861111109</v>
      </c>
    </row>
    <row r="2097" spans="1:5" x14ac:dyDescent="0.4">
      <c r="A2097">
        <v>1750</v>
      </c>
      <c r="B2097">
        <v>0</v>
      </c>
      <c r="C2097">
        <v>144</v>
      </c>
      <c r="D2097" t="s">
        <v>88</v>
      </c>
      <c r="E2097" s="1">
        <v>44600.954861111109</v>
      </c>
    </row>
    <row r="2098" spans="1:5" x14ac:dyDescent="0.4">
      <c r="A2098">
        <v>1751</v>
      </c>
      <c r="B2098">
        <v>0</v>
      </c>
      <c r="C2098">
        <v>145</v>
      </c>
      <c r="D2098" t="s">
        <v>88</v>
      </c>
      <c r="E2098" s="1">
        <v>44600.954861111109</v>
      </c>
    </row>
    <row r="2099" spans="1:5" x14ac:dyDescent="0.4">
      <c r="A2099">
        <v>1752</v>
      </c>
      <c r="B2099">
        <v>0</v>
      </c>
      <c r="C2099">
        <v>146</v>
      </c>
      <c r="D2099" t="s">
        <v>88</v>
      </c>
      <c r="E2099" s="1">
        <v>44600.954861111109</v>
      </c>
    </row>
    <row r="2100" spans="1:5" x14ac:dyDescent="0.4">
      <c r="A2100">
        <v>1753</v>
      </c>
      <c r="B2100">
        <v>0</v>
      </c>
      <c r="C2100">
        <v>147</v>
      </c>
      <c r="D2100" t="s">
        <v>88</v>
      </c>
      <c r="E2100" s="1">
        <v>44600.954861111109</v>
      </c>
    </row>
    <row r="2101" spans="1:5" x14ac:dyDescent="0.4">
      <c r="A2101">
        <v>1754</v>
      </c>
      <c r="B2101">
        <v>0</v>
      </c>
      <c r="C2101">
        <v>161</v>
      </c>
      <c r="D2101" t="s">
        <v>88</v>
      </c>
      <c r="E2101" s="1">
        <v>44600.954861111109</v>
      </c>
    </row>
    <row r="2102" spans="1:5" x14ac:dyDescent="0.4">
      <c r="A2102">
        <v>1755</v>
      </c>
      <c r="B2102">
        <v>0</v>
      </c>
      <c r="C2102">
        <v>162</v>
      </c>
      <c r="D2102" t="s">
        <v>88</v>
      </c>
      <c r="E2102" s="1">
        <v>44600.954861111109</v>
      </c>
    </row>
    <row r="2103" spans="1:5" x14ac:dyDescent="0.4">
      <c r="A2103">
        <v>1756</v>
      </c>
      <c r="B2103">
        <v>0</v>
      </c>
      <c r="C2103">
        <v>163</v>
      </c>
      <c r="D2103" t="s">
        <v>88</v>
      </c>
      <c r="E2103" s="1">
        <v>44600.954861111109</v>
      </c>
    </row>
    <row r="2104" spans="1:5" x14ac:dyDescent="0.4">
      <c r="A2104">
        <v>1757</v>
      </c>
      <c r="B2104">
        <v>0</v>
      </c>
      <c r="C2104">
        <v>164</v>
      </c>
      <c r="D2104" t="s">
        <v>88</v>
      </c>
      <c r="E2104" s="1">
        <v>44600.954861111109</v>
      </c>
    </row>
    <row r="2105" spans="1:5" x14ac:dyDescent="0.4">
      <c r="A2105">
        <v>1758</v>
      </c>
      <c r="B2105">
        <v>0</v>
      </c>
      <c r="C2105">
        <v>165</v>
      </c>
      <c r="D2105" t="s">
        <v>88</v>
      </c>
      <c r="E2105" s="1">
        <v>44600.954861111109</v>
      </c>
    </row>
    <row r="2106" spans="1:5" x14ac:dyDescent="0.4">
      <c r="A2106">
        <v>1759</v>
      </c>
      <c r="B2106">
        <v>0</v>
      </c>
      <c r="C2106">
        <v>166</v>
      </c>
      <c r="D2106" t="s">
        <v>88</v>
      </c>
      <c r="E2106" s="1">
        <v>44600.954861111109</v>
      </c>
    </row>
    <row r="2107" spans="1:5" x14ac:dyDescent="0.4">
      <c r="A2107">
        <v>1760</v>
      </c>
      <c r="B2107">
        <v>0</v>
      </c>
      <c r="C2107">
        <v>167</v>
      </c>
      <c r="D2107" t="s">
        <v>88</v>
      </c>
      <c r="E2107" s="1">
        <v>44600.954861111109</v>
      </c>
    </row>
    <row r="2108" spans="1:5" x14ac:dyDescent="0.4">
      <c r="A2108">
        <v>1761</v>
      </c>
      <c r="B2108">
        <v>0</v>
      </c>
      <c r="C2108">
        <v>168</v>
      </c>
      <c r="D2108" t="s">
        <v>88</v>
      </c>
      <c r="E2108" s="1">
        <v>44600.954861111109</v>
      </c>
    </row>
    <row r="2109" spans="1:5" x14ac:dyDescent="0.4">
      <c r="A2109">
        <v>1762</v>
      </c>
      <c r="B2109">
        <v>0</v>
      </c>
      <c r="C2109">
        <v>169</v>
      </c>
      <c r="D2109" t="s">
        <v>88</v>
      </c>
      <c r="E2109" s="1">
        <v>44600.954861111109</v>
      </c>
    </row>
    <row r="2110" spans="1:5" x14ac:dyDescent="0.4">
      <c r="A2110">
        <v>1763</v>
      </c>
      <c r="B2110">
        <v>0</v>
      </c>
      <c r="C2110">
        <v>170</v>
      </c>
      <c r="D2110" t="s">
        <v>88</v>
      </c>
      <c r="E2110" s="1">
        <v>44600.954861111109</v>
      </c>
    </row>
    <row r="2111" spans="1:5" x14ac:dyDescent="0.4">
      <c r="A2111">
        <v>1764</v>
      </c>
      <c r="B2111">
        <v>0</v>
      </c>
      <c r="C2111">
        <v>171</v>
      </c>
      <c r="D2111" t="s">
        <v>88</v>
      </c>
      <c r="E2111" s="1">
        <v>44600.954861111109</v>
      </c>
    </row>
    <row r="2112" spans="1:5" x14ac:dyDescent="0.4">
      <c r="A2112">
        <v>1765</v>
      </c>
      <c r="B2112">
        <v>0</v>
      </c>
      <c r="C2112">
        <v>172</v>
      </c>
      <c r="D2112" t="s">
        <v>88</v>
      </c>
      <c r="E2112" s="1">
        <v>44600.954861111109</v>
      </c>
    </row>
    <row r="2113" spans="1:5" x14ac:dyDescent="0.4">
      <c r="A2113">
        <v>1766</v>
      </c>
      <c r="B2113">
        <v>0</v>
      </c>
      <c r="C2113">
        <v>173</v>
      </c>
      <c r="D2113" t="s">
        <v>88</v>
      </c>
      <c r="E2113" s="1">
        <v>44600.954861111109</v>
      </c>
    </row>
    <row r="2114" spans="1:5" x14ac:dyDescent="0.4">
      <c r="A2114">
        <v>1767</v>
      </c>
      <c r="B2114">
        <v>0</v>
      </c>
      <c r="C2114">
        <v>174</v>
      </c>
      <c r="D2114" t="s">
        <v>88</v>
      </c>
      <c r="E2114" s="1">
        <v>44600.954861111109</v>
      </c>
    </row>
    <row r="2115" spans="1:5" x14ac:dyDescent="0.4">
      <c r="A2115">
        <v>1768</v>
      </c>
      <c r="B2115">
        <v>0</v>
      </c>
      <c r="C2115">
        <v>175</v>
      </c>
      <c r="D2115" t="s">
        <v>88</v>
      </c>
      <c r="E2115" s="1">
        <v>44600.954861111109</v>
      </c>
    </row>
    <row r="2116" spans="1:5" x14ac:dyDescent="0.4">
      <c r="A2116">
        <v>1769</v>
      </c>
      <c r="B2116">
        <v>0</v>
      </c>
      <c r="C2116">
        <v>181</v>
      </c>
      <c r="D2116" t="s">
        <v>88</v>
      </c>
      <c r="E2116" s="1">
        <v>44600.954861111109</v>
      </c>
    </row>
    <row r="2117" spans="1:5" x14ac:dyDescent="0.4">
      <c r="A2117">
        <v>1770</v>
      </c>
      <c r="B2117">
        <v>0</v>
      </c>
      <c r="C2117">
        <v>182</v>
      </c>
      <c r="D2117" t="s">
        <v>88</v>
      </c>
      <c r="E2117" s="1">
        <v>44600.954861111109</v>
      </c>
    </row>
    <row r="2118" spans="1:5" x14ac:dyDescent="0.4">
      <c r="A2118">
        <v>1771</v>
      </c>
      <c r="B2118">
        <v>0</v>
      </c>
      <c r="C2118">
        <v>183</v>
      </c>
      <c r="D2118" t="s">
        <v>88</v>
      </c>
      <c r="E2118" s="1">
        <v>44600.954861111109</v>
      </c>
    </row>
    <row r="2119" spans="1:5" x14ac:dyDescent="0.4">
      <c r="A2119">
        <v>1772</v>
      </c>
      <c r="B2119">
        <v>0</v>
      </c>
      <c r="C2119">
        <v>184</v>
      </c>
      <c r="D2119" t="s">
        <v>88</v>
      </c>
      <c r="E2119" s="1">
        <v>44600.954861111109</v>
      </c>
    </row>
    <row r="2120" spans="1:5" x14ac:dyDescent="0.4">
      <c r="A2120">
        <v>1773</v>
      </c>
      <c r="B2120">
        <v>0</v>
      </c>
      <c r="C2120">
        <v>185</v>
      </c>
      <c r="D2120" t="s">
        <v>88</v>
      </c>
      <c r="E2120" s="1">
        <v>44600.954861111109</v>
      </c>
    </row>
    <row r="2121" spans="1:5" x14ac:dyDescent="0.4">
      <c r="A2121">
        <v>1774</v>
      </c>
      <c r="B2121">
        <v>0</v>
      </c>
      <c r="C2121">
        <v>186</v>
      </c>
      <c r="D2121" t="s">
        <v>88</v>
      </c>
      <c r="E2121" s="1">
        <v>44600.954861111109</v>
      </c>
    </row>
    <row r="2122" spans="1:5" x14ac:dyDescent="0.4">
      <c r="A2122">
        <v>1775</v>
      </c>
      <c r="B2122">
        <v>0</v>
      </c>
      <c r="C2122">
        <v>190</v>
      </c>
      <c r="D2122" t="s">
        <v>88</v>
      </c>
      <c r="E2122" s="1">
        <v>44600.954861111109</v>
      </c>
    </row>
    <row r="2123" spans="1:5" x14ac:dyDescent="0.4">
      <c r="A2123">
        <v>1776</v>
      </c>
      <c r="B2123">
        <v>0</v>
      </c>
      <c r="C2123">
        <v>191</v>
      </c>
      <c r="D2123" t="s">
        <v>88</v>
      </c>
      <c r="E2123" s="1">
        <v>44600.954861111109</v>
      </c>
    </row>
    <row r="2124" spans="1:5" x14ac:dyDescent="0.4">
      <c r="A2124">
        <v>1777</v>
      </c>
      <c r="B2124">
        <v>0</v>
      </c>
      <c r="C2124">
        <v>192</v>
      </c>
      <c r="D2124" t="s">
        <v>88</v>
      </c>
      <c r="E2124" s="1">
        <v>44600.954861111109</v>
      </c>
    </row>
    <row r="2125" spans="1:5" x14ac:dyDescent="0.4">
      <c r="A2125">
        <v>1778</v>
      </c>
      <c r="B2125">
        <v>0</v>
      </c>
      <c r="C2125">
        <v>193</v>
      </c>
      <c r="D2125" t="s">
        <v>88</v>
      </c>
      <c r="E2125" s="1">
        <v>44600.954861111109</v>
      </c>
    </row>
    <row r="2126" spans="1:5" x14ac:dyDescent="0.4">
      <c r="A2126">
        <v>1779</v>
      </c>
      <c r="B2126">
        <v>0</v>
      </c>
      <c r="C2126">
        <v>194</v>
      </c>
      <c r="D2126" t="s">
        <v>88</v>
      </c>
      <c r="E2126" s="1">
        <v>44600.954861111109</v>
      </c>
    </row>
    <row r="2127" spans="1:5" x14ac:dyDescent="0.4">
      <c r="A2127">
        <v>1780</v>
      </c>
      <c r="B2127">
        <v>0</v>
      </c>
      <c r="C2127">
        <v>195</v>
      </c>
      <c r="D2127" t="s">
        <v>88</v>
      </c>
      <c r="E2127" s="1">
        <v>44600.954861111109</v>
      </c>
    </row>
    <row r="2128" spans="1:5" x14ac:dyDescent="0.4">
      <c r="A2128">
        <v>1781</v>
      </c>
      <c r="B2128">
        <v>0</v>
      </c>
      <c r="C2128">
        <v>301</v>
      </c>
      <c r="D2128" t="s">
        <v>88</v>
      </c>
      <c r="E2128" s="1">
        <v>44600.954861111109</v>
      </c>
    </row>
    <row r="2129" spans="1:5" x14ac:dyDescent="0.4">
      <c r="A2129">
        <v>1782</v>
      </c>
      <c r="B2129">
        <v>0</v>
      </c>
      <c r="C2129">
        <v>302</v>
      </c>
      <c r="D2129" t="s">
        <v>88</v>
      </c>
      <c r="E2129" s="1">
        <v>44600.954861111109</v>
      </c>
    </row>
    <row r="2130" spans="1:5" x14ac:dyDescent="0.4">
      <c r="A2130">
        <v>1783</v>
      </c>
      <c r="B2130">
        <v>0</v>
      </c>
      <c r="C2130">
        <v>321</v>
      </c>
      <c r="D2130" t="s">
        <v>88</v>
      </c>
      <c r="E2130" s="1">
        <v>44600.954861111109</v>
      </c>
    </row>
    <row r="2131" spans="1:5" x14ac:dyDescent="0.4">
      <c r="A2131">
        <v>1784</v>
      </c>
      <c r="B2131">
        <v>0</v>
      </c>
      <c r="C2131">
        <v>322</v>
      </c>
      <c r="D2131" t="s">
        <v>88</v>
      </c>
      <c r="E2131" s="1">
        <v>44600.954861111109</v>
      </c>
    </row>
    <row r="2132" spans="1:5" x14ac:dyDescent="0.4">
      <c r="A2132">
        <v>1785</v>
      </c>
      <c r="B2132">
        <v>0</v>
      </c>
      <c r="C2132">
        <v>323</v>
      </c>
      <c r="D2132" t="s">
        <v>88</v>
      </c>
      <c r="E2132" s="1">
        <v>44600.954861111109</v>
      </c>
    </row>
    <row r="2133" spans="1:5" x14ac:dyDescent="0.4">
      <c r="A2133">
        <v>1786</v>
      </c>
      <c r="B2133">
        <v>0</v>
      </c>
      <c r="C2133">
        <v>324</v>
      </c>
      <c r="D2133" t="s">
        <v>88</v>
      </c>
      <c r="E2133" s="1">
        <v>44600.954861111109</v>
      </c>
    </row>
    <row r="2134" spans="1:5" x14ac:dyDescent="0.4">
      <c r="A2134">
        <v>1787</v>
      </c>
      <c r="B2134">
        <v>0</v>
      </c>
      <c r="C2134">
        <v>325</v>
      </c>
      <c r="D2134" t="s">
        <v>88</v>
      </c>
      <c r="E2134" s="1">
        <v>44600.954861111109</v>
      </c>
    </row>
    <row r="2135" spans="1:5" x14ac:dyDescent="0.4">
      <c r="A2135">
        <v>1788</v>
      </c>
      <c r="B2135">
        <v>0</v>
      </c>
      <c r="C2135">
        <v>326</v>
      </c>
      <c r="D2135" t="s">
        <v>88</v>
      </c>
      <c r="E2135" s="1">
        <v>44600.954861111109</v>
      </c>
    </row>
    <row r="2136" spans="1:5" x14ac:dyDescent="0.4">
      <c r="A2136">
        <v>1789</v>
      </c>
      <c r="B2136">
        <v>0</v>
      </c>
      <c r="C2136">
        <v>327</v>
      </c>
      <c r="D2136" t="s">
        <v>88</v>
      </c>
      <c r="E2136" s="1">
        <v>44600.954861111109</v>
      </c>
    </row>
    <row r="2137" spans="1:5" x14ac:dyDescent="0.4">
      <c r="A2137">
        <v>1790</v>
      </c>
      <c r="B2137">
        <v>0</v>
      </c>
      <c r="C2137">
        <v>328</v>
      </c>
      <c r="D2137" t="s">
        <v>88</v>
      </c>
      <c r="E2137" s="1">
        <v>44600.954861111109</v>
      </c>
    </row>
    <row r="2138" spans="1:5" x14ac:dyDescent="0.4">
      <c r="A2138">
        <v>1791</v>
      </c>
      <c r="B2138">
        <v>0</v>
      </c>
      <c r="C2138">
        <v>329</v>
      </c>
      <c r="D2138" t="s">
        <v>88</v>
      </c>
      <c r="E2138" s="1">
        <v>44600.954861111109</v>
      </c>
    </row>
    <row r="2139" spans="1:5" x14ac:dyDescent="0.4">
      <c r="A2139">
        <v>1792</v>
      </c>
      <c r="B2139">
        <v>0</v>
      </c>
      <c r="C2139">
        <v>330</v>
      </c>
      <c r="D2139" t="s">
        <v>88</v>
      </c>
      <c r="E2139" s="1">
        <v>44600.954861111109</v>
      </c>
    </row>
    <row r="2140" spans="1:5" x14ac:dyDescent="0.4">
      <c r="A2140">
        <v>1793</v>
      </c>
      <c r="B2140">
        <v>0</v>
      </c>
      <c r="C2140">
        <v>331</v>
      </c>
      <c r="D2140" t="s">
        <v>88</v>
      </c>
      <c r="E2140" s="1">
        <v>44600.954861111109</v>
      </c>
    </row>
    <row r="2141" spans="1:5" x14ac:dyDescent="0.4">
      <c r="A2141">
        <v>1794</v>
      </c>
      <c r="B2141">
        <v>0</v>
      </c>
      <c r="C2141">
        <v>332</v>
      </c>
      <c r="D2141" t="s">
        <v>88</v>
      </c>
      <c r="E2141" s="1">
        <v>44600.954861111109</v>
      </c>
    </row>
    <row r="2142" spans="1:5" x14ac:dyDescent="0.4">
      <c r="A2142">
        <v>1795</v>
      </c>
      <c r="B2142">
        <v>0</v>
      </c>
      <c r="C2142">
        <v>333</v>
      </c>
      <c r="D2142" t="s">
        <v>88</v>
      </c>
      <c r="E2142" s="1">
        <v>44600.954861111109</v>
      </c>
    </row>
    <row r="2143" spans="1:5" x14ac:dyDescent="0.4">
      <c r="A2143">
        <v>1796</v>
      </c>
      <c r="B2143">
        <v>0</v>
      </c>
      <c r="C2143">
        <v>341</v>
      </c>
      <c r="D2143" t="s">
        <v>88</v>
      </c>
      <c r="E2143" s="1">
        <v>44600.954861111109</v>
      </c>
    </row>
    <row r="2144" spans="1:5" x14ac:dyDescent="0.4">
      <c r="A2144">
        <v>1797</v>
      </c>
      <c r="B2144">
        <v>0</v>
      </c>
      <c r="C2144">
        <v>342</v>
      </c>
      <c r="D2144" t="s">
        <v>88</v>
      </c>
      <c r="E2144" s="1">
        <v>44600.954861111109</v>
      </c>
    </row>
    <row r="2145" spans="1:5" x14ac:dyDescent="0.4">
      <c r="A2145">
        <v>1798</v>
      </c>
      <c r="B2145">
        <v>0</v>
      </c>
      <c r="C2145">
        <v>343</v>
      </c>
      <c r="D2145" t="s">
        <v>88</v>
      </c>
      <c r="E2145" s="1">
        <v>44600.954861111109</v>
      </c>
    </row>
    <row r="2146" spans="1:5" x14ac:dyDescent="0.4">
      <c r="A2146">
        <v>1799</v>
      </c>
      <c r="B2146">
        <v>0</v>
      </c>
      <c r="C2146">
        <v>344</v>
      </c>
      <c r="D2146" t="s">
        <v>88</v>
      </c>
      <c r="E2146" s="1">
        <v>44600.954861111109</v>
      </c>
    </row>
    <row r="2147" spans="1:5" x14ac:dyDescent="0.4">
      <c r="A2147">
        <v>1800</v>
      </c>
      <c r="B2147">
        <v>0</v>
      </c>
      <c r="C2147">
        <v>345</v>
      </c>
      <c r="D2147" t="s">
        <v>88</v>
      </c>
      <c r="E2147" s="1">
        <v>44600.954861111109</v>
      </c>
    </row>
    <row r="2148" spans="1:5" x14ac:dyDescent="0.4">
      <c r="A2148">
        <v>1801</v>
      </c>
      <c r="B2148">
        <v>0</v>
      </c>
      <c r="C2148">
        <v>346</v>
      </c>
      <c r="D2148" t="s">
        <v>88</v>
      </c>
      <c r="E2148" s="1">
        <v>44600.954861111109</v>
      </c>
    </row>
    <row r="2149" spans="1:5" x14ac:dyDescent="0.4">
      <c r="A2149">
        <v>1802</v>
      </c>
      <c r="B2149">
        <v>0</v>
      </c>
      <c r="C2149">
        <v>361</v>
      </c>
      <c r="D2149" t="s">
        <v>88</v>
      </c>
      <c r="E2149" s="1">
        <v>44600.954861111109</v>
      </c>
    </row>
    <row r="2150" spans="1:5" x14ac:dyDescent="0.4">
      <c r="A2150">
        <v>1803</v>
      </c>
      <c r="B2150">
        <v>0</v>
      </c>
      <c r="C2150">
        <v>362</v>
      </c>
      <c r="D2150" t="s">
        <v>88</v>
      </c>
      <c r="E2150" s="1">
        <v>44600.954861111109</v>
      </c>
    </row>
    <row r="2151" spans="1:5" x14ac:dyDescent="0.4">
      <c r="A2151">
        <v>1804</v>
      </c>
      <c r="B2151">
        <v>0</v>
      </c>
      <c r="C2151">
        <v>363</v>
      </c>
      <c r="D2151" t="s">
        <v>88</v>
      </c>
      <c r="E2151" s="1">
        <v>44600.954861111109</v>
      </c>
    </row>
    <row r="2152" spans="1:5" x14ac:dyDescent="0.4">
      <c r="A2152">
        <v>1805</v>
      </c>
      <c r="B2152">
        <v>0</v>
      </c>
      <c r="C2152">
        <v>364</v>
      </c>
      <c r="D2152" t="s">
        <v>88</v>
      </c>
      <c r="E2152" s="1">
        <v>44600.954861111109</v>
      </c>
    </row>
    <row r="2153" spans="1:5" x14ac:dyDescent="0.4">
      <c r="A2153">
        <v>1806</v>
      </c>
      <c r="B2153">
        <v>0</v>
      </c>
      <c r="C2153">
        <v>365</v>
      </c>
      <c r="D2153" t="s">
        <v>88</v>
      </c>
      <c r="E2153" s="1">
        <v>44600.954861111109</v>
      </c>
    </row>
    <row r="2154" spans="1:5" x14ac:dyDescent="0.4">
      <c r="A2154">
        <v>1807</v>
      </c>
      <c r="B2154">
        <v>0</v>
      </c>
      <c r="C2154">
        <v>366</v>
      </c>
      <c r="D2154" t="s">
        <v>88</v>
      </c>
      <c r="E2154" s="1">
        <v>44600.954861111109</v>
      </c>
    </row>
    <row r="2155" spans="1:5" x14ac:dyDescent="0.4">
      <c r="A2155">
        <v>1808</v>
      </c>
      <c r="B2155">
        <v>0</v>
      </c>
      <c r="C2155">
        <v>367</v>
      </c>
      <c r="D2155" t="s">
        <v>88</v>
      </c>
      <c r="E2155" s="1">
        <v>44600.954861111109</v>
      </c>
    </row>
    <row r="2156" spans="1:5" x14ac:dyDescent="0.4">
      <c r="A2156">
        <v>1809</v>
      </c>
      <c r="B2156">
        <v>0</v>
      </c>
      <c r="C2156">
        <v>368</v>
      </c>
      <c r="D2156" t="s">
        <v>88</v>
      </c>
      <c r="E2156" s="1">
        <v>44600.954861111109</v>
      </c>
    </row>
    <row r="2157" spans="1:5" x14ac:dyDescent="0.4">
      <c r="A2157">
        <v>1810</v>
      </c>
      <c r="B2157">
        <v>0</v>
      </c>
      <c r="C2157">
        <v>369</v>
      </c>
      <c r="D2157" t="s">
        <v>88</v>
      </c>
      <c r="E2157" s="1">
        <v>44600.954861111109</v>
      </c>
    </row>
    <row r="2158" spans="1:5" x14ac:dyDescent="0.4">
      <c r="A2158">
        <v>1811</v>
      </c>
      <c r="B2158">
        <v>0</v>
      </c>
      <c r="C2158">
        <v>370</v>
      </c>
      <c r="D2158" t="s">
        <v>88</v>
      </c>
      <c r="E2158" s="1">
        <v>44600.954861111109</v>
      </c>
    </row>
    <row r="2159" spans="1:5" x14ac:dyDescent="0.4">
      <c r="A2159">
        <v>1812</v>
      </c>
      <c r="B2159">
        <v>0</v>
      </c>
      <c r="C2159">
        <v>371</v>
      </c>
      <c r="D2159" t="s">
        <v>88</v>
      </c>
      <c r="E2159" s="1">
        <v>44600.954861111109</v>
      </c>
    </row>
    <row r="2160" spans="1:5" x14ac:dyDescent="0.4">
      <c r="A2160">
        <v>1813</v>
      </c>
      <c r="B2160">
        <v>0</v>
      </c>
      <c r="C2160">
        <v>372</v>
      </c>
      <c r="D2160" t="s">
        <v>88</v>
      </c>
      <c r="E2160" s="1">
        <v>44600.954861111109</v>
      </c>
    </row>
    <row r="2161" spans="1:5" x14ac:dyDescent="0.4">
      <c r="A2161">
        <v>1814</v>
      </c>
      <c r="B2161">
        <v>0</v>
      </c>
      <c r="C2161">
        <v>373</v>
      </c>
      <c r="D2161" t="s">
        <v>88</v>
      </c>
      <c r="E2161" s="1">
        <v>44600.954861111109</v>
      </c>
    </row>
    <row r="2162" spans="1:5" x14ac:dyDescent="0.4">
      <c r="A2162">
        <v>1815</v>
      </c>
      <c r="B2162">
        <v>0</v>
      </c>
      <c r="C2162">
        <v>381</v>
      </c>
      <c r="D2162" t="s">
        <v>88</v>
      </c>
      <c r="E2162" s="1">
        <v>44600.954861111109</v>
      </c>
    </row>
    <row r="2163" spans="1:5" x14ac:dyDescent="0.4">
      <c r="A2163">
        <v>1816</v>
      </c>
      <c r="B2163">
        <v>0</v>
      </c>
      <c r="C2163">
        <v>382</v>
      </c>
      <c r="D2163" t="s">
        <v>88</v>
      </c>
      <c r="E2163" s="1">
        <v>44600.954861111109</v>
      </c>
    </row>
    <row r="2164" spans="1:5" x14ac:dyDescent="0.4">
      <c r="A2164">
        <v>1817</v>
      </c>
      <c r="B2164">
        <v>0</v>
      </c>
      <c r="C2164">
        <v>383</v>
      </c>
      <c r="D2164" t="s">
        <v>88</v>
      </c>
      <c r="E2164" s="1">
        <v>44600.954861111109</v>
      </c>
    </row>
    <row r="2165" spans="1:5" x14ac:dyDescent="0.4">
      <c r="A2165">
        <v>1818</v>
      </c>
      <c r="B2165">
        <v>0</v>
      </c>
      <c r="C2165">
        <v>384</v>
      </c>
      <c r="D2165" t="s">
        <v>88</v>
      </c>
      <c r="E2165" s="1">
        <v>44600.954861111109</v>
      </c>
    </row>
    <row r="2166" spans="1:5" x14ac:dyDescent="0.4">
      <c r="A2166">
        <v>1819</v>
      </c>
      <c r="B2166">
        <v>0</v>
      </c>
      <c r="C2166">
        <v>385</v>
      </c>
      <c r="D2166" t="s">
        <v>88</v>
      </c>
      <c r="E2166" s="1">
        <v>44600.954861111109</v>
      </c>
    </row>
    <row r="2167" spans="1:5" x14ac:dyDescent="0.4">
      <c r="A2167">
        <v>1820</v>
      </c>
      <c r="B2167">
        <v>0</v>
      </c>
      <c r="C2167">
        <v>386</v>
      </c>
      <c r="D2167" t="s">
        <v>88</v>
      </c>
      <c r="E2167" s="1">
        <v>44600.954861111109</v>
      </c>
    </row>
    <row r="2168" spans="1:5" x14ac:dyDescent="0.4">
      <c r="A2168">
        <v>1821</v>
      </c>
      <c r="B2168">
        <v>0</v>
      </c>
      <c r="C2168">
        <v>391</v>
      </c>
      <c r="D2168" t="s">
        <v>88</v>
      </c>
      <c r="E2168" s="1">
        <v>44600.954861111109</v>
      </c>
    </row>
    <row r="2169" spans="1:5" x14ac:dyDescent="0.4">
      <c r="A2169">
        <v>1822</v>
      </c>
      <c r="B2169">
        <v>0</v>
      </c>
      <c r="C2169">
        <v>392</v>
      </c>
      <c r="D2169" t="s">
        <v>88</v>
      </c>
      <c r="E2169" s="1">
        <v>44600.954861111109</v>
      </c>
    </row>
    <row r="2170" spans="1:5" x14ac:dyDescent="0.4">
      <c r="A2170">
        <v>1823</v>
      </c>
      <c r="B2170">
        <v>0</v>
      </c>
      <c r="C2170">
        <v>393</v>
      </c>
      <c r="D2170" t="s">
        <v>88</v>
      </c>
      <c r="E2170" s="1">
        <v>44600.954861111109</v>
      </c>
    </row>
    <row r="2171" spans="1:5" x14ac:dyDescent="0.4">
      <c r="A2171">
        <v>1824</v>
      </c>
      <c r="B2171">
        <v>0</v>
      </c>
      <c r="C2171">
        <v>395</v>
      </c>
      <c r="D2171" t="s">
        <v>88</v>
      </c>
      <c r="E2171" s="1">
        <v>44600.954861111109</v>
      </c>
    </row>
    <row r="2172" spans="1:5" x14ac:dyDescent="0.4">
      <c r="A2172">
        <v>1825</v>
      </c>
      <c r="B2172">
        <v>0</v>
      </c>
      <c r="C2172">
        <v>396</v>
      </c>
      <c r="D2172" t="s">
        <v>88</v>
      </c>
      <c r="E2172" s="1">
        <v>44600.954861111109</v>
      </c>
    </row>
    <row r="2173" spans="1:5" x14ac:dyDescent="0.4">
      <c r="A2173">
        <v>1826</v>
      </c>
      <c r="B2173">
        <v>0</v>
      </c>
      <c r="C2173">
        <v>401</v>
      </c>
      <c r="D2173" t="s">
        <v>88</v>
      </c>
      <c r="E2173" s="1">
        <v>44600.954861111109</v>
      </c>
    </row>
    <row r="2174" spans="1:5" x14ac:dyDescent="0.4">
      <c r="A2174">
        <v>1827</v>
      </c>
      <c r="B2174">
        <v>0</v>
      </c>
      <c r="C2174">
        <v>402</v>
      </c>
      <c r="D2174" t="s">
        <v>88</v>
      </c>
      <c r="E2174" s="1">
        <v>44600.954861111109</v>
      </c>
    </row>
    <row r="2175" spans="1:5" x14ac:dyDescent="0.4">
      <c r="A2175">
        <v>1828</v>
      </c>
      <c r="B2175">
        <v>0</v>
      </c>
      <c r="C2175">
        <v>403</v>
      </c>
      <c r="D2175" t="s">
        <v>88</v>
      </c>
      <c r="E2175" s="1">
        <v>44600.954861111109</v>
      </c>
    </row>
    <row r="2176" spans="1:5" x14ac:dyDescent="0.4">
      <c r="A2176">
        <v>1829</v>
      </c>
      <c r="B2176">
        <v>0</v>
      </c>
      <c r="C2176">
        <v>404</v>
      </c>
      <c r="D2176" t="s">
        <v>88</v>
      </c>
      <c r="E2176" s="1">
        <v>44600.954861111109</v>
      </c>
    </row>
    <row r="2177" spans="1:5" x14ac:dyDescent="0.4">
      <c r="A2177">
        <v>1830</v>
      </c>
      <c r="B2177">
        <v>0</v>
      </c>
      <c r="C2177">
        <v>405</v>
      </c>
      <c r="D2177" t="s">
        <v>88</v>
      </c>
      <c r="E2177" s="1">
        <v>44600.954861111109</v>
      </c>
    </row>
    <row r="2178" spans="1:5" x14ac:dyDescent="0.4">
      <c r="A2178">
        <v>1831</v>
      </c>
      <c r="B2178">
        <v>0</v>
      </c>
      <c r="C2178">
        <v>406</v>
      </c>
      <c r="D2178" t="s">
        <v>88</v>
      </c>
      <c r="E2178" s="1">
        <v>44600.954861111109</v>
      </c>
    </row>
    <row r="2179" spans="1:5" x14ac:dyDescent="0.4">
      <c r="A2179">
        <v>1832</v>
      </c>
      <c r="B2179">
        <v>0</v>
      </c>
      <c r="C2179">
        <v>411</v>
      </c>
      <c r="D2179" t="s">
        <v>88</v>
      </c>
      <c r="E2179" s="1">
        <v>44600.954861111109</v>
      </c>
    </row>
    <row r="2180" spans="1:5" x14ac:dyDescent="0.4">
      <c r="A2180">
        <v>1833</v>
      </c>
      <c r="B2180">
        <v>0</v>
      </c>
      <c r="C2180">
        <v>412</v>
      </c>
      <c r="D2180" t="s">
        <v>88</v>
      </c>
      <c r="E2180" s="1">
        <v>44600.954861111109</v>
      </c>
    </row>
    <row r="2181" spans="1:5" x14ac:dyDescent="0.4">
      <c r="A2181">
        <v>1834</v>
      </c>
      <c r="B2181">
        <v>0</v>
      </c>
      <c r="C2181">
        <v>413</v>
      </c>
      <c r="D2181" t="s">
        <v>88</v>
      </c>
      <c r="E2181" s="1">
        <v>44600.954861111109</v>
      </c>
    </row>
    <row r="2182" spans="1:5" x14ac:dyDescent="0.4">
      <c r="A2182">
        <v>1835</v>
      </c>
      <c r="B2182">
        <v>0</v>
      </c>
      <c r="C2182">
        <v>414</v>
      </c>
      <c r="D2182" t="s">
        <v>88</v>
      </c>
      <c r="E2182" s="1">
        <v>44600.954861111109</v>
      </c>
    </row>
    <row r="2183" spans="1:5" x14ac:dyDescent="0.4">
      <c r="A2183">
        <v>1836</v>
      </c>
      <c r="B2183">
        <v>0</v>
      </c>
      <c r="C2183">
        <v>421</v>
      </c>
      <c r="D2183" t="s">
        <v>88</v>
      </c>
      <c r="E2183" s="1">
        <v>44600.954861111109</v>
      </c>
    </row>
    <row r="2184" spans="1:5" x14ac:dyDescent="0.4">
      <c r="A2184">
        <v>1837</v>
      </c>
      <c r="B2184">
        <v>0</v>
      </c>
      <c r="C2184">
        <v>422</v>
      </c>
      <c r="D2184" t="s">
        <v>88</v>
      </c>
      <c r="E2184" s="1">
        <v>44600.954861111109</v>
      </c>
    </row>
    <row r="2185" spans="1:5" x14ac:dyDescent="0.4">
      <c r="A2185">
        <v>1838</v>
      </c>
      <c r="B2185">
        <v>0</v>
      </c>
      <c r="C2185">
        <v>431</v>
      </c>
      <c r="D2185" t="s">
        <v>88</v>
      </c>
      <c r="E2185" s="1">
        <v>44600.954861111109</v>
      </c>
    </row>
    <row r="2186" spans="1:5" x14ac:dyDescent="0.4">
      <c r="A2186">
        <v>1839</v>
      </c>
      <c r="B2186">
        <v>0</v>
      </c>
      <c r="C2186">
        <v>432</v>
      </c>
      <c r="D2186" t="s">
        <v>88</v>
      </c>
      <c r="E2186" s="1">
        <v>44600.954861111109</v>
      </c>
    </row>
    <row r="2187" spans="1:5" x14ac:dyDescent="0.4">
      <c r="A2187">
        <v>1840</v>
      </c>
      <c r="B2187">
        <v>0</v>
      </c>
      <c r="C2187">
        <v>433</v>
      </c>
      <c r="D2187" t="s">
        <v>88</v>
      </c>
      <c r="E2187" s="1">
        <v>44600.954861111109</v>
      </c>
    </row>
    <row r="2188" spans="1:5" x14ac:dyDescent="0.4">
      <c r="A2188">
        <v>1841</v>
      </c>
      <c r="B2188">
        <v>1</v>
      </c>
      <c r="C2188">
        <v>1</v>
      </c>
      <c r="D2188" t="s">
        <v>88</v>
      </c>
      <c r="E2188" s="1">
        <v>44600.959722222222</v>
      </c>
    </row>
    <row r="2189" spans="1:5" x14ac:dyDescent="0.4">
      <c r="A2189">
        <v>1842</v>
      </c>
      <c r="B2189">
        <v>0</v>
      </c>
      <c r="C2189">
        <v>2</v>
      </c>
      <c r="D2189" t="s">
        <v>88</v>
      </c>
      <c r="E2189" s="1">
        <v>44600.959722222222</v>
      </c>
    </row>
    <row r="2190" spans="1:5" x14ac:dyDescent="0.4">
      <c r="A2190">
        <v>1843</v>
      </c>
      <c r="B2190">
        <v>0</v>
      </c>
      <c r="C2190">
        <v>3</v>
      </c>
      <c r="D2190" t="s">
        <v>88</v>
      </c>
      <c r="E2190" s="1">
        <v>44600.959722222222</v>
      </c>
    </row>
    <row r="2191" spans="1:5" x14ac:dyDescent="0.4">
      <c r="A2191">
        <v>1844</v>
      </c>
      <c r="B2191">
        <v>0</v>
      </c>
      <c r="C2191">
        <v>4</v>
      </c>
      <c r="D2191" t="s">
        <v>88</v>
      </c>
      <c r="E2191" s="1">
        <v>44600.959722222222</v>
      </c>
    </row>
    <row r="2192" spans="1:5" x14ac:dyDescent="0.4">
      <c r="A2192">
        <v>1845</v>
      </c>
      <c r="B2192">
        <v>0</v>
      </c>
      <c r="C2192">
        <v>5</v>
      </c>
      <c r="D2192" t="s">
        <v>88</v>
      </c>
      <c r="E2192" s="1">
        <v>44600.959722222222</v>
      </c>
    </row>
    <row r="2193" spans="1:5" x14ac:dyDescent="0.4">
      <c r="A2193">
        <v>1846</v>
      </c>
      <c r="B2193">
        <v>0</v>
      </c>
      <c r="C2193">
        <v>11</v>
      </c>
      <c r="D2193" t="s">
        <v>88</v>
      </c>
      <c r="E2193" s="1">
        <v>44600.959722222222</v>
      </c>
    </row>
    <row r="2194" spans="1:5" x14ac:dyDescent="0.4">
      <c r="A2194">
        <v>1847</v>
      </c>
      <c r="B2194">
        <v>0</v>
      </c>
      <c r="C2194">
        <v>12</v>
      </c>
      <c r="D2194" t="s">
        <v>88</v>
      </c>
      <c r="E2194" s="1">
        <v>44600.959722222222</v>
      </c>
    </row>
    <row r="2195" spans="1:5" x14ac:dyDescent="0.4">
      <c r="A2195">
        <v>1848</v>
      </c>
      <c r="B2195">
        <v>0</v>
      </c>
      <c r="C2195">
        <v>15</v>
      </c>
      <c r="D2195" t="s">
        <v>88</v>
      </c>
      <c r="E2195" s="1">
        <v>44600.959722222222</v>
      </c>
    </row>
    <row r="2196" spans="1:5" x14ac:dyDescent="0.4">
      <c r="A2196">
        <v>1849</v>
      </c>
      <c r="B2196">
        <v>0</v>
      </c>
      <c r="C2196">
        <v>16</v>
      </c>
      <c r="D2196" t="s">
        <v>88</v>
      </c>
      <c r="E2196" s="1">
        <v>44600.959722222222</v>
      </c>
    </row>
    <row r="2197" spans="1:5" x14ac:dyDescent="0.4">
      <c r="A2197">
        <v>1850</v>
      </c>
      <c r="B2197">
        <v>0</v>
      </c>
      <c r="C2197">
        <v>17</v>
      </c>
      <c r="D2197" t="s">
        <v>88</v>
      </c>
      <c r="E2197" s="1">
        <v>44600.959722222222</v>
      </c>
    </row>
    <row r="2198" spans="1:5" x14ac:dyDescent="0.4">
      <c r="A2198">
        <v>1851</v>
      </c>
      <c r="B2198">
        <v>0</v>
      </c>
      <c r="C2198">
        <v>21</v>
      </c>
      <c r="D2198" t="s">
        <v>88</v>
      </c>
      <c r="E2198" s="1">
        <v>44600.959722222222</v>
      </c>
    </row>
    <row r="2199" spans="1:5" x14ac:dyDescent="0.4">
      <c r="A2199">
        <v>1852</v>
      </c>
      <c r="B2199">
        <v>0</v>
      </c>
      <c r="C2199">
        <v>22</v>
      </c>
      <c r="D2199" t="s">
        <v>88</v>
      </c>
      <c r="E2199" s="1">
        <v>44600.959722222222</v>
      </c>
    </row>
    <row r="2200" spans="1:5" x14ac:dyDescent="0.4">
      <c r="A2200">
        <v>1853</v>
      </c>
      <c r="B2200">
        <v>0</v>
      </c>
      <c r="C2200">
        <v>23</v>
      </c>
      <c r="D2200" t="s">
        <v>88</v>
      </c>
      <c r="E2200" s="1">
        <v>44600.959722222222</v>
      </c>
    </row>
    <row r="2201" spans="1:5" x14ac:dyDescent="0.4">
      <c r="A2201">
        <v>1854</v>
      </c>
      <c r="B2201">
        <v>0</v>
      </c>
      <c r="C2201">
        <v>24</v>
      </c>
      <c r="D2201" t="s">
        <v>88</v>
      </c>
      <c r="E2201" s="1">
        <v>44600.959722222222</v>
      </c>
    </row>
    <row r="2202" spans="1:5" x14ac:dyDescent="0.4">
      <c r="A2202">
        <v>1855</v>
      </c>
      <c r="B2202">
        <v>0</v>
      </c>
      <c r="C2202">
        <v>25</v>
      </c>
      <c r="D2202" t="s">
        <v>88</v>
      </c>
      <c r="E2202" s="1">
        <v>44600.959722222222</v>
      </c>
    </row>
    <row r="2203" spans="1:5" x14ac:dyDescent="0.4">
      <c r="A2203">
        <v>1856</v>
      </c>
      <c r="B2203">
        <v>0</v>
      </c>
      <c r="C2203">
        <v>26</v>
      </c>
      <c r="D2203" t="s">
        <v>88</v>
      </c>
      <c r="E2203" s="1">
        <v>44600.959722222222</v>
      </c>
    </row>
    <row r="2204" spans="1:5" x14ac:dyDescent="0.4">
      <c r="A2204">
        <v>1857</v>
      </c>
      <c r="B2204">
        <v>0</v>
      </c>
      <c r="C2204">
        <v>27</v>
      </c>
      <c r="D2204" t="s">
        <v>88</v>
      </c>
      <c r="E2204" s="1">
        <v>44600.959722222222</v>
      </c>
    </row>
    <row r="2205" spans="1:5" x14ac:dyDescent="0.4">
      <c r="A2205">
        <v>1858</v>
      </c>
      <c r="B2205">
        <v>0</v>
      </c>
      <c r="C2205">
        <v>28</v>
      </c>
      <c r="D2205" t="s">
        <v>88</v>
      </c>
      <c r="E2205" s="1">
        <v>44600.959722222222</v>
      </c>
    </row>
    <row r="2206" spans="1:5" x14ac:dyDescent="0.4">
      <c r="A2206">
        <v>1859</v>
      </c>
      <c r="B2206">
        <v>0</v>
      </c>
      <c r="C2206">
        <v>29</v>
      </c>
      <c r="D2206" t="s">
        <v>88</v>
      </c>
      <c r="E2206" s="1">
        <v>44600.959722222222</v>
      </c>
    </row>
    <row r="2207" spans="1:5" x14ac:dyDescent="0.4">
      <c r="A2207">
        <v>1860</v>
      </c>
      <c r="B2207">
        <v>0</v>
      </c>
      <c r="C2207">
        <v>30</v>
      </c>
      <c r="D2207" t="s">
        <v>88</v>
      </c>
      <c r="E2207" s="1">
        <v>44600.959722222222</v>
      </c>
    </row>
    <row r="2208" spans="1:5" x14ac:dyDescent="0.4">
      <c r="A2208">
        <v>1861</v>
      </c>
      <c r="B2208">
        <v>0</v>
      </c>
      <c r="C2208">
        <v>31</v>
      </c>
      <c r="D2208" t="s">
        <v>88</v>
      </c>
      <c r="E2208" s="1">
        <v>44600.959722222222</v>
      </c>
    </row>
    <row r="2209" spans="1:5" x14ac:dyDescent="0.4">
      <c r="A2209">
        <v>1862</v>
      </c>
      <c r="B2209">
        <v>0</v>
      </c>
      <c r="C2209">
        <v>32</v>
      </c>
      <c r="D2209" t="s">
        <v>88</v>
      </c>
      <c r="E2209" s="1">
        <v>44600.959722222222</v>
      </c>
    </row>
    <row r="2210" spans="1:5" x14ac:dyDescent="0.4">
      <c r="A2210">
        <v>1863</v>
      </c>
      <c r="B2210">
        <v>0</v>
      </c>
      <c r="C2210">
        <v>33</v>
      </c>
      <c r="D2210" t="s">
        <v>88</v>
      </c>
      <c r="E2210" s="1">
        <v>44600.959722222222</v>
      </c>
    </row>
    <row r="2211" spans="1:5" x14ac:dyDescent="0.4">
      <c r="A2211">
        <v>1864</v>
      </c>
      <c r="B2211">
        <v>0</v>
      </c>
      <c r="C2211">
        <v>41</v>
      </c>
      <c r="D2211" t="s">
        <v>88</v>
      </c>
      <c r="E2211" s="1">
        <v>44600.959722222222</v>
      </c>
    </row>
    <row r="2212" spans="1:5" x14ac:dyDescent="0.4">
      <c r="A2212">
        <v>1865</v>
      </c>
      <c r="B2212">
        <v>0</v>
      </c>
      <c r="C2212">
        <v>42</v>
      </c>
      <c r="D2212" t="s">
        <v>88</v>
      </c>
      <c r="E2212" s="1">
        <v>44600.959722222222</v>
      </c>
    </row>
    <row r="2213" spans="1:5" x14ac:dyDescent="0.4">
      <c r="A2213">
        <v>1866</v>
      </c>
      <c r="B2213">
        <v>0</v>
      </c>
      <c r="C2213">
        <v>43</v>
      </c>
      <c r="D2213" t="s">
        <v>88</v>
      </c>
      <c r="E2213" s="1">
        <v>44600.959722222222</v>
      </c>
    </row>
    <row r="2214" spans="1:5" x14ac:dyDescent="0.4">
      <c r="A2214">
        <v>1867</v>
      </c>
      <c r="B2214">
        <v>0</v>
      </c>
      <c r="C2214">
        <v>44</v>
      </c>
      <c r="D2214" t="s">
        <v>88</v>
      </c>
      <c r="E2214" s="1">
        <v>44600.959722222222</v>
      </c>
    </row>
    <row r="2215" spans="1:5" x14ac:dyDescent="0.4">
      <c r="A2215">
        <v>1868</v>
      </c>
      <c r="B2215">
        <v>0</v>
      </c>
      <c r="C2215">
        <v>45</v>
      </c>
      <c r="D2215" t="s">
        <v>88</v>
      </c>
      <c r="E2215" s="1">
        <v>44600.959722222222</v>
      </c>
    </row>
    <row r="2216" spans="1:5" x14ac:dyDescent="0.4">
      <c r="A2216">
        <v>1869</v>
      </c>
      <c r="B2216">
        <v>0</v>
      </c>
      <c r="C2216">
        <v>46</v>
      </c>
      <c r="D2216" t="s">
        <v>88</v>
      </c>
      <c r="E2216" s="1">
        <v>44600.959722222222</v>
      </c>
    </row>
    <row r="2217" spans="1:5" x14ac:dyDescent="0.4">
      <c r="A2217">
        <v>1870</v>
      </c>
      <c r="B2217">
        <v>0</v>
      </c>
      <c r="C2217">
        <v>47</v>
      </c>
      <c r="D2217" t="s">
        <v>88</v>
      </c>
      <c r="E2217" s="1">
        <v>44600.959722222222</v>
      </c>
    </row>
    <row r="2218" spans="1:5" x14ac:dyDescent="0.4">
      <c r="A2218">
        <v>1871</v>
      </c>
      <c r="B2218">
        <v>0</v>
      </c>
      <c r="C2218">
        <v>48</v>
      </c>
      <c r="D2218" t="s">
        <v>88</v>
      </c>
      <c r="E2218" s="1">
        <v>44600.959722222222</v>
      </c>
    </row>
    <row r="2219" spans="1:5" x14ac:dyDescent="0.4">
      <c r="A2219">
        <v>1872</v>
      </c>
      <c r="B2219">
        <v>0</v>
      </c>
      <c r="C2219">
        <v>49</v>
      </c>
      <c r="D2219" t="s">
        <v>88</v>
      </c>
      <c r="E2219" s="1">
        <v>44600.959722222222</v>
      </c>
    </row>
    <row r="2220" spans="1:5" x14ac:dyDescent="0.4">
      <c r="A2220">
        <v>1873</v>
      </c>
      <c r="B2220">
        <v>0</v>
      </c>
      <c r="C2220">
        <v>50</v>
      </c>
      <c r="D2220" t="s">
        <v>88</v>
      </c>
      <c r="E2220" s="1">
        <v>44600.959722222222</v>
      </c>
    </row>
    <row r="2221" spans="1:5" x14ac:dyDescent="0.4">
      <c r="A2221">
        <v>1874</v>
      </c>
      <c r="B2221">
        <v>0</v>
      </c>
      <c r="C2221">
        <v>51</v>
      </c>
      <c r="D2221" t="s">
        <v>88</v>
      </c>
      <c r="E2221" s="1">
        <v>44600.959722222222</v>
      </c>
    </row>
    <row r="2222" spans="1:5" x14ac:dyDescent="0.4">
      <c r="A2222">
        <v>1875</v>
      </c>
      <c r="B2222">
        <v>0</v>
      </c>
      <c r="C2222">
        <v>52</v>
      </c>
      <c r="D2222" t="s">
        <v>88</v>
      </c>
      <c r="E2222" s="1">
        <v>44600.959722222222</v>
      </c>
    </row>
    <row r="2223" spans="1:5" x14ac:dyDescent="0.4">
      <c r="A2223">
        <v>1876</v>
      </c>
      <c r="B2223">
        <v>0</v>
      </c>
      <c r="C2223">
        <v>53</v>
      </c>
      <c r="D2223" t="s">
        <v>88</v>
      </c>
      <c r="E2223" s="1">
        <v>44600.959722222222</v>
      </c>
    </row>
    <row r="2224" spans="1:5" x14ac:dyDescent="0.4">
      <c r="A2224">
        <v>1877</v>
      </c>
      <c r="B2224">
        <v>0</v>
      </c>
      <c r="C2224">
        <v>54</v>
      </c>
      <c r="D2224" t="s">
        <v>88</v>
      </c>
      <c r="E2224" s="1">
        <v>44600.959722222222</v>
      </c>
    </row>
    <row r="2225" spans="1:5" x14ac:dyDescent="0.4">
      <c r="A2225">
        <v>1878</v>
      </c>
      <c r="B2225">
        <v>0</v>
      </c>
      <c r="C2225">
        <v>55</v>
      </c>
      <c r="D2225" t="s">
        <v>88</v>
      </c>
      <c r="E2225" s="1">
        <v>44600.959722222222</v>
      </c>
    </row>
    <row r="2226" spans="1:5" x14ac:dyDescent="0.4">
      <c r="A2226">
        <v>1879</v>
      </c>
      <c r="B2226">
        <v>0</v>
      </c>
      <c r="C2226">
        <v>61</v>
      </c>
      <c r="D2226" t="s">
        <v>88</v>
      </c>
      <c r="E2226" s="1">
        <v>44600.959722222222</v>
      </c>
    </row>
    <row r="2227" spans="1:5" x14ac:dyDescent="0.4">
      <c r="A2227">
        <v>1880</v>
      </c>
      <c r="B2227">
        <v>0</v>
      </c>
      <c r="C2227">
        <v>62</v>
      </c>
      <c r="D2227" t="s">
        <v>88</v>
      </c>
      <c r="E2227" s="1">
        <v>44600.959722222222</v>
      </c>
    </row>
    <row r="2228" spans="1:5" x14ac:dyDescent="0.4">
      <c r="A2228">
        <v>1881</v>
      </c>
      <c r="B2228">
        <v>0</v>
      </c>
      <c r="C2228">
        <v>63</v>
      </c>
      <c r="D2228" t="s">
        <v>88</v>
      </c>
      <c r="E2228" s="1">
        <v>44600.959722222222</v>
      </c>
    </row>
    <row r="2229" spans="1:5" x14ac:dyDescent="0.4">
      <c r="A2229">
        <v>1882</v>
      </c>
      <c r="B2229">
        <v>0</v>
      </c>
      <c r="C2229">
        <v>64</v>
      </c>
      <c r="D2229" t="s">
        <v>88</v>
      </c>
      <c r="E2229" s="1">
        <v>44600.959722222222</v>
      </c>
    </row>
    <row r="2230" spans="1:5" x14ac:dyDescent="0.4">
      <c r="A2230">
        <v>1883</v>
      </c>
      <c r="B2230">
        <v>0</v>
      </c>
      <c r="C2230">
        <v>65</v>
      </c>
      <c r="D2230" t="s">
        <v>88</v>
      </c>
      <c r="E2230" s="1">
        <v>44600.959722222222</v>
      </c>
    </row>
    <row r="2231" spans="1:5" x14ac:dyDescent="0.4">
      <c r="A2231">
        <v>1884</v>
      </c>
      <c r="B2231">
        <v>0</v>
      </c>
      <c r="C2231">
        <v>66</v>
      </c>
      <c r="D2231" t="s">
        <v>88</v>
      </c>
      <c r="E2231" s="1">
        <v>44600.959722222222</v>
      </c>
    </row>
    <row r="2232" spans="1:5" x14ac:dyDescent="0.4">
      <c r="A2232">
        <v>1885</v>
      </c>
      <c r="B2232">
        <v>0</v>
      </c>
      <c r="C2232">
        <v>67</v>
      </c>
      <c r="D2232" t="s">
        <v>88</v>
      </c>
      <c r="E2232" s="1">
        <v>44600.959722222222</v>
      </c>
    </row>
    <row r="2233" spans="1:5" x14ac:dyDescent="0.4">
      <c r="A2233">
        <v>1886</v>
      </c>
      <c r="B2233">
        <v>0</v>
      </c>
      <c r="C2233">
        <v>68</v>
      </c>
      <c r="D2233" t="s">
        <v>88</v>
      </c>
      <c r="E2233" s="1">
        <v>44600.959722222222</v>
      </c>
    </row>
    <row r="2234" spans="1:5" x14ac:dyDescent="0.4">
      <c r="A2234">
        <v>1887</v>
      </c>
      <c r="B2234">
        <v>0</v>
      </c>
      <c r="C2234">
        <v>69</v>
      </c>
      <c r="D2234" t="s">
        <v>88</v>
      </c>
      <c r="E2234" s="1">
        <v>44600.959722222222</v>
      </c>
    </row>
    <row r="2235" spans="1:5" x14ac:dyDescent="0.4">
      <c r="A2235">
        <v>1888</v>
      </c>
      <c r="B2235">
        <v>0</v>
      </c>
      <c r="C2235">
        <v>70</v>
      </c>
      <c r="D2235" t="s">
        <v>88</v>
      </c>
      <c r="E2235" s="1">
        <v>44600.959722222222</v>
      </c>
    </row>
    <row r="2236" spans="1:5" x14ac:dyDescent="0.4">
      <c r="A2236">
        <v>1889</v>
      </c>
      <c r="B2236">
        <v>0</v>
      </c>
      <c r="C2236">
        <v>71</v>
      </c>
      <c r="D2236" t="s">
        <v>88</v>
      </c>
      <c r="E2236" s="1">
        <v>44600.959722222222</v>
      </c>
    </row>
    <row r="2237" spans="1:5" x14ac:dyDescent="0.4">
      <c r="A2237">
        <v>1890</v>
      </c>
      <c r="B2237">
        <v>0</v>
      </c>
      <c r="C2237">
        <v>72</v>
      </c>
      <c r="D2237" t="s">
        <v>88</v>
      </c>
      <c r="E2237" s="1">
        <v>44600.959722222222</v>
      </c>
    </row>
    <row r="2238" spans="1:5" x14ac:dyDescent="0.4">
      <c r="A2238">
        <v>1891</v>
      </c>
      <c r="B2238">
        <v>0</v>
      </c>
      <c r="C2238">
        <v>73</v>
      </c>
      <c r="D2238" t="s">
        <v>88</v>
      </c>
      <c r="E2238" s="1">
        <v>44600.959722222222</v>
      </c>
    </row>
    <row r="2239" spans="1:5" x14ac:dyDescent="0.4">
      <c r="A2239">
        <v>1892</v>
      </c>
      <c r="B2239">
        <v>0</v>
      </c>
      <c r="C2239">
        <v>74</v>
      </c>
      <c r="D2239" t="s">
        <v>88</v>
      </c>
      <c r="E2239" s="1">
        <v>44600.959722222222</v>
      </c>
    </row>
    <row r="2240" spans="1:5" x14ac:dyDescent="0.4">
      <c r="A2240">
        <v>1893</v>
      </c>
      <c r="B2240">
        <v>0</v>
      </c>
      <c r="C2240">
        <v>75</v>
      </c>
      <c r="D2240" t="s">
        <v>88</v>
      </c>
      <c r="E2240" s="1">
        <v>44600.959722222222</v>
      </c>
    </row>
    <row r="2241" spans="1:5" x14ac:dyDescent="0.4">
      <c r="A2241">
        <v>1894</v>
      </c>
      <c r="B2241">
        <v>0</v>
      </c>
      <c r="C2241">
        <v>76</v>
      </c>
      <c r="D2241" t="s">
        <v>88</v>
      </c>
      <c r="E2241" s="1">
        <v>44600.959722222222</v>
      </c>
    </row>
    <row r="2242" spans="1:5" x14ac:dyDescent="0.4">
      <c r="A2242">
        <v>1895</v>
      </c>
      <c r="B2242">
        <v>0</v>
      </c>
      <c r="C2242">
        <v>77</v>
      </c>
      <c r="D2242" t="s">
        <v>88</v>
      </c>
      <c r="E2242" s="1">
        <v>44600.959722222222</v>
      </c>
    </row>
    <row r="2243" spans="1:5" x14ac:dyDescent="0.4">
      <c r="A2243">
        <v>1896</v>
      </c>
      <c r="B2243">
        <v>0</v>
      </c>
      <c r="C2243">
        <v>78</v>
      </c>
      <c r="D2243" t="s">
        <v>88</v>
      </c>
      <c r="E2243" s="1">
        <v>44600.959722222222</v>
      </c>
    </row>
    <row r="2244" spans="1:5" x14ac:dyDescent="0.4">
      <c r="A2244">
        <v>1897</v>
      </c>
      <c r="B2244">
        <v>0</v>
      </c>
      <c r="C2244">
        <v>79</v>
      </c>
      <c r="D2244" t="s">
        <v>88</v>
      </c>
      <c r="E2244" s="1">
        <v>44600.959722222222</v>
      </c>
    </row>
    <row r="2245" spans="1:5" x14ac:dyDescent="0.4">
      <c r="A2245">
        <v>1898</v>
      </c>
      <c r="B2245">
        <v>0</v>
      </c>
      <c r="C2245">
        <v>91</v>
      </c>
      <c r="D2245" t="s">
        <v>88</v>
      </c>
      <c r="E2245" s="1">
        <v>44600.959722222222</v>
      </c>
    </row>
    <row r="2246" spans="1:5" x14ac:dyDescent="0.4">
      <c r="A2246">
        <v>1899</v>
      </c>
      <c r="B2246">
        <v>0</v>
      </c>
      <c r="C2246">
        <v>92</v>
      </c>
      <c r="D2246" t="s">
        <v>88</v>
      </c>
      <c r="E2246" s="1">
        <v>44600.959722222222</v>
      </c>
    </row>
    <row r="2247" spans="1:5" x14ac:dyDescent="0.4">
      <c r="A2247">
        <v>1900</v>
      </c>
      <c r="B2247">
        <v>0</v>
      </c>
      <c r="C2247">
        <v>93</v>
      </c>
      <c r="D2247" t="s">
        <v>88</v>
      </c>
      <c r="E2247" s="1">
        <v>44600.959722222222</v>
      </c>
    </row>
    <row r="2248" spans="1:5" x14ac:dyDescent="0.4">
      <c r="A2248">
        <v>1901</v>
      </c>
      <c r="B2248">
        <v>0</v>
      </c>
      <c r="C2248">
        <v>94</v>
      </c>
      <c r="D2248" t="s">
        <v>88</v>
      </c>
      <c r="E2248" s="1">
        <v>44600.959722222222</v>
      </c>
    </row>
    <row r="2249" spans="1:5" x14ac:dyDescent="0.4">
      <c r="A2249">
        <v>1902</v>
      </c>
      <c r="B2249">
        <v>0</v>
      </c>
      <c r="C2249">
        <v>95</v>
      </c>
      <c r="D2249" t="s">
        <v>88</v>
      </c>
      <c r="E2249" s="1">
        <v>44600.959722222222</v>
      </c>
    </row>
    <row r="2250" spans="1:5" x14ac:dyDescent="0.4">
      <c r="A2250">
        <v>1903</v>
      </c>
      <c r="B2250">
        <v>0</v>
      </c>
      <c r="C2250">
        <v>96</v>
      </c>
      <c r="D2250" t="s">
        <v>88</v>
      </c>
      <c r="E2250" s="1">
        <v>44600.959722222222</v>
      </c>
    </row>
    <row r="2251" spans="1:5" x14ac:dyDescent="0.4">
      <c r="A2251">
        <v>1904</v>
      </c>
      <c r="B2251">
        <v>0</v>
      </c>
      <c r="C2251">
        <v>97</v>
      </c>
      <c r="D2251" t="s">
        <v>88</v>
      </c>
      <c r="E2251" s="1">
        <v>44600.959722222222</v>
      </c>
    </row>
    <row r="2252" spans="1:5" x14ac:dyDescent="0.4">
      <c r="A2252">
        <v>1905</v>
      </c>
      <c r="B2252">
        <v>0</v>
      </c>
      <c r="C2252">
        <v>98</v>
      </c>
      <c r="D2252" t="s">
        <v>88</v>
      </c>
      <c r="E2252" s="1">
        <v>44600.959722222222</v>
      </c>
    </row>
    <row r="2253" spans="1:5" x14ac:dyDescent="0.4">
      <c r="A2253">
        <v>1906</v>
      </c>
      <c r="B2253">
        <v>0</v>
      </c>
      <c r="C2253">
        <v>99</v>
      </c>
      <c r="D2253" t="s">
        <v>88</v>
      </c>
      <c r="E2253" s="1">
        <v>44600.959722222222</v>
      </c>
    </row>
    <row r="2254" spans="1:5" x14ac:dyDescent="0.4">
      <c r="A2254">
        <v>1907</v>
      </c>
      <c r="B2254">
        <v>0</v>
      </c>
      <c r="C2254">
        <v>100</v>
      </c>
      <c r="D2254" t="s">
        <v>88</v>
      </c>
      <c r="E2254" s="1">
        <v>44600.959722222222</v>
      </c>
    </row>
    <row r="2255" spans="1:5" x14ac:dyDescent="0.4">
      <c r="A2255">
        <v>1908</v>
      </c>
      <c r="B2255">
        <v>0</v>
      </c>
      <c r="C2255">
        <v>101</v>
      </c>
      <c r="D2255" t="s">
        <v>88</v>
      </c>
      <c r="E2255" s="1">
        <v>44600.959722222222</v>
      </c>
    </row>
    <row r="2256" spans="1:5" x14ac:dyDescent="0.4">
      <c r="A2256">
        <v>1909</v>
      </c>
      <c r="B2256">
        <v>0</v>
      </c>
      <c r="C2256">
        <v>102</v>
      </c>
      <c r="D2256" t="s">
        <v>88</v>
      </c>
      <c r="E2256" s="1">
        <v>44600.959722222222</v>
      </c>
    </row>
    <row r="2257" spans="1:5" x14ac:dyDescent="0.4">
      <c r="A2257">
        <v>1910</v>
      </c>
      <c r="B2257">
        <v>0</v>
      </c>
      <c r="C2257">
        <v>103</v>
      </c>
      <c r="D2257" t="s">
        <v>88</v>
      </c>
      <c r="E2257" s="1">
        <v>44600.959722222222</v>
      </c>
    </row>
    <row r="2258" spans="1:5" x14ac:dyDescent="0.4">
      <c r="A2258">
        <v>1911</v>
      </c>
      <c r="B2258">
        <v>0</v>
      </c>
      <c r="C2258">
        <v>104</v>
      </c>
      <c r="D2258" t="s">
        <v>88</v>
      </c>
      <c r="E2258" s="1">
        <v>44600.959722222222</v>
      </c>
    </row>
    <row r="2259" spans="1:5" x14ac:dyDescent="0.4">
      <c r="A2259">
        <v>1912</v>
      </c>
      <c r="B2259">
        <v>0</v>
      </c>
      <c r="C2259">
        <v>105</v>
      </c>
      <c r="D2259" t="s">
        <v>88</v>
      </c>
      <c r="E2259" s="1">
        <v>44600.959722222222</v>
      </c>
    </row>
    <row r="2260" spans="1:5" x14ac:dyDescent="0.4">
      <c r="A2260">
        <v>1913</v>
      </c>
      <c r="B2260">
        <v>0</v>
      </c>
      <c r="C2260">
        <v>106</v>
      </c>
      <c r="D2260" t="s">
        <v>88</v>
      </c>
      <c r="E2260" s="1">
        <v>44600.959722222222</v>
      </c>
    </row>
    <row r="2261" spans="1:5" x14ac:dyDescent="0.4">
      <c r="A2261">
        <v>1914</v>
      </c>
      <c r="B2261">
        <v>0</v>
      </c>
      <c r="C2261">
        <v>107</v>
      </c>
      <c r="D2261" t="s">
        <v>88</v>
      </c>
      <c r="E2261" s="1">
        <v>44600.959722222222</v>
      </c>
    </row>
    <row r="2262" spans="1:5" x14ac:dyDescent="0.4">
      <c r="A2262">
        <v>1915</v>
      </c>
      <c r="B2262">
        <v>0</v>
      </c>
      <c r="C2262">
        <v>108</v>
      </c>
      <c r="D2262" t="s">
        <v>88</v>
      </c>
      <c r="E2262" s="1">
        <v>44600.959722222222</v>
      </c>
    </row>
    <row r="2263" spans="1:5" x14ac:dyDescent="0.4">
      <c r="A2263">
        <v>1916</v>
      </c>
      <c r="B2263">
        <v>0</v>
      </c>
      <c r="C2263">
        <v>109</v>
      </c>
      <c r="D2263" t="s">
        <v>88</v>
      </c>
      <c r="E2263" s="1">
        <v>44600.959722222222</v>
      </c>
    </row>
    <row r="2264" spans="1:5" x14ac:dyDescent="0.4">
      <c r="A2264">
        <v>1917</v>
      </c>
      <c r="B2264">
        <v>0</v>
      </c>
      <c r="C2264">
        <v>110</v>
      </c>
      <c r="D2264" t="s">
        <v>88</v>
      </c>
      <c r="E2264" s="1">
        <v>44600.959722222222</v>
      </c>
    </row>
    <row r="2265" spans="1:5" x14ac:dyDescent="0.4">
      <c r="A2265">
        <v>1918</v>
      </c>
      <c r="B2265">
        <v>0</v>
      </c>
      <c r="C2265">
        <v>111</v>
      </c>
      <c r="D2265" t="s">
        <v>88</v>
      </c>
      <c r="E2265" s="1">
        <v>44600.959722222222</v>
      </c>
    </row>
    <row r="2266" spans="1:5" x14ac:dyDescent="0.4">
      <c r="A2266">
        <v>1919</v>
      </c>
      <c r="B2266">
        <v>0</v>
      </c>
      <c r="C2266">
        <v>112</v>
      </c>
      <c r="D2266" t="s">
        <v>88</v>
      </c>
      <c r="E2266" s="1">
        <v>44600.959722222222</v>
      </c>
    </row>
    <row r="2267" spans="1:5" x14ac:dyDescent="0.4">
      <c r="A2267">
        <v>1920</v>
      </c>
      <c r="B2267">
        <v>0</v>
      </c>
      <c r="C2267">
        <v>113</v>
      </c>
      <c r="D2267" t="s">
        <v>88</v>
      </c>
      <c r="E2267" s="1">
        <v>44600.959722222222</v>
      </c>
    </row>
    <row r="2268" spans="1:5" x14ac:dyDescent="0.4">
      <c r="A2268">
        <v>1921</v>
      </c>
      <c r="B2268">
        <v>0</v>
      </c>
      <c r="C2268">
        <v>114</v>
      </c>
      <c r="D2268" t="s">
        <v>88</v>
      </c>
      <c r="E2268" s="1">
        <v>44600.959722222222</v>
      </c>
    </row>
    <row r="2269" spans="1:5" x14ac:dyDescent="0.4">
      <c r="A2269">
        <v>1922</v>
      </c>
      <c r="B2269">
        <v>0</v>
      </c>
      <c r="C2269">
        <v>115</v>
      </c>
      <c r="D2269" t="s">
        <v>88</v>
      </c>
      <c r="E2269" s="1">
        <v>44600.959722222222</v>
      </c>
    </row>
    <row r="2270" spans="1:5" x14ac:dyDescent="0.4">
      <c r="A2270">
        <v>1923</v>
      </c>
      <c r="B2270">
        <v>0</v>
      </c>
      <c r="C2270">
        <v>116</v>
      </c>
      <c r="D2270" t="s">
        <v>88</v>
      </c>
      <c r="E2270" s="1">
        <v>44600.959722222222</v>
      </c>
    </row>
    <row r="2271" spans="1:5" x14ac:dyDescent="0.4">
      <c r="A2271">
        <v>1924</v>
      </c>
      <c r="B2271">
        <v>0</v>
      </c>
      <c r="C2271">
        <v>121</v>
      </c>
      <c r="D2271" t="s">
        <v>88</v>
      </c>
      <c r="E2271" s="1">
        <v>44600.959722222222</v>
      </c>
    </row>
    <row r="2272" spans="1:5" x14ac:dyDescent="0.4">
      <c r="A2272">
        <v>1925</v>
      </c>
      <c r="B2272">
        <v>0</v>
      </c>
      <c r="C2272">
        <v>122</v>
      </c>
      <c r="D2272" t="s">
        <v>88</v>
      </c>
      <c r="E2272" s="1">
        <v>44600.959722222222</v>
      </c>
    </row>
    <row r="2273" spans="1:5" x14ac:dyDescent="0.4">
      <c r="A2273">
        <v>1926</v>
      </c>
      <c r="B2273">
        <v>0</v>
      </c>
      <c r="C2273">
        <v>123</v>
      </c>
      <c r="D2273" t="s">
        <v>88</v>
      </c>
      <c r="E2273" s="1">
        <v>44600.959722222222</v>
      </c>
    </row>
    <row r="2274" spans="1:5" x14ac:dyDescent="0.4">
      <c r="A2274">
        <v>1927</v>
      </c>
      <c r="B2274">
        <v>0</v>
      </c>
      <c r="C2274">
        <v>124</v>
      </c>
      <c r="D2274" t="s">
        <v>88</v>
      </c>
      <c r="E2274" s="1">
        <v>44600.959722222222</v>
      </c>
    </row>
    <row r="2275" spans="1:5" x14ac:dyDescent="0.4">
      <c r="A2275">
        <v>1928</v>
      </c>
      <c r="B2275">
        <v>0</v>
      </c>
      <c r="C2275">
        <v>125</v>
      </c>
      <c r="D2275" t="s">
        <v>88</v>
      </c>
      <c r="E2275" s="1">
        <v>44600.959722222222</v>
      </c>
    </row>
    <row r="2276" spans="1:5" x14ac:dyDescent="0.4">
      <c r="A2276">
        <v>1929</v>
      </c>
      <c r="B2276">
        <v>0</v>
      </c>
      <c r="C2276">
        <v>126</v>
      </c>
      <c r="D2276" t="s">
        <v>88</v>
      </c>
      <c r="E2276" s="1">
        <v>44600.959722222222</v>
      </c>
    </row>
    <row r="2277" spans="1:5" x14ac:dyDescent="0.4">
      <c r="A2277">
        <v>1930</v>
      </c>
      <c r="B2277">
        <v>0</v>
      </c>
      <c r="C2277">
        <v>131</v>
      </c>
      <c r="D2277" t="s">
        <v>88</v>
      </c>
      <c r="E2277" s="1">
        <v>44600.959722222222</v>
      </c>
    </row>
    <row r="2278" spans="1:5" x14ac:dyDescent="0.4">
      <c r="A2278">
        <v>1931</v>
      </c>
      <c r="B2278">
        <v>0</v>
      </c>
      <c r="C2278">
        <v>141</v>
      </c>
      <c r="D2278" t="s">
        <v>88</v>
      </c>
      <c r="E2278" s="1">
        <v>44600.959722222222</v>
      </c>
    </row>
    <row r="2279" spans="1:5" x14ac:dyDescent="0.4">
      <c r="A2279">
        <v>1932</v>
      </c>
      <c r="B2279">
        <v>0</v>
      </c>
      <c r="C2279">
        <v>142</v>
      </c>
      <c r="D2279" t="s">
        <v>88</v>
      </c>
      <c r="E2279" s="1">
        <v>44600.959722222222</v>
      </c>
    </row>
    <row r="2280" spans="1:5" x14ac:dyDescent="0.4">
      <c r="A2280">
        <v>1933</v>
      </c>
      <c r="B2280">
        <v>0</v>
      </c>
      <c r="C2280">
        <v>143</v>
      </c>
      <c r="D2280" t="s">
        <v>88</v>
      </c>
      <c r="E2280" s="1">
        <v>44600.959722222222</v>
      </c>
    </row>
    <row r="2281" spans="1:5" x14ac:dyDescent="0.4">
      <c r="A2281">
        <v>1934</v>
      </c>
      <c r="B2281">
        <v>0</v>
      </c>
      <c r="C2281">
        <v>144</v>
      </c>
      <c r="D2281" t="s">
        <v>88</v>
      </c>
      <c r="E2281" s="1">
        <v>44600.959722222222</v>
      </c>
    </row>
    <row r="2282" spans="1:5" x14ac:dyDescent="0.4">
      <c r="A2282">
        <v>1935</v>
      </c>
      <c r="B2282">
        <v>0</v>
      </c>
      <c r="C2282">
        <v>145</v>
      </c>
      <c r="D2282" t="s">
        <v>88</v>
      </c>
      <c r="E2282" s="1">
        <v>44600.959722222222</v>
      </c>
    </row>
    <row r="2283" spans="1:5" x14ac:dyDescent="0.4">
      <c r="A2283">
        <v>1936</v>
      </c>
      <c r="B2283">
        <v>0</v>
      </c>
      <c r="C2283">
        <v>146</v>
      </c>
      <c r="D2283" t="s">
        <v>88</v>
      </c>
      <c r="E2283" s="1">
        <v>44600.959722222222</v>
      </c>
    </row>
    <row r="2284" spans="1:5" x14ac:dyDescent="0.4">
      <c r="A2284">
        <v>1937</v>
      </c>
      <c r="B2284">
        <v>0</v>
      </c>
      <c r="C2284">
        <v>147</v>
      </c>
      <c r="D2284" t="s">
        <v>88</v>
      </c>
      <c r="E2284" s="1">
        <v>44600.959722222222</v>
      </c>
    </row>
    <row r="2285" spans="1:5" x14ac:dyDescent="0.4">
      <c r="A2285">
        <v>1938</v>
      </c>
      <c r="B2285">
        <v>0</v>
      </c>
      <c r="C2285">
        <v>161</v>
      </c>
      <c r="D2285" t="s">
        <v>88</v>
      </c>
      <c r="E2285" s="1">
        <v>44600.959722222222</v>
      </c>
    </row>
    <row r="2286" spans="1:5" x14ac:dyDescent="0.4">
      <c r="A2286">
        <v>1939</v>
      </c>
      <c r="B2286">
        <v>0</v>
      </c>
      <c r="C2286">
        <v>162</v>
      </c>
      <c r="D2286" t="s">
        <v>88</v>
      </c>
      <c r="E2286" s="1">
        <v>44600.959722222222</v>
      </c>
    </row>
    <row r="2287" spans="1:5" x14ac:dyDescent="0.4">
      <c r="A2287">
        <v>1940</v>
      </c>
      <c r="B2287">
        <v>0</v>
      </c>
      <c r="C2287">
        <v>163</v>
      </c>
      <c r="D2287" t="s">
        <v>88</v>
      </c>
      <c r="E2287" s="1">
        <v>44600.959722222222</v>
      </c>
    </row>
    <row r="2288" spans="1:5" x14ac:dyDescent="0.4">
      <c r="A2288">
        <v>1941</v>
      </c>
      <c r="B2288">
        <v>0</v>
      </c>
      <c r="C2288">
        <v>164</v>
      </c>
      <c r="D2288" t="s">
        <v>88</v>
      </c>
      <c r="E2288" s="1">
        <v>44600.959722222222</v>
      </c>
    </row>
    <row r="2289" spans="1:5" x14ac:dyDescent="0.4">
      <c r="A2289">
        <v>1942</v>
      </c>
      <c r="B2289">
        <v>0</v>
      </c>
      <c r="C2289">
        <v>165</v>
      </c>
      <c r="D2289" t="s">
        <v>88</v>
      </c>
      <c r="E2289" s="1">
        <v>44600.959722222222</v>
      </c>
    </row>
    <row r="2290" spans="1:5" x14ac:dyDescent="0.4">
      <c r="A2290">
        <v>1943</v>
      </c>
      <c r="B2290">
        <v>0</v>
      </c>
      <c r="C2290">
        <v>166</v>
      </c>
      <c r="D2290" t="s">
        <v>88</v>
      </c>
      <c r="E2290" s="1">
        <v>44600.959722222222</v>
      </c>
    </row>
    <row r="2291" spans="1:5" x14ac:dyDescent="0.4">
      <c r="A2291">
        <v>1944</v>
      </c>
      <c r="B2291">
        <v>0</v>
      </c>
      <c r="C2291">
        <v>167</v>
      </c>
      <c r="D2291" t="s">
        <v>88</v>
      </c>
      <c r="E2291" s="1">
        <v>44600.959722222222</v>
      </c>
    </row>
    <row r="2292" spans="1:5" x14ac:dyDescent="0.4">
      <c r="A2292">
        <v>1945</v>
      </c>
      <c r="B2292">
        <v>0</v>
      </c>
      <c r="C2292">
        <v>168</v>
      </c>
      <c r="D2292" t="s">
        <v>88</v>
      </c>
      <c r="E2292" s="1">
        <v>44600.959722222222</v>
      </c>
    </row>
    <row r="2293" spans="1:5" x14ac:dyDescent="0.4">
      <c r="A2293">
        <v>1946</v>
      </c>
      <c r="B2293">
        <v>0</v>
      </c>
      <c r="C2293">
        <v>169</v>
      </c>
      <c r="D2293" t="s">
        <v>88</v>
      </c>
      <c r="E2293" s="1">
        <v>44600.959722222222</v>
      </c>
    </row>
    <row r="2294" spans="1:5" x14ac:dyDescent="0.4">
      <c r="A2294">
        <v>1947</v>
      </c>
      <c r="B2294">
        <v>0</v>
      </c>
      <c r="C2294">
        <v>170</v>
      </c>
      <c r="D2294" t="s">
        <v>88</v>
      </c>
      <c r="E2294" s="1">
        <v>44600.959722222222</v>
      </c>
    </row>
    <row r="2295" spans="1:5" x14ac:dyDescent="0.4">
      <c r="A2295">
        <v>1948</v>
      </c>
      <c r="B2295">
        <v>0</v>
      </c>
      <c r="C2295">
        <v>171</v>
      </c>
      <c r="D2295" t="s">
        <v>88</v>
      </c>
      <c r="E2295" s="1">
        <v>44600.959722222222</v>
      </c>
    </row>
    <row r="2296" spans="1:5" x14ac:dyDescent="0.4">
      <c r="A2296">
        <v>1949</v>
      </c>
      <c r="B2296">
        <v>0</v>
      </c>
      <c r="C2296">
        <v>172</v>
      </c>
      <c r="D2296" t="s">
        <v>88</v>
      </c>
      <c r="E2296" s="1">
        <v>44600.959722222222</v>
      </c>
    </row>
    <row r="2297" spans="1:5" x14ac:dyDescent="0.4">
      <c r="A2297">
        <v>1950</v>
      </c>
      <c r="B2297">
        <v>0</v>
      </c>
      <c r="C2297">
        <v>173</v>
      </c>
      <c r="D2297" t="s">
        <v>88</v>
      </c>
      <c r="E2297" s="1">
        <v>44600.959722222222</v>
      </c>
    </row>
    <row r="2298" spans="1:5" x14ac:dyDescent="0.4">
      <c r="A2298">
        <v>1951</v>
      </c>
      <c r="B2298">
        <v>0</v>
      </c>
      <c r="C2298">
        <v>174</v>
      </c>
      <c r="D2298" t="s">
        <v>88</v>
      </c>
      <c r="E2298" s="1">
        <v>44600.959722222222</v>
      </c>
    </row>
    <row r="2299" spans="1:5" x14ac:dyDescent="0.4">
      <c r="A2299">
        <v>1952</v>
      </c>
      <c r="B2299">
        <v>0</v>
      </c>
      <c r="C2299">
        <v>175</v>
      </c>
      <c r="D2299" t="s">
        <v>88</v>
      </c>
      <c r="E2299" s="1">
        <v>44600.959722222222</v>
      </c>
    </row>
    <row r="2300" spans="1:5" x14ac:dyDescent="0.4">
      <c r="A2300">
        <v>1953</v>
      </c>
      <c r="B2300">
        <v>0</v>
      </c>
      <c r="C2300">
        <v>181</v>
      </c>
      <c r="D2300" t="s">
        <v>88</v>
      </c>
      <c r="E2300" s="1">
        <v>44600.959722222222</v>
      </c>
    </row>
    <row r="2301" spans="1:5" x14ac:dyDescent="0.4">
      <c r="A2301">
        <v>1954</v>
      </c>
      <c r="B2301">
        <v>0</v>
      </c>
      <c r="C2301">
        <v>182</v>
      </c>
      <c r="D2301" t="s">
        <v>88</v>
      </c>
      <c r="E2301" s="1">
        <v>44600.959722222222</v>
      </c>
    </row>
    <row r="2302" spans="1:5" x14ac:dyDescent="0.4">
      <c r="A2302">
        <v>1955</v>
      </c>
      <c r="B2302">
        <v>0</v>
      </c>
      <c r="C2302">
        <v>183</v>
      </c>
      <c r="D2302" t="s">
        <v>88</v>
      </c>
      <c r="E2302" s="1">
        <v>44600.959722222222</v>
      </c>
    </row>
    <row r="2303" spans="1:5" x14ac:dyDescent="0.4">
      <c r="A2303">
        <v>1956</v>
      </c>
      <c r="B2303">
        <v>0</v>
      </c>
      <c r="C2303">
        <v>184</v>
      </c>
      <c r="D2303" t="s">
        <v>88</v>
      </c>
      <c r="E2303" s="1">
        <v>44600.959722222222</v>
      </c>
    </row>
    <row r="2304" spans="1:5" x14ac:dyDescent="0.4">
      <c r="A2304">
        <v>1957</v>
      </c>
      <c r="B2304">
        <v>0</v>
      </c>
      <c r="C2304">
        <v>185</v>
      </c>
      <c r="D2304" t="s">
        <v>88</v>
      </c>
      <c r="E2304" s="1">
        <v>44600.959722222222</v>
      </c>
    </row>
    <row r="2305" spans="1:5" x14ac:dyDescent="0.4">
      <c r="A2305">
        <v>1958</v>
      </c>
      <c r="B2305">
        <v>0</v>
      </c>
      <c r="C2305">
        <v>186</v>
      </c>
      <c r="D2305" t="s">
        <v>88</v>
      </c>
      <c r="E2305" s="1">
        <v>44600.959722222222</v>
      </c>
    </row>
    <row r="2306" spans="1:5" x14ac:dyDescent="0.4">
      <c r="A2306">
        <v>1959</v>
      </c>
      <c r="B2306">
        <v>0</v>
      </c>
      <c r="C2306">
        <v>190</v>
      </c>
      <c r="D2306" t="s">
        <v>88</v>
      </c>
      <c r="E2306" s="1">
        <v>44600.959722222222</v>
      </c>
    </row>
    <row r="2307" spans="1:5" x14ac:dyDescent="0.4">
      <c r="A2307">
        <v>1960</v>
      </c>
      <c r="B2307">
        <v>0</v>
      </c>
      <c r="C2307">
        <v>191</v>
      </c>
      <c r="D2307" t="s">
        <v>88</v>
      </c>
      <c r="E2307" s="1">
        <v>44600.959722222222</v>
      </c>
    </row>
    <row r="2308" spans="1:5" x14ac:dyDescent="0.4">
      <c r="A2308">
        <v>1961</v>
      </c>
      <c r="B2308">
        <v>0</v>
      </c>
      <c r="C2308">
        <v>192</v>
      </c>
      <c r="D2308" t="s">
        <v>88</v>
      </c>
      <c r="E2308" s="1">
        <v>44600.959722222222</v>
      </c>
    </row>
    <row r="2309" spans="1:5" x14ac:dyDescent="0.4">
      <c r="A2309">
        <v>1962</v>
      </c>
      <c r="B2309">
        <v>0</v>
      </c>
      <c r="C2309">
        <v>193</v>
      </c>
      <c r="D2309" t="s">
        <v>88</v>
      </c>
      <c r="E2309" s="1">
        <v>44600.959722222222</v>
      </c>
    </row>
    <row r="2310" spans="1:5" x14ac:dyDescent="0.4">
      <c r="A2310">
        <v>1963</v>
      </c>
      <c r="B2310">
        <v>0</v>
      </c>
      <c r="C2310">
        <v>194</v>
      </c>
      <c r="D2310" t="s">
        <v>88</v>
      </c>
      <c r="E2310" s="1">
        <v>44600.959722222222</v>
      </c>
    </row>
    <row r="2311" spans="1:5" x14ac:dyDescent="0.4">
      <c r="A2311">
        <v>1964</v>
      </c>
      <c r="B2311">
        <v>0</v>
      </c>
      <c r="C2311">
        <v>195</v>
      </c>
      <c r="D2311" t="s">
        <v>88</v>
      </c>
      <c r="E2311" s="1">
        <v>44600.959722222222</v>
      </c>
    </row>
    <row r="2312" spans="1:5" x14ac:dyDescent="0.4">
      <c r="A2312">
        <v>1965</v>
      </c>
      <c r="B2312">
        <v>0</v>
      </c>
      <c r="C2312">
        <v>301</v>
      </c>
      <c r="D2312" t="s">
        <v>88</v>
      </c>
      <c r="E2312" s="1">
        <v>44600.959722222222</v>
      </c>
    </row>
    <row r="2313" spans="1:5" x14ac:dyDescent="0.4">
      <c r="A2313">
        <v>1966</v>
      </c>
      <c r="B2313">
        <v>0</v>
      </c>
      <c r="C2313">
        <v>302</v>
      </c>
      <c r="D2313" t="s">
        <v>88</v>
      </c>
      <c r="E2313" s="1">
        <v>44600.959722222222</v>
      </c>
    </row>
    <row r="2314" spans="1:5" x14ac:dyDescent="0.4">
      <c r="A2314">
        <v>1967</v>
      </c>
      <c r="B2314">
        <v>0</v>
      </c>
      <c r="C2314">
        <v>321</v>
      </c>
      <c r="D2314" t="s">
        <v>88</v>
      </c>
      <c r="E2314" s="1">
        <v>44600.959722222222</v>
      </c>
    </row>
    <row r="2315" spans="1:5" x14ac:dyDescent="0.4">
      <c r="A2315">
        <v>1968</v>
      </c>
      <c r="B2315">
        <v>0</v>
      </c>
      <c r="C2315">
        <v>322</v>
      </c>
      <c r="D2315" t="s">
        <v>88</v>
      </c>
      <c r="E2315" s="1">
        <v>44600.959722222222</v>
      </c>
    </row>
    <row r="2316" spans="1:5" x14ac:dyDescent="0.4">
      <c r="A2316">
        <v>1969</v>
      </c>
      <c r="B2316">
        <v>0</v>
      </c>
      <c r="C2316">
        <v>323</v>
      </c>
      <c r="D2316" t="s">
        <v>88</v>
      </c>
      <c r="E2316" s="1">
        <v>44600.959722222222</v>
      </c>
    </row>
    <row r="2317" spans="1:5" x14ac:dyDescent="0.4">
      <c r="A2317">
        <v>1970</v>
      </c>
      <c r="B2317">
        <v>0</v>
      </c>
      <c r="C2317">
        <v>324</v>
      </c>
      <c r="D2317" t="s">
        <v>88</v>
      </c>
      <c r="E2317" s="1">
        <v>44600.959722222222</v>
      </c>
    </row>
    <row r="2318" spans="1:5" x14ac:dyDescent="0.4">
      <c r="A2318">
        <v>1971</v>
      </c>
      <c r="B2318">
        <v>0</v>
      </c>
      <c r="C2318">
        <v>325</v>
      </c>
      <c r="D2318" t="s">
        <v>88</v>
      </c>
      <c r="E2318" s="1">
        <v>44600.959722222222</v>
      </c>
    </row>
    <row r="2319" spans="1:5" x14ac:dyDescent="0.4">
      <c r="A2319">
        <v>1972</v>
      </c>
      <c r="B2319">
        <v>0</v>
      </c>
      <c r="C2319">
        <v>326</v>
      </c>
      <c r="D2319" t="s">
        <v>88</v>
      </c>
      <c r="E2319" s="1">
        <v>44600.959722222222</v>
      </c>
    </row>
    <row r="2320" spans="1:5" x14ac:dyDescent="0.4">
      <c r="A2320">
        <v>1973</v>
      </c>
      <c r="B2320">
        <v>0</v>
      </c>
      <c r="C2320">
        <v>327</v>
      </c>
      <c r="D2320" t="s">
        <v>88</v>
      </c>
      <c r="E2320" s="1">
        <v>44600.959722222222</v>
      </c>
    </row>
    <row r="2321" spans="1:5" x14ac:dyDescent="0.4">
      <c r="A2321">
        <v>1974</v>
      </c>
      <c r="B2321">
        <v>0</v>
      </c>
      <c r="C2321">
        <v>328</v>
      </c>
      <c r="D2321" t="s">
        <v>88</v>
      </c>
      <c r="E2321" s="1">
        <v>44600.959722222222</v>
      </c>
    </row>
    <row r="2322" spans="1:5" x14ac:dyDescent="0.4">
      <c r="A2322">
        <v>1975</v>
      </c>
      <c r="B2322">
        <v>0</v>
      </c>
      <c r="C2322">
        <v>329</v>
      </c>
      <c r="D2322" t="s">
        <v>88</v>
      </c>
      <c r="E2322" s="1">
        <v>44600.959722222222</v>
      </c>
    </row>
    <row r="2323" spans="1:5" x14ac:dyDescent="0.4">
      <c r="A2323">
        <v>1976</v>
      </c>
      <c r="B2323">
        <v>0</v>
      </c>
      <c r="C2323">
        <v>330</v>
      </c>
      <c r="D2323" t="s">
        <v>88</v>
      </c>
      <c r="E2323" s="1">
        <v>44600.959722222222</v>
      </c>
    </row>
    <row r="2324" spans="1:5" x14ac:dyDescent="0.4">
      <c r="A2324">
        <v>1977</v>
      </c>
      <c r="B2324">
        <v>0</v>
      </c>
      <c r="C2324">
        <v>331</v>
      </c>
      <c r="D2324" t="s">
        <v>88</v>
      </c>
      <c r="E2324" s="1">
        <v>44600.959722222222</v>
      </c>
    </row>
    <row r="2325" spans="1:5" x14ac:dyDescent="0.4">
      <c r="A2325">
        <v>1978</v>
      </c>
      <c r="B2325">
        <v>0</v>
      </c>
      <c r="C2325">
        <v>332</v>
      </c>
      <c r="D2325" t="s">
        <v>88</v>
      </c>
      <c r="E2325" s="1">
        <v>44600.959722222222</v>
      </c>
    </row>
    <row r="2326" spans="1:5" x14ac:dyDescent="0.4">
      <c r="A2326">
        <v>1979</v>
      </c>
      <c r="B2326">
        <v>0</v>
      </c>
      <c r="C2326">
        <v>333</v>
      </c>
      <c r="D2326" t="s">
        <v>88</v>
      </c>
      <c r="E2326" s="1">
        <v>44600.959722222222</v>
      </c>
    </row>
    <row r="2327" spans="1:5" x14ac:dyDescent="0.4">
      <c r="A2327">
        <v>1980</v>
      </c>
      <c r="B2327">
        <v>0</v>
      </c>
      <c r="C2327">
        <v>341</v>
      </c>
      <c r="D2327" t="s">
        <v>88</v>
      </c>
      <c r="E2327" s="1">
        <v>44600.959722222222</v>
      </c>
    </row>
    <row r="2328" spans="1:5" x14ac:dyDescent="0.4">
      <c r="A2328">
        <v>1981</v>
      </c>
      <c r="B2328">
        <v>0</v>
      </c>
      <c r="C2328">
        <v>342</v>
      </c>
      <c r="D2328" t="s">
        <v>88</v>
      </c>
      <c r="E2328" s="1">
        <v>44600.959722222222</v>
      </c>
    </row>
    <row r="2329" spans="1:5" x14ac:dyDescent="0.4">
      <c r="A2329">
        <v>1982</v>
      </c>
      <c r="B2329">
        <v>0</v>
      </c>
      <c r="C2329">
        <v>343</v>
      </c>
      <c r="D2329" t="s">
        <v>88</v>
      </c>
      <c r="E2329" s="1">
        <v>44600.959722222222</v>
      </c>
    </row>
    <row r="2330" spans="1:5" x14ac:dyDescent="0.4">
      <c r="A2330">
        <v>1983</v>
      </c>
      <c r="B2330">
        <v>0</v>
      </c>
      <c r="C2330">
        <v>344</v>
      </c>
      <c r="D2330" t="s">
        <v>88</v>
      </c>
      <c r="E2330" s="1">
        <v>44600.959722222222</v>
      </c>
    </row>
    <row r="2331" spans="1:5" x14ac:dyDescent="0.4">
      <c r="A2331">
        <v>1984</v>
      </c>
      <c r="B2331">
        <v>0</v>
      </c>
      <c r="C2331">
        <v>345</v>
      </c>
      <c r="D2331" t="s">
        <v>88</v>
      </c>
      <c r="E2331" s="1">
        <v>44600.959722222222</v>
      </c>
    </row>
    <row r="2332" spans="1:5" x14ac:dyDescent="0.4">
      <c r="A2332">
        <v>1985</v>
      </c>
      <c r="B2332">
        <v>0</v>
      </c>
      <c r="C2332">
        <v>346</v>
      </c>
      <c r="D2332" t="s">
        <v>88</v>
      </c>
      <c r="E2332" s="1">
        <v>44600.959722222222</v>
      </c>
    </row>
    <row r="2333" spans="1:5" x14ac:dyDescent="0.4">
      <c r="A2333">
        <v>1986</v>
      </c>
      <c r="B2333">
        <v>0</v>
      </c>
      <c r="C2333">
        <v>361</v>
      </c>
      <c r="D2333" t="s">
        <v>88</v>
      </c>
      <c r="E2333" s="1">
        <v>44600.959722222222</v>
      </c>
    </row>
    <row r="2334" spans="1:5" x14ac:dyDescent="0.4">
      <c r="A2334">
        <v>1987</v>
      </c>
      <c r="B2334">
        <v>0</v>
      </c>
      <c r="C2334">
        <v>362</v>
      </c>
      <c r="D2334" t="s">
        <v>88</v>
      </c>
      <c r="E2334" s="1">
        <v>44600.959722222222</v>
      </c>
    </row>
    <row r="2335" spans="1:5" x14ac:dyDescent="0.4">
      <c r="A2335">
        <v>1988</v>
      </c>
      <c r="B2335">
        <v>0</v>
      </c>
      <c r="C2335">
        <v>363</v>
      </c>
      <c r="D2335" t="s">
        <v>88</v>
      </c>
      <c r="E2335" s="1">
        <v>44600.959722222222</v>
      </c>
    </row>
    <row r="2336" spans="1:5" x14ac:dyDescent="0.4">
      <c r="A2336">
        <v>1989</v>
      </c>
      <c r="B2336">
        <v>0</v>
      </c>
      <c r="C2336">
        <v>364</v>
      </c>
      <c r="D2336" t="s">
        <v>88</v>
      </c>
      <c r="E2336" s="1">
        <v>44600.959722222222</v>
      </c>
    </row>
    <row r="2337" spans="1:5" x14ac:dyDescent="0.4">
      <c r="A2337">
        <v>1990</v>
      </c>
      <c r="B2337">
        <v>0</v>
      </c>
      <c r="C2337">
        <v>365</v>
      </c>
      <c r="D2337" t="s">
        <v>88</v>
      </c>
      <c r="E2337" s="1">
        <v>44600.959722222222</v>
      </c>
    </row>
    <row r="2338" spans="1:5" x14ac:dyDescent="0.4">
      <c r="A2338">
        <v>1991</v>
      </c>
      <c r="B2338">
        <v>0</v>
      </c>
      <c r="C2338">
        <v>366</v>
      </c>
      <c r="D2338" t="s">
        <v>88</v>
      </c>
      <c r="E2338" s="1">
        <v>44600.959722222222</v>
      </c>
    </row>
    <row r="2339" spans="1:5" x14ac:dyDescent="0.4">
      <c r="A2339">
        <v>1992</v>
      </c>
      <c r="B2339">
        <v>0</v>
      </c>
      <c r="C2339">
        <v>367</v>
      </c>
      <c r="D2339" t="s">
        <v>88</v>
      </c>
      <c r="E2339" s="1">
        <v>44600.959722222222</v>
      </c>
    </row>
    <row r="2340" spans="1:5" x14ac:dyDescent="0.4">
      <c r="A2340">
        <v>1993</v>
      </c>
      <c r="B2340">
        <v>0</v>
      </c>
      <c r="C2340">
        <v>368</v>
      </c>
      <c r="D2340" t="s">
        <v>88</v>
      </c>
      <c r="E2340" s="1">
        <v>44600.959722222222</v>
      </c>
    </row>
    <row r="2341" spans="1:5" x14ac:dyDescent="0.4">
      <c r="A2341">
        <v>1994</v>
      </c>
      <c r="B2341">
        <v>0</v>
      </c>
      <c r="C2341">
        <v>369</v>
      </c>
      <c r="D2341" t="s">
        <v>88</v>
      </c>
      <c r="E2341" s="1">
        <v>44600.959722222222</v>
      </c>
    </row>
    <row r="2342" spans="1:5" x14ac:dyDescent="0.4">
      <c r="A2342">
        <v>1995</v>
      </c>
      <c r="B2342">
        <v>0</v>
      </c>
      <c r="C2342">
        <v>370</v>
      </c>
      <c r="D2342" t="s">
        <v>88</v>
      </c>
      <c r="E2342" s="1">
        <v>44600.959722222222</v>
      </c>
    </row>
    <row r="2343" spans="1:5" x14ac:dyDescent="0.4">
      <c r="A2343">
        <v>1996</v>
      </c>
      <c r="B2343">
        <v>0</v>
      </c>
      <c r="C2343">
        <v>371</v>
      </c>
      <c r="D2343" t="s">
        <v>88</v>
      </c>
      <c r="E2343" s="1">
        <v>44600.959722222222</v>
      </c>
    </row>
    <row r="2344" spans="1:5" x14ac:dyDescent="0.4">
      <c r="A2344">
        <v>1997</v>
      </c>
      <c r="B2344">
        <v>0</v>
      </c>
      <c r="C2344">
        <v>372</v>
      </c>
      <c r="D2344" t="s">
        <v>88</v>
      </c>
      <c r="E2344" s="1">
        <v>44600.959722222222</v>
      </c>
    </row>
    <row r="2345" spans="1:5" x14ac:dyDescent="0.4">
      <c r="A2345">
        <v>1998</v>
      </c>
      <c r="B2345">
        <v>0</v>
      </c>
      <c r="C2345">
        <v>373</v>
      </c>
      <c r="D2345" t="s">
        <v>88</v>
      </c>
      <c r="E2345" s="1">
        <v>44600.959722222222</v>
      </c>
    </row>
    <row r="2346" spans="1:5" x14ac:dyDescent="0.4">
      <c r="A2346">
        <v>1999</v>
      </c>
      <c r="B2346">
        <v>0</v>
      </c>
      <c r="C2346">
        <v>381</v>
      </c>
      <c r="D2346" t="s">
        <v>88</v>
      </c>
      <c r="E2346" s="1">
        <v>44600.959722222222</v>
      </c>
    </row>
    <row r="2347" spans="1:5" x14ac:dyDescent="0.4">
      <c r="A2347">
        <v>2000</v>
      </c>
      <c r="B2347">
        <v>0</v>
      </c>
      <c r="C2347">
        <v>382</v>
      </c>
      <c r="D2347" t="s">
        <v>88</v>
      </c>
      <c r="E2347" s="1">
        <v>44600.959722222222</v>
      </c>
    </row>
    <row r="2348" spans="1:5" x14ac:dyDescent="0.4">
      <c r="A2348">
        <v>2001</v>
      </c>
      <c r="B2348">
        <v>0</v>
      </c>
      <c r="C2348">
        <v>383</v>
      </c>
      <c r="D2348" t="s">
        <v>88</v>
      </c>
      <c r="E2348" s="1">
        <v>44600.959722222222</v>
      </c>
    </row>
    <row r="2349" spans="1:5" x14ac:dyDescent="0.4">
      <c r="A2349">
        <v>2002</v>
      </c>
      <c r="B2349">
        <v>0</v>
      </c>
      <c r="C2349">
        <v>384</v>
      </c>
      <c r="D2349" t="s">
        <v>88</v>
      </c>
      <c r="E2349" s="1">
        <v>44600.959722222222</v>
      </c>
    </row>
    <row r="2350" spans="1:5" x14ac:dyDescent="0.4">
      <c r="A2350">
        <v>2003</v>
      </c>
      <c r="B2350">
        <v>0</v>
      </c>
      <c r="C2350">
        <v>385</v>
      </c>
      <c r="D2350" t="s">
        <v>88</v>
      </c>
      <c r="E2350" s="1">
        <v>44600.959722222222</v>
      </c>
    </row>
    <row r="2351" spans="1:5" x14ac:dyDescent="0.4">
      <c r="A2351">
        <v>2004</v>
      </c>
      <c r="B2351">
        <v>0</v>
      </c>
      <c r="C2351">
        <v>386</v>
      </c>
      <c r="D2351" t="s">
        <v>88</v>
      </c>
      <c r="E2351" s="1">
        <v>44600.959722222222</v>
      </c>
    </row>
    <row r="2352" spans="1:5" x14ac:dyDescent="0.4">
      <c r="A2352">
        <v>2005</v>
      </c>
      <c r="B2352">
        <v>0</v>
      </c>
      <c r="C2352">
        <v>391</v>
      </c>
      <c r="D2352" t="s">
        <v>88</v>
      </c>
      <c r="E2352" s="1">
        <v>44600.959722222222</v>
      </c>
    </row>
    <row r="2353" spans="1:5" x14ac:dyDescent="0.4">
      <c r="A2353">
        <v>2006</v>
      </c>
      <c r="B2353">
        <v>0</v>
      </c>
      <c r="C2353">
        <v>392</v>
      </c>
      <c r="D2353" t="s">
        <v>88</v>
      </c>
      <c r="E2353" s="1">
        <v>44600.959722222222</v>
      </c>
    </row>
    <row r="2354" spans="1:5" x14ac:dyDescent="0.4">
      <c r="A2354">
        <v>2007</v>
      </c>
      <c r="B2354">
        <v>0</v>
      </c>
      <c r="C2354">
        <v>393</v>
      </c>
      <c r="D2354" t="s">
        <v>88</v>
      </c>
      <c r="E2354" s="1">
        <v>44600.959722222222</v>
      </c>
    </row>
    <row r="2355" spans="1:5" x14ac:dyDescent="0.4">
      <c r="A2355">
        <v>2008</v>
      </c>
      <c r="B2355">
        <v>0</v>
      </c>
      <c r="C2355">
        <v>395</v>
      </c>
      <c r="D2355" t="s">
        <v>88</v>
      </c>
      <c r="E2355" s="1">
        <v>44600.959722222222</v>
      </c>
    </row>
    <row r="2356" spans="1:5" x14ac:dyDescent="0.4">
      <c r="A2356">
        <v>2009</v>
      </c>
      <c r="B2356">
        <v>0</v>
      </c>
      <c r="C2356">
        <v>396</v>
      </c>
      <c r="D2356" t="s">
        <v>88</v>
      </c>
      <c r="E2356" s="1">
        <v>44600.959722222222</v>
      </c>
    </row>
    <row r="2357" spans="1:5" x14ac:dyDescent="0.4">
      <c r="A2357">
        <v>2010</v>
      </c>
      <c r="B2357">
        <v>0</v>
      </c>
      <c r="C2357">
        <v>401</v>
      </c>
      <c r="D2357" t="s">
        <v>88</v>
      </c>
      <c r="E2357" s="1">
        <v>44600.959722222222</v>
      </c>
    </row>
    <row r="2358" spans="1:5" x14ac:dyDescent="0.4">
      <c r="A2358">
        <v>2011</v>
      </c>
      <c r="B2358">
        <v>0</v>
      </c>
      <c r="C2358">
        <v>402</v>
      </c>
      <c r="D2358" t="s">
        <v>88</v>
      </c>
      <c r="E2358" s="1">
        <v>44600.959722222222</v>
      </c>
    </row>
    <row r="2359" spans="1:5" x14ac:dyDescent="0.4">
      <c r="A2359">
        <v>2012</v>
      </c>
      <c r="B2359">
        <v>0</v>
      </c>
      <c r="C2359">
        <v>403</v>
      </c>
      <c r="D2359" t="s">
        <v>88</v>
      </c>
      <c r="E2359" s="1">
        <v>44600.959722222222</v>
      </c>
    </row>
    <row r="2360" spans="1:5" x14ac:dyDescent="0.4">
      <c r="A2360">
        <v>2013</v>
      </c>
      <c r="B2360">
        <v>0</v>
      </c>
      <c r="C2360">
        <v>404</v>
      </c>
      <c r="D2360" t="s">
        <v>88</v>
      </c>
      <c r="E2360" s="1">
        <v>44600.959722222222</v>
      </c>
    </row>
    <row r="2361" spans="1:5" x14ac:dyDescent="0.4">
      <c r="A2361">
        <v>2014</v>
      </c>
      <c r="B2361">
        <v>0</v>
      </c>
      <c r="C2361">
        <v>405</v>
      </c>
      <c r="D2361" t="s">
        <v>88</v>
      </c>
      <c r="E2361" s="1">
        <v>44600.959722222222</v>
      </c>
    </row>
    <row r="2362" spans="1:5" x14ac:dyDescent="0.4">
      <c r="A2362">
        <v>2015</v>
      </c>
      <c r="B2362">
        <v>0</v>
      </c>
      <c r="C2362">
        <v>406</v>
      </c>
      <c r="D2362" t="s">
        <v>88</v>
      </c>
      <c r="E2362" s="1">
        <v>44600.959722222222</v>
      </c>
    </row>
    <row r="2363" spans="1:5" x14ac:dyDescent="0.4">
      <c r="A2363">
        <v>2016</v>
      </c>
      <c r="B2363">
        <v>0</v>
      </c>
      <c r="C2363">
        <v>411</v>
      </c>
      <c r="D2363" t="s">
        <v>88</v>
      </c>
      <c r="E2363" s="1">
        <v>44600.959722222222</v>
      </c>
    </row>
    <row r="2364" spans="1:5" x14ac:dyDescent="0.4">
      <c r="A2364">
        <v>2017</v>
      </c>
      <c r="B2364">
        <v>0</v>
      </c>
      <c r="C2364">
        <v>412</v>
      </c>
      <c r="D2364" t="s">
        <v>88</v>
      </c>
      <c r="E2364" s="1">
        <v>44600.959722222222</v>
      </c>
    </row>
    <row r="2365" spans="1:5" x14ac:dyDescent="0.4">
      <c r="A2365">
        <v>2018</v>
      </c>
      <c r="B2365">
        <v>0</v>
      </c>
      <c r="C2365">
        <v>413</v>
      </c>
      <c r="D2365" t="s">
        <v>88</v>
      </c>
      <c r="E2365" s="1">
        <v>44600.959722222222</v>
      </c>
    </row>
    <row r="2366" spans="1:5" x14ac:dyDescent="0.4">
      <c r="A2366">
        <v>2019</v>
      </c>
      <c r="B2366">
        <v>0</v>
      </c>
      <c r="C2366">
        <v>414</v>
      </c>
      <c r="D2366" t="s">
        <v>88</v>
      </c>
      <c r="E2366" s="1">
        <v>44600.959722222222</v>
      </c>
    </row>
    <row r="2367" spans="1:5" x14ac:dyDescent="0.4">
      <c r="A2367">
        <v>2020</v>
      </c>
      <c r="B2367">
        <v>0</v>
      </c>
      <c r="C2367">
        <v>421</v>
      </c>
      <c r="D2367" t="s">
        <v>88</v>
      </c>
      <c r="E2367" s="1">
        <v>44600.959722222222</v>
      </c>
    </row>
    <row r="2368" spans="1:5" x14ac:dyDescent="0.4">
      <c r="A2368">
        <v>2021</v>
      </c>
      <c r="B2368">
        <v>0</v>
      </c>
      <c r="C2368">
        <v>422</v>
      </c>
      <c r="D2368" t="s">
        <v>88</v>
      </c>
      <c r="E2368" s="1">
        <v>44600.959722222222</v>
      </c>
    </row>
    <row r="2369" spans="1:5" x14ac:dyDescent="0.4">
      <c r="A2369">
        <v>2022</v>
      </c>
      <c r="B2369">
        <v>0</v>
      </c>
      <c r="C2369">
        <v>431</v>
      </c>
      <c r="D2369" t="s">
        <v>88</v>
      </c>
      <c r="E2369" s="1">
        <v>44600.959722222222</v>
      </c>
    </row>
    <row r="2370" spans="1:5" x14ac:dyDescent="0.4">
      <c r="A2370">
        <v>2023</v>
      </c>
      <c r="B2370">
        <v>0</v>
      </c>
      <c r="C2370">
        <v>432</v>
      </c>
      <c r="D2370" t="s">
        <v>88</v>
      </c>
      <c r="E2370" s="1">
        <v>44600.959722222222</v>
      </c>
    </row>
    <row r="2371" spans="1:5" x14ac:dyDescent="0.4">
      <c r="A2371">
        <v>2024</v>
      </c>
      <c r="B2371">
        <v>0</v>
      </c>
      <c r="C2371">
        <v>433</v>
      </c>
      <c r="D2371" t="s">
        <v>88</v>
      </c>
      <c r="E2371" s="1">
        <v>44600.959722222222</v>
      </c>
    </row>
    <row r="2372" spans="1:5" x14ac:dyDescent="0.4">
      <c r="A2372">
        <v>2025</v>
      </c>
      <c r="B2372">
        <v>1</v>
      </c>
      <c r="C2372">
        <v>1</v>
      </c>
      <c r="D2372" t="s">
        <v>88</v>
      </c>
      <c r="E2372" s="1">
        <v>44600.959722222222</v>
      </c>
    </row>
    <row r="2373" spans="1:5" x14ac:dyDescent="0.4">
      <c r="A2373">
        <v>2026</v>
      </c>
      <c r="B2373">
        <v>0</v>
      </c>
      <c r="C2373">
        <v>2</v>
      </c>
      <c r="D2373" t="s">
        <v>88</v>
      </c>
      <c r="E2373" s="1">
        <v>44600.959722222222</v>
      </c>
    </row>
    <row r="2374" spans="1:5" x14ac:dyDescent="0.4">
      <c r="A2374">
        <v>2027</v>
      </c>
      <c r="B2374">
        <v>0</v>
      </c>
      <c r="C2374">
        <v>3</v>
      </c>
      <c r="D2374" t="s">
        <v>88</v>
      </c>
      <c r="E2374" s="1">
        <v>44600.959722222222</v>
      </c>
    </row>
    <row r="2375" spans="1:5" x14ac:dyDescent="0.4">
      <c r="A2375">
        <v>2028</v>
      </c>
      <c r="B2375">
        <v>0</v>
      </c>
      <c r="C2375">
        <v>4</v>
      </c>
      <c r="D2375" t="s">
        <v>88</v>
      </c>
      <c r="E2375" s="1">
        <v>44600.959722222222</v>
      </c>
    </row>
    <row r="2376" spans="1:5" x14ac:dyDescent="0.4">
      <c r="A2376">
        <v>2029</v>
      </c>
      <c r="B2376">
        <v>0</v>
      </c>
      <c r="C2376">
        <v>5</v>
      </c>
      <c r="D2376" t="s">
        <v>88</v>
      </c>
      <c r="E2376" s="1">
        <v>44600.959722222222</v>
      </c>
    </row>
    <row r="2377" spans="1:5" x14ac:dyDescent="0.4">
      <c r="A2377">
        <v>2030</v>
      </c>
      <c r="B2377">
        <v>0</v>
      </c>
      <c r="C2377">
        <v>11</v>
      </c>
      <c r="D2377" t="s">
        <v>88</v>
      </c>
      <c r="E2377" s="1">
        <v>44600.959722222222</v>
      </c>
    </row>
    <row r="2378" spans="1:5" x14ac:dyDescent="0.4">
      <c r="A2378">
        <v>2031</v>
      </c>
      <c r="B2378">
        <v>0</v>
      </c>
      <c r="C2378">
        <v>12</v>
      </c>
      <c r="D2378" t="s">
        <v>88</v>
      </c>
      <c r="E2378" s="1">
        <v>44600.959722222222</v>
      </c>
    </row>
    <row r="2379" spans="1:5" x14ac:dyDescent="0.4">
      <c r="A2379">
        <v>2032</v>
      </c>
      <c r="B2379">
        <v>0</v>
      </c>
      <c r="C2379">
        <v>15</v>
      </c>
      <c r="D2379" t="s">
        <v>88</v>
      </c>
      <c r="E2379" s="1">
        <v>44600.959722222222</v>
      </c>
    </row>
    <row r="2380" spans="1:5" x14ac:dyDescent="0.4">
      <c r="A2380">
        <v>2033</v>
      </c>
      <c r="B2380">
        <v>0</v>
      </c>
      <c r="C2380">
        <v>16</v>
      </c>
      <c r="D2380" t="s">
        <v>88</v>
      </c>
      <c r="E2380" s="1">
        <v>44600.959722222222</v>
      </c>
    </row>
    <row r="2381" spans="1:5" x14ac:dyDescent="0.4">
      <c r="A2381">
        <v>2034</v>
      </c>
      <c r="B2381">
        <v>0</v>
      </c>
      <c r="C2381">
        <v>17</v>
      </c>
      <c r="D2381" t="s">
        <v>88</v>
      </c>
      <c r="E2381" s="1">
        <v>44600.959722222222</v>
      </c>
    </row>
    <row r="2382" spans="1:5" x14ac:dyDescent="0.4">
      <c r="A2382">
        <v>2035</v>
      </c>
      <c r="B2382">
        <v>0</v>
      </c>
      <c r="C2382">
        <v>21</v>
      </c>
      <c r="D2382" t="s">
        <v>88</v>
      </c>
      <c r="E2382" s="1">
        <v>44600.959722222222</v>
      </c>
    </row>
    <row r="2383" spans="1:5" x14ac:dyDescent="0.4">
      <c r="A2383">
        <v>2036</v>
      </c>
      <c r="B2383">
        <v>0</v>
      </c>
      <c r="C2383">
        <v>22</v>
      </c>
      <c r="D2383" t="s">
        <v>88</v>
      </c>
      <c r="E2383" s="1">
        <v>44600.959722222222</v>
      </c>
    </row>
    <row r="2384" spans="1:5" x14ac:dyDescent="0.4">
      <c r="A2384">
        <v>2037</v>
      </c>
      <c r="B2384">
        <v>0</v>
      </c>
      <c r="C2384">
        <v>23</v>
      </c>
      <c r="D2384" t="s">
        <v>88</v>
      </c>
      <c r="E2384" s="1">
        <v>44600.959722222222</v>
      </c>
    </row>
    <row r="2385" spans="1:5" x14ac:dyDescent="0.4">
      <c r="A2385">
        <v>2038</v>
      </c>
      <c r="B2385">
        <v>0</v>
      </c>
      <c r="C2385">
        <v>24</v>
      </c>
      <c r="D2385" t="s">
        <v>88</v>
      </c>
      <c r="E2385" s="1">
        <v>44600.959722222222</v>
      </c>
    </row>
    <row r="2386" spans="1:5" x14ac:dyDescent="0.4">
      <c r="A2386">
        <v>2039</v>
      </c>
      <c r="B2386">
        <v>0</v>
      </c>
      <c r="C2386">
        <v>25</v>
      </c>
      <c r="D2386" t="s">
        <v>88</v>
      </c>
      <c r="E2386" s="1">
        <v>44600.959722222222</v>
      </c>
    </row>
    <row r="2387" spans="1:5" x14ac:dyDescent="0.4">
      <c r="A2387">
        <v>2040</v>
      </c>
      <c r="B2387">
        <v>0</v>
      </c>
      <c r="C2387">
        <v>26</v>
      </c>
      <c r="D2387" t="s">
        <v>88</v>
      </c>
      <c r="E2387" s="1">
        <v>44600.959722222222</v>
      </c>
    </row>
    <row r="2388" spans="1:5" x14ac:dyDescent="0.4">
      <c r="A2388">
        <v>2041</v>
      </c>
      <c r="B2388">
        <v>0</v>
      </c>
      <c r="C2388">
        <v>27</v>
      </c>
      <c r="D2388" t="s">
        <v>88</v>
      </c>
      <c r="E2388" s="1">
        <v>44600.959722222222</v>
      </c>
    </row>
    <row r="2389" spans="1:5" x14ac:dyDescent="0.4">
      <c r="A2389">
        <v>2042</v>
      </c>
      <c r="B2389">
        <v>0</v>
      </c>
      <c r="C2389">
        <v>28</v>
      </c>
      <c r="D2389" t="s">
        <v>88</v>
      </c>
      <c r="E2389" s="1">
        <v>44600.959722222222</v>
      </c>
    </row>
    <row r="2390" spans="1:5" x14ac:dyDescent="0.4">
      <c r="A2390">
        <v>2043</v>
      </c>
      <c r="B2390">
        <v>0</v>
      </c>
      <c r="C2390">
        <v>29</v>
      </c>
      <c r="D2390" t="s">
        <v>88</v>
      </c>
      <c r="E2390" s="1">
        <v>44600.959722222222</v>
      </c>
    </row>
    <row r="2391" spans="1:5" x14ac:dyDescent="0.4">
      <c r="A2391">
        <v>2044</v>
      </c>
      <c r="B2391">
        <v>0</v>
      </c>
      <c r="C2391">
        <v>30</v>
      </c>
      <c r="D2391" t="s">
        <v>88</v>
      </c>
      <c r="E2391" s="1">
        <v>44600.959722222222</v>
      </c>
    </row>
    <row r="2392" spans="1:5" x14ac:dyDescent="0.4">
      <c r="A2392">
        <v>2045</v>
      </c>
      <c r="B2392">
        <v>0</v>
      </c>
      <c r="C2392">
        <v>31</v>
      </c>
      <c r="D2392" t="s">
        <v>88</v>
      </c>
      <c r="E2392" s="1">
        <v>44600.959722222222</v>
      </c>
    </row>
    <row r="2393" spans="1:5" x14ac:dyDescent="0.4">
      <c r="A2393">
        <v>2046</v>
      </c>
      <c r="B2393">
        <v>0</v>
      </c>
      <c r="C2393">
        <v>32</v>
      </c>
      <c r="D2393" t="s">
        <v>88</v>
      </c>
      <c r="E2393" s="1">
        <v>44600.959722222222</v>
      </c>
    </row>
    <row r="2394" spans="1:5" x14ac:dyDescent="0.4">
      <c r="A2394">
        <v>2047</v>
      </c>
      <c r="B2394">
        <v>0</v>
      </c>
      <c r="C2394">
        <v>33</v>
      </c>
      <c r="D2394" t="s">
        <v>88</v>
      </c>
      <c r="E2394" s="1">
        <v>44600.959722222222</v>
      </c>
    </row>
    <row r="2395" spans="1:5" x14ac:dyDescent="0.4">
      <c r="A2395">
        <v>2048</v>
      </c>
      <c r="B2395">
        <v>0</v>
      </c>
      <c r="C2395">
        <v>41</v>
      </c>
      <c r="D2395" t="s">
        <v>88</v>
      </c>
      <c r="E2395" s="1">
        <v>44600.959722222222</v>
      </c>
    </row>
    <row r="2396" spans="1:5" x14ac:dyDescent="0.4">
      <c r="A2396">
        <v>2049</v>
      </c>
      <c r="B2396">
        <v>0</v>
      </c>
      <c r="C2396">
        <v>42</v>
      </c>
      <c r="D2396" t="s">
        <v>88</v>
      </c>
      <c r="E2396" s="1">
        <v>44600.959722222222</v>
      </c>
    </row>
    <row r="2397" spans="1:5" x14ac:dyDescent="0.4">
      <c r="A2397">
        <v>2050</v>
      </c>
      <c r="B2397">
        <v>0</v>
      </c>
      <c r="C2397">
        <v>43</v>
      </c>
      <c r="D2397" t="s">
        <v>88</v>
      </c>
      <c r="E2397" s="1">
        <v>44600.959722222222</v>
      </c>
    </row>
    <row r="2398" spans="1:5" x14ac:dyDescent="0.4">
      <c r="A2398">
        <v>2051</v>
      </c>
      <c r="B2398">
        <v>0</v>
      </c>
      <c r="C2398">
        <v>44</v>
      </c>
      <c r="D2398" t="s">
        <v>88</v>
      </c>
      <c r="E2398" s="1">
        <v>44600.959722222222</v>
      </c>
    </row>
    <row r="2399" spans="1:5" x14ac:dyDescent="0.4">
      <c r="A2399">
        <v>2052</v>
      </c>
      <c r="B2399">
        <v>0</v>
      </c>
      <c r="C2399">
        <v>45</v>
      </c>
      <c r="D2399" t="s">
        <v>88</v>
      </c>
      <c r="E2399" s="1">
        <v>44600.959722222222</v>
      </c>
    </row>
    <row r="2400" spans="1:5" x14ac:dyDescent="0.4">
      <c r="A2400">
        <v>2053</v>
      </c>
      <c r="B2400">
        <v>0</v>
      </c>
      <c r="C2400">
        <v>46</v>
      </c>
      <c r="D2400" t="s">
        <v>88</v>
      </c>
      <c r="E2400" s="1">
        <v>44600.959722222222</v>
      </c>
    </row>
    <row r="2401" spans="1:5" x14ac:dyDescent="0.4">
      <c r="A2401">
        <v>2054</v>
      </c>
      <c r="B2401">
        <v>0</v>
      </c>
      <c r="C2401">
        <v>47</v>
      </c>
      <c r="D2401" t="s">
        <v>88</v>
      </c>
      <c r="E2401" s="1">
        <v>44600.959722222222</v>
      </c>
    </row>
    <row r="2402" spans="1:5" x14ac:dyDescent="0.4">
      <c r="A2402">
        <v>2055</v>
      </c>
      <c r="B2402">
        <v>0</v>
      </c>
      <c r="C2402">
        <v>48</v>
      </c>
      <c r="D2402" t="s">
        <v>88</v>
      </c>
      <c r="E2402" s="1">
        <v>44600.959722222222</v>
      </c>
    </row>
    <row r="2403" spans="1:5" x14ac:dyDescent="0.4">
      <c r="A2403">
        <v>2056</v>
      </c>
      <c r="B2403">
        <v>0</v>
      </c>
      <c r="C2403">
        <v>49</v>
      </c>
      <c r="D2403" t="s">
        <v>88</v>
      </c>
      <c r="E2403" s="1">
        <v>44600.959722222222</v>
      </c>
    </row>
    <row r="2404" spans="1:5" x14ac:dyDescent="0.4">
      <c r="A2404">
        <v>2057</v>
      </c>
      <c r="B2404">
        <v>0</v>
      </c>
      <c r="C2404">
        <v>50</v>
      </c>
      <c r="D2404" t="s">
        <v>88</v>
      </c>
      <c r="E2404" s="1">
        <v>44600.959722222222</v>
      </c>
    </row>
    <row r="2405" spans="1:5" x14ac:dyDescent="0.4">
      <c r="A2405">
        <v>2058</v>
      </c>
      <c r="B2405">
        <v>0</v>
      </c>
      <c r="C2405">
        <v>51</v>
      </c>
      <c r="D2405" t="s">
        <v>88</v>
      </c>
      <c r="E2405" s="1">
        <v>44600.959722222222</v>
      </c>
    </row>
    <row r="2406" spans="1:5" x14ac:dyDescent="0.4">
      <c r="A2406">
        <v>2059</v>
      </c>
      <c r="B2406">
        <v>0</v>
      </c>
      <c r="C2406">
        <v>52</v>
      </c>
      <c r="D2406" t="s">
        <v>88</v>
      </c>
      <c r="E2406" s="1">
        <v>44600.959722222222</v>
      </c>
    </row>
    <row r="2407" spans="1:5" x14ac:dyDescent="0.4">
      <c r="A2407">
        <v>2060</v>
      </c>
      <c r="B2407">
        <v>0</v>
      </c>
      <c r="C2407">
        <v>53</v>
      </c>
      <c r="D2407" t="s">
        <v>88</v>
      </c>
      <c r="E2407" s="1">
        <v>44600.959722222222</v>
      </c>
    </row>
    <row r="2408" spans="1:5" x14ac:dyDescent="0.4">
      <c r="A2408">
        <v>2061</v>
      </c>
      <c r="B2408">
        <v>0</v>
      </c>
      <c r="C2408">
        <v>54</v>
      </c>
      <c r="D2408" t="s">
        <v>88</v>
      </c>
      <c r="E2408" s="1">
        <v>44600.959722222222</v>
      </c>
    </row>
    <row r="2409" spans="1:5" x14ac:dyDescent="0.4">
      <c r="A2409">
        <v>2062</v>
      </c>
      <c r="B2409">
        <v>0</v>
      </c>
      <c r="C2409">
        <v>55</v>
      </c>
      <c r="D2409" t="s">
        <v>88</v>
      </c>
      <c r="E2409" s="1">
        <v>44600.959722222222</v>
      </c>
    </row>
    <row r="2410" spans="1:5" x14ac:dyDescent="0.4">
      <c r="A2410">
        <v>2063</v>
      </c>
      <c r="B2410">
        <v>0</v>
      </c>
      <c r="C2410">
        <v>61</v>
      </c>
      <c r="D2410" t="s">
        <v>88</v>
      </c>
      <c r="E2410" s="1">
        <v>44600.959722222222</v>
      </c>
    </row>
    <row r="2411" spans="1:5" x14ac:dyDescent="0.4">
      <c r="A2411">
        <v>2064</v>
      </c>
      <c r="B2411">
        <v>0</v>
      </c>
      <c r="C2411">
        <v>62</v>
      </c>
      <c r="D2411" t="s">
        <v>88</v>
      </c>
      <c r="E2411" s="1">
        <v>44600.959722222222</v>
      </c>
    </row>
    <row r="2412" spans="1:5" x14ac:dyDescent="0.4">
      <c r="A2412">
        <v>2065</v>
      </c>
      <c r="B2412">
        <v>0</v>
      </c>
      <c r="C2412">
        <v>63</v>
      </c>
      <c r="D2412" t="s">
        <v>88</v>
      </c>
      <c r="E2412" s="1">
        <v>44600.959722222222</v>
      </c>
    </row>
    <row r="2413" spans="1:5" x14ac:dyDescent="0.4">
      <c r="A2413">
        <v>2066</v>
      </c>
      <c r="B2413">
        <v>0</v>
      </c>
      <c r="C2413">
        <v>64</v>
      </c>
      <c r="D2413" t="s">
        <v>88</v>
      </c>
      <c r="E2413" s="1">
        <v>44600.959722222222</v>
      </c>
    </row>
    <row r="2414" spans="1:5" x14ac:dyDescent="0.4">
      <c r="A2414">
        <v>2067</v>
      </c>
      <c r="B2414">
        <v>0</v>
      </c>
      <c r="C2414">
        <v>65</v>
      </c>
      <c r="D2414" t="s">
        <v>88</v>
      </c>
      <c r="E2414" s="1">
        <v>44600.959722222222</v>
      </c>
    </row>
    <row r="2415" spans="1:5" x14ac:dyDescent="0.4">
      <c r="A2415">
        <v>2068</v>
      </c>
      <c r="B2415">
        <v>0</v>
      </c>
      <c r="C2415">
        <v>66</v>
      </c>
      <c r="D2415" t="s">
        <v>88</v>
      </c>
      <c r="E2415" s="1">
        <v>44600.959722222222</v>
      </c>
    </row>
    <row r="2416" spans="1:5" x14ac:dyDescent="0.4">
      <c r="A2416">
        <v>2069</v>
      </c>
      <c r="B2416">
        <v>0</v>
      </c>
      <c r="C2416">
        <v>67</v>
      </c>
      <c r="D2416" t="s">
        <v>88</v>
      </c>
      <c r="E2416" s="1">
        <v>44600.959722222222</v>
      </c>
    </row>
    <row r="2417" spans="1:5" x14ac:dyDescent="0.4">
      <c r="A2417">
        <v>2070</v>
      </c>
      <c r="B2417">
        <v>0</v>
      </c>
      <c r="C2417">
        <v>68</v>
      </c>
      <c r="D2417" t="s">
        <v>88</v>
      </c>
      <c r="E2417" s="1">
        <v>44600.959722222222</v>
      </c>
    </row>
    <row r="2418" spans="1:5" x14ac:dyDescent="0.4">
      <c r="A2418">
        <v>2071</v>
      </c>
      <c r="B2418">
        <v>0</v>
      </c>
      <c r="C2418">
        <v>69</v>
      </c>
      <c r="D2418" t="s">
        <v>88</v>
      </c>
      <c r="E2418" s="1">
        <v>44600.959722222222</v>
      </c>
    </row>
    <row r="2419" spans="1:5" x14ac:dyDescent="0.4">
      <c r="A2419">
        <v>2072</v>
      </c>
      <c r="B2419">
        <v>0</v>
      </c>
      <c r="C2419">
        <v>70</v>
      </c>
      <c r="D2419" t="s">
        <v>88</v>
      </c>
      <c r="E2419" s="1">
        <v>44600.959722222222</v>
      </c>
    </row>
    <row r="2420" spans="1:5" x14ac:dyDescent="0.4">
      <c r="A2420">
        <v>2073</v>
      </c>
      <c r="B2420">
        <v>0</v>
      </c>
      <c r="C2420">
        <v>71</v>
      </c>
      <c r="D2420" t="s">
        <v>88</v>
      </c>
      <c r="E2420" s="1">
        <v>44600.959722222222</v>
      </c>
    </row>
    <row r="2421" spans="1:5" x14ac:dyDescent="0.4">
      <c r="A2421">
        <v>2074</v>
      </c>
      <c r="B2421">
        <v>0</v>
      </c>
      <c r="C2421">
        <v>72</v>
      </c>
      <c r="D2421" t="s">
        <v>88</v>
      </c>
      <c r="E2421" s="1">
        <v>44600.959722222222</v>
      </c>
    </row>
    <row r="2422" spans="1:5" x14ac:dyDescent="0.4">
      <c r="A2422">
        <v>2075</v>
      </c>
      <c r="B2422">
        <v>0</v>
      </c>
      <c r="C2422">
        <v>73</v>
      </c>
      <c r="D2422" t="s">
        <v>88</v>
      </c>
      <c r="E2422" s="1">
        <v>44600.959722222222</v>
      </c>
    </row>
    <row r="2423" spans="1:5" x14ac:dyDescent="0.4">
      <c r="A2423">
        <v>2076</v>
      </c>
      <c r="B2423">
        <v>0</v>
      </c>
      <c r="C2423">
        <v>74</v>
      </c>
      <c r="D2423" t="s">
        <v>88</v>
      </c>
      <c r="E2423" s="1">
        <v>44600.959722222222</v>
      </c>
    </row>
    <row r="2424" spans="1:5" x14ac:dyDescent="0.4">
      <c r="A2424">
        <v>2077</v>
      </c>
      <c r="B2424">
        <v>0</v>
      </c>
      <c r="C2424">
        <v>75</v>
      </c>
      <c r="D2424" t="s">
        <v>88</v>
      </c>
      <c r="E2424" s="1">
        <v>44600.959722222222</v>
      </c>
    </row>
    <row r="2425" spans="1:5" x14ac:dyDescent="0.4">
      <c r="A2425">
        <v>2078</v>
      </c>
      <c r="B2425">
        <v>0</v>
      </c>
      <c r="C2425">
        <v>76</v>
      </c>
      <c r="D2425" t="s">
        <v>88</v>
      </c>
      <c r="E2425" s="1">
        <v>44600.959722222222</v>
      </c>
    </row>
    <row r="2426" spans="1:5" x14ac:dyDescent="0.4">
      <c r="A2426">
        <v>2079</v>
      </c>
      <c r="B2426">
        <v>0</v>
      </c>
      <c r="C2426">
        <v>77</v>
      </c>
      <c r="D2426" t="s">
        <v>88</v>
      </c>
      <c r="E2426" s="1">
        <v>44600.959722222222</v>
      </c>
    </row>
    <row r="2427" spans="1:5" x14ac:dyDescent="0.4">
      <c r="A2427">
        <v>2080</v>
      </c>
      <c r="B2427">
        <v>0</v>
      </c>
      <c r="C2427">
        <v>78</v>
      </c>
      <c r="D2427" t="s">
        <v>88</v>
      </c>
      <c r="E2427" s="1">
        <v>44600.959722222222</v>
      </c>
    </row>
    <row r="2428" spans="1:5" x14ac:dyDescent="0.4">
      <c r="A2428">
        <v>2081</v>
      </c>
      <c r="B2428">
        <v>0</v>
      </c>
      <c r="C2428">
        <v>79</v>
      </c>
      <c r="D2428" t="s">
        <v>88</v>
      </c>
      <c r="E2428" s="1">
        <v>44600.959722222222</v>
      </c>
    </row>
    <row r="2429" spans="1:5" x14ac:dyDescent="0.4">
      <c r="A2429">
        <v>2082</v>
      </c>
      <c r="B2429">
        <v>0</v>
      </c>
      <c r="C2429">
        <v>91</v>
      </c>
      <c r="D2429" t="s">
        <v>88</v>
      </c>
      <c r="E2429" s="1">
        <v>44600.959722222222</v>
      </c>
    </row>
    <row r="2430" spans="1:5" x14ac:dyDescent="0.4">
      <c r="A2430">
        <v>2083</v>
      </c>
      <c r="B2430">
        <v>0</v>
      </c>
      <c r="C2430">
        <v>92</v>
      </c>
      <c r="D2430" t="s">
        <v>88</v>
      </c>
      <c r="E2430" s="1">
        <v>44600.959722222222</v>
      </c>
    </row>
    <row r="2431" spans="1:5" x14ac:dyDescent="0.4">
      <c r="A2431">
        <v>2084</v>
      </c>
      <c r="B2431">
        <v>0</v>
      </c>
      <c r="C2431">
        <v>93</v>
      </c>
      <c r="D2431" t="s">
        <v>88</v>
      </c>
      <c r="E2431" s="1">
        <v>44600.959722222222</v>
      </c>
    </row>
    <row r="2432" spans="1:5" x14ac:dyDescent="0.4">
      <c r="A2432">
        <v>2085</v>
      </c>
      <c r="B2432">
        <v>0</v>
      </c>
      <c r="C2432">
        <v>94</v>
      </c>
      <c r="D2432" t="s">
        <v>88</v>
      </c>
      <c r="E2432" s="1">
        <v>44600.959722222222</v>
      </c>
    </row>
    <row r="2433" spans="1:5" x14ac:dyDescent="0.4">
      <c r="A2433">
        <v>2086</v>
      </c>
      <c r="B2433">
        <v>0</v>
      </c>
      <c r="C2433">
        <v>95</v>
      </c>
      <c r="D2433" t="s">
        <v>88</v>
      </c>
      <c r="E2433" s="1">
        <v>44600.959722222222</v>
      </c>
    </row>
    <row r="2434" spans="1:5" x14ac:dyDescent="0.4">
      <c r="A2434">
        <v>2087</v>
      </c>
      <c r="B2434">
        <v>0</v>
      </c>
      <c r="C2434">
        <v>96</v>
      </c>
      <c r="D2434" t="s">
        <v>88</v>
      </c>
      <c r="E2434" s="1">
        <v>44600.959722222222</v>
      </c>
    </row>
    <row r="2435" spans="1:5" x14ac:dyDescent="0.4">
      <c r="A2435">
        <v>2088</v>
      </c>
      <c r="B2435">
        <v>0</v>
      </c>
      <c r="C2435">
        <v>97</v>
      </c>
      <c r="D2435" t="s">
        <v>88</v>
      </c>
      <c r="E2435" s="1">
        <v>44600.959722222222</v>
      </c>
    </row>
    <row r="2436" spans="1:5" x14ac:dyDescent="0.4">
      <c r="A2436">
        <v>2089</v>
      </c>
      <c r="B2436">
        <v>0</v>
      </c>
      <c r="C2436">
        <v>98</v>
      </c>
      <c r="D2436" t="s">
        <v>88</v>
      </c>
      <c r="E2436" s="1">
        <v>44600.959722222222</v>
      </c>
    </row>
    <row r="2437" spans="1:5" x14ac:dyDescent="0.4">
      <c r="A2437">
        <v>2090</v>
      </c>
      <c r="B2437">
        <v>0</v>
      </c>
      <c r="C2437">
        <v>99</v>
      </c>
      <c r="D2437" t="s">
        <v>88</v>
      </c>
      <c r="E2437" s="1">
        <v>44600.959722222222</v>
      </c>
    </row>
    <row r="2438" spans="1:5" x14ac:dyDescent="0.4">
      <c r="A2438">
        <v>2091</v>
      </c>
      <c r="B2438">
        <v>0</v>
      </c>
      <c r="C2438">
        <v>100</v>
      </c>
      <c r="D2438" t="s">
        <v>88</v>
      </c>
      <c r="E2438" s="1">
        <v>44600.959722222222</v>
      </c>
    </row>
    <row r="2439" spans="1:5" x14ac:dyDescent="0.4">
      <c r="A2439">
        <v>2092</v>
      </c>
      <c r="B2439">
        <v>0</v>
      </c>
      <c r="C2439">
        <v>101</v>
      </c>
      <c r="D2439" t="s">
        <v>88</v>
      </c>
      <c r="E2439" s="1">
        <v>44600.959722222222</v>
      </c>
    </row>
    <row r="2440" spans="1:5" x14ac:dyDescent="0.4">
      <c r="A2440">
        <v>2093</v>
      </c>
      <c r="B2440">
        <v>0</v>
      </c>
      <c r="C2440">
        <v>102</v>
      </c>
      <c r="D2440" t="s">
        <v>88</v>
      </c>
      <c r="E2440" s="1">
        <v>44600.959722222222</v>
      </c>
    </row>
    <row r="2441" spans="1:5" x14ac:dyDescent="0.4">
      <c r="A2441">
        <v>2094</v>
      </c>
      <c r="B2441">
        <v>0</v>
      </c>
      <c r="C2441">
        <v>103</v>
      </c>
      <c r="D2441" t="s">
        <v>88</v>
      </c>
      <c r="E2441" s="1">
        <v>44600.959722222222</v>
      </c>
    </row>
    <row r="2442" spans="1:5" x14ac:dyDescent="0.4">
      <c r="A2442">
        <v>2095</v>
      </c>
      <c r="B2442">
        <v>0</v>
      </c>
      <c r="C2442">
        <v>104</v>
      </c>
      <c r="D2442" t="s">
        <v>88</v>
      </c>
      <c r="E2442" s="1">
        <v>44600.959722222222</v>
      </c>
    </row>
    <row r="2443" spans="1:5" x14ac:dyDescent="0.4">
      <c r="A2443">
        <v>2096</v>
      </c>
      <c r="B2443">
        <v>0</v>
      </c>
      <c r="C2443">
        <v>105</v>
      </c>
      <c r="D2443" t="s">
        <v>88</v>
      </c>
      <c r="E2443" s="1">
        <v>44600.959722222222</v>
      </c>
    </row>
    <row r="2444" spans="1:5" x14ac:dyDescent="0.4">
      <c r="A2444">
        <v>2097</v>
      </c>
      <c r="B2444">
        <v>0</v>
      </c>
      <c r="C2444">
        <v>106</v>
      </c>
      <c r="D2444" t="s">
        <v>88</v>
      </c>
      <c r="E2444" s="1">
        <v>44600.959722222222</v>
      </c>
    </row>
    <row r="2445" spans="1:5" x14ac:dyDescent="0.4">
      <c r="A2445">
        <v>2098</v>
      </c>
      <c r="B2445">
        <v>0</v>
      </c>
      <c r="C2445">
        <v>107</v>
      </c>
      <c r="D2445" t="s">
        <v>88</v>
      </c>
      <c r="E2445" s="1">
        <v>44600.959722222222</v>
      </c>
    </row>
    <row r="2446" spans="1:5" x14ac:dyDescent="0.4">
      <c r="A2446">
        <v>2099</v>
      </c>
      <c r="B2446">
        <v>0</v>
      </c>
      <c r="C2446">
        <v>108</v>
      </c>
      <c r="D2446" t="s">
        <v>88</v>
      </c>
      <c r="E2446" s="1">
        <v>44600.959722222222</v>
      </c>
    </row>
    <row r="2447" spans="1:5" x14ac:dyDescent="0.4">
      <c r="A2447">
        <v>2100</v>
      </c>
      <c r="B2447">
        <v>0</v>
      </c>
      <c r="C2447">
        <v>109</v>
      </c>
      <c r="D2447" t="s">
        <v>88</v>
      </c>
      <c r="E2447" s="1">
        <v>44600.959722222222</v>
      </c>
    </row>
    <row r="2448" spans="1:5" x14ac:dyDescent="0.4">
      <c r="A2448">
        <v>2101</v>
      </c>
      <c r="B2448">
        <v>0</v>
      </c>
      <c r="C2448">
        <v>110</v>
      </c>
      <c r="D2448" t="s">
        <v>88</v>
      </c>
      <c r="E2448" s="1">
        <v>44600.959722222222</v>
      </c>
    </row>
    <row r="2449" spans="1:5" x14ac:dyDescent="0.4">
      <c r="A2449">
        <v>2102</v>
      </c>
      <c r="B2449">
        <v>0</v>
      </c>
      <c r="C2449">
        <v>111</v>
      </c>
      <c r="D2449" t="s">
        <v>88</v>
      </c>
      <c r="E2449" s="1">
        <v>44600.959722222222</v>
      </c>
    </row>
    <row r="2450" spans="1:5" x14ac:dyDescent="0.4">
      <c r="A2450">
        <v>2103</v>
      </c>
      <c r="B2450">
        <v>0</v>
      </c>
      <c r="C2450">
        <v>112</v>
      </c>
      <c r="D2450" t="s">
        <v>88</v>
      </c>
      <c r="E2450" s="1">
        <v>44600.959722222222</v>
      </c>
    </row>
    <row r="2451" spans="1:5" x14ac:dyDescent="0.4">
      <c r="A2451">
        <v>2104</v>
      </c>
      <c r="B2451">
        <v>0</v>
      </c>
      <c r="C2451">
        <v>113</v>
      </c>
      <c r="D2451" t="s">
        <v>88</v>
      </c>
      <c r="E2451" s="1">
        <v>44600.959722222222</v>
      </c>
    </row>
    <row r="2452" spans="1:5" x14ac:dyDescent="0.4">
      <c r="A2452">
        <v>2105</v>
      </c>
      <c r="B2452">
        <v>0</v>
      </c>
      <c r="C2452">
        <v>114</v>
      </c>
      <c r="D2452" t="s">
        <v>88</v>
      </c>
      <c r="E2452" s="1">
        <v>44600.959722222222</v>
      </c>
    </row>
    <row r="2453" spans="1:5" x14ac:dyDescent="0.4">
      <c r="A2453">
        <v>2106</v>
      </c>
      <c r="B2453">
        <v>0</v>
      </c>
      <c r="C2453">
        <v>115</v>
      </c>
      <c r="D2453" t="s">
        <v>88</v>
      </c>
      <c r="E2453" s="1">
        <v>44600.959722222222</v>
      </c>
    </row>
    <row r="2454" spans="1:5" x14ac:dyDescent="0.4">
      <c r="A2454">
        <v>2107</v>
      </c>
      <c r="B2454">
        <v>0</v>
      </c>
      <c r="C2454">
        <v>116</v>
      </c>
      <c r="D2454" t="s">
        <v>88</v>
      </c>
      <c r="E2454" s="1">
        <v>44600.959722222222</v>
      </c>
    </row>
    <row r="2455" spans="1:5" x14ac:dyDescent="0.4">
      <c r="A2455">
        <v>2108</v>
      </c>
      <c r="B2455">
        <v>0</v>
      </c>
      <c r="C2455">
        <v>121</v>
      </c>
      <c r="D2455" t="s">
        <v>88</v>
      </c>
      <c r="E2455" s="1">
        <v>44600.959722222222</v>
      </c>
    </row>
    <row r="2456" spans="1:5" x14ac:dyDescent="0.4">
      <c r="A2456">
        <v>2109</v>
      </c>
      <c r="B2456">
        <v>0</v>
      </c>
      <c r="C2456">
        <v>122</v>
      </c>
      <c r="D2456" t="s">
        <v>88</v>
      </c>
      <c r="E2456" s="1">
        <v>44600.959722222222</v>
      </c>
    </row>
    <row r="2457" spans="1:5" x14ac:dyDescent="0.4">
      <c r="A2457">
        <v>2110</v>
      </c>
      <c r="B2457">
        <v>0</v>
      </c>
      <c r="C2457">
        <v>123</v>
      </c>
      <c r="D2457" t="s">
        <v>88</v>
      </c>
      <c r="E2457" s="1">
        <v>44600.959722222222</v>
      </c>
    </row>
    <row r="2458" spans="1:5" x14ac:dyDescent="0.4">
      <c r="A2458">
        <v>2111</v>
      </c>
      <c r="B2458">
        <v>0</v>
      </c>
      <c r="C2458">
        <v>124</v>
      </c>
      <c r="D2458" t="s">
        <v>88</v>
      </c>
      <c r="E2458" s="1">
        <v>44600.959722222222</v>
      </c>
    </row>
    <row r="2459" spans="1:5" x14ac:dyDescent="0.4">
      <c r="A2459">
        <v>2112</v>
      </c>
      <c r="B2459">
        <v>0</v>
      </c>
      <c r="C2459">
        <v>125</v>
      </c>
      <c r="D2459" t="s">
        <v>88</v>
      </c>
      <c r="E2459" s="1">
        <v>44600.959722222222</v>
      </c>
    </row>
    <row r="2460" spans="1:5" x14ac:dyDescent="0.4">
      <c r="A2460">
        <v>2113</v>
      </c>
      <c r="B2460">
        <v>0</v>
      </c>
      <c r="C2460">
        <v>126</v>
      </c>
      <c r="D2460" t="s">
        <v>88</v>
      </c>
      <c r="E2460" s="1">
        <v>44600.959722222222</v>
      </c>
    </row>
    <row r="2461" spans="1:5" x14ac:dyDescent="0.4">
      <c r="A2461">
        <v>2114</v>
      </c>
      <c r="B2461">
        <v>0</v>
      </c>
      <c r="C2461">
        <v>131</v>
      </c>
      <c r="D2461" t="s">
        <v>88</v>
      </c>
      <c r="E2461" s="1">
        <v>44600.959722222222</v>
      </c>
    </row>
    <row r="2462" spans="1:5" x14ac:dyDescent="0.4">
      <c r="A2462">
        <v>2115</v>
      </c>
      <c r="B2462">
        <v>0</v>
      </c>
      <c r="C2462">
        <v>141</v>
      </c>
      <c r="D2462" t="s">
        <v>88</v>
      </c>
      <c r="E2462" s="1">
        <v>44600.959722222222</v>
      </c>
    </row>
    <row r="2463" spans="1:5" x14ac:dyDescent="0.4">
      <c r="A2463">
        <v>2116</v>
      </c>
      <c r="B2463">
        <v>0</v>
      </c>
      <c r="C2463">
        <v>142</v>
      </c>
      <c r="D2463" t="s">
        <v>88</v>
      </c>
      <c r="E2463" s="1">
        <v>44600.959722222222</v>
      </c>
    </row>
    <row r="2464" spans="1:5" x14ac:dyDescent="0.4">
      <c r="A2464">
        <v>2117</v>
      </c>
      <c r="B2464">
        <v>0</v>
      </c>
      <c r="C2464">
        <v>143</v>
      </c>
      <c r="D2464" t="s">
        <v>88</v>
      </c>
      <c r="E2464" s="1">
        <v>44600.959722222222</v>
      </c>
    </row>
    <row r="2465" spans="1:5" x14ac:dyDescent="0.4">
      <c r="A2465">
        <v>2118</v>
      </c>
      <c r="B2465">
        <v>0</v>
      </c>
      <c r="C2465">
        <v>144</v>
      </c>
      <c r="D2465" t="s">
        <v>88</v>
      </c>
      <c r="E2465" s="1">
        <v>44600.959722222222</v>
      </c>
    </row>
    <row r="2466" spans="1:5" x14ac:dyDescent="0.4">
      <c r="A2466">
        <v>2119</v>
      </c>
      <c r="B2466">
        <v>0</v>
      </c>
      <c r="C2466">
        <v>145</v>
      </c>
      <c r="D2466" t="s">
        <v>88</v>
      </c>
      <c r="E2466" s="1">
        <v>44600.959722222222</v>
      </c>
    </row>
    <row r="2467" spans="1:5" x14ac:dyDescent="0.4">
      <c r="A2467">
        <v>2120</v>
      </c>
      <c r="B2467">
        <v>0</v>
      </c>
      <c r="C2467">
        <v>146</v>
      </c>
      <c r="D2467" t="s">
        <v>88</v>
      </c>
      <c r="E2467" s="1">
        <v>44600.959722222222</v>
      </c>
    </row>
    <row r="2468" spans="1:5" x14ac:dyDescent="0.4">
      <c r="A2468">
        <v>2121</v>
      </c>
      <c r="B2468">
        <v>0</v>
      </c>
      <c r="C2468">
        <v>147</v>
      </c>
      <c r="D2468" t="s">
        <v>88</v>
      </c>
      <c r="E2468" s="1">
        <v>44600.959722222222</v>
      </c>
    </row>
    <row r="2469" spans="1:5" x14ac:dyDescent="0.4">
      <c r="A2469">
        <v>2122</v>
      </c>
      <c r="B2469">
        <v>0</v>
      </c>
      <c r="C2469">
        <v>161</v>
      </c>
      <c r="D2469" t="s">
        <v>88</v>
      </c>
      <c r="E2469" s="1">
        <v>44600.959722222222</v>
      </c>
    </row>
    <row r="2470" spans="1:5" x14ac:dyDescent="0.4">
      <c r="A2470">
        <v>2123</v>
      </c>
      <c r="B2470">
        <v>0</v>
      </c>
      <c r="C2470">
        <v>162</v>
      </c>
      <c r="D2470" t="s">
        <v>88</v>
      </c>
      <c r="E2470" s="1">
        <v>44600.959722222222</v>
      </c>
    </row>
    <row r="2471" spans="1:5" x14ac:dyDescent="0.4">
      <c r="A2471">
        <v>2124</v>
      </c>
      <c r="B2471">
        <v>0</v>
      </c>
      <c r="C2471">
        <v>163</v>
      </c>
      <c r="D2471" t="s">
        <v>88</v>
      </c>
      <c r="E2471" s="1">
        <v>44600.959722222222</v>
      </c>
    </row>
    <row r="2472" spans="1:5" x14ac:dyDescent="0.4">
      <c r="A2472">
        <v>2125</v>
      </c>
      <c r="B2472">
        <v>0</v>
      </c>
      <c r="C2472">
        <v>164</v>
      </c>
      <c r="D2472" t="s">
        <v>88</v>
      </c>
      <c r="E2472" s="1">
        <v>44600.959722222222</v>
      </c>
    </row>
    <row r="2473" spans="1:5" x14ac:dyDescent="0.4">
      <c r="A2473">
        <v>2126</v>
      </c>
      <c r="B2473">
        <v>0</v>
      </c>
      <c r="C2473">
        <v>165</v>
      </c>
      <c r="D2473" t="s">
        <v>88</v>
      </c>
      <c r="E2473" s="1">
        <v>44600.959722222222</v>
      </c>
    </row>
    <row r="2474" spans="1:5" x14ac:dyDescent="0.4">
      <c r="A2474">
        <v>2127</v>
      </c>
      <c r="B2474">
        <v>0</v>
      </c>
      <c r="C2474">
        <v>166</v>
      </c>
      <c r="D2474" t="s">
        <v>88</v>
      </c>
      <c r="E2474" s="1">
        <v>44600.959722222222</v>
      </c>
    </row>
    <row r="2475" spans="1:5" x14ac:dyDescent="0.4">
      <c r="A2475">
        <v>2128</v>
      </c>
      <c r="B2475">
        <v>0</v>
      </c>
      <c r="C2475">
        <v>167</v>
      </c>
      <c r="D2475" t="s">
        <v>88</v>
      </c>
      <c r="E2475" s="1">
        <v>44600.959722222222</v>
      </c>
    </row>
    <row r="2476" spans="1:5" x14ac:dyDescent="0.4">
      <c r="A2476">
        <v>2129</v>
      </c>
      <c r="B2476">
        <v>0</v>
      </c>
      <c r="C2476">
        <v>168</v>
      </c>
      <c r="D2476" t="s">
        <v>88</v>
      </c>
      <c r="E2476" s="1">
        <v>44600.959722222222</v>
      </c>
    </row>
    <row r="2477" spans="1:5" x14ac:dyDescent="0.4">
      <c r="A2477">
        <v>2130</v>
      </c>
      <c r="B2477">
        <v>0</v>
      </c>
      <c r="C2477">
        <v>169</v>
      </c>
      <c r="D2477" t="s">
        <v>88</v>
      </c>
      <c r="E2477" s="1">
        <v>44600.959722222222</v>
      </c>
    </row>
    <row r="2478" spans="1:5" x14ac:dyDescent="0.4">
      <c r="A2478">
        <v>2131</v>
      </c>
      <c r="B2478">
        <v>0</v>
      </c>
      <c r="C2478">
        <v>170</v>
      </c>
      <c r="D2478" t="s">
        <v>88</v>
      </c>
      <c r="E2478" s="1">
        <v>44600.959722222222</v>
      </c>
    </row>
    <row r="2479" spans="1:5" x14ac:dyDescent="0.4">
      <c r="A2479">
        <v>2132</v>
      </c>
      <c r="B2479">
        <v>0</v>
      </c>
      <c r="C2479">
        <v>171</v>
      </c>
      <c r="D2479" t="s">
        <v>88</v>
      </c>
      <c r="E2479" s="1">
        <v>44600.959722222222</v>
      </c>
    </row>
    <row r="2480" spans="1:5" x14ac:dyDescent="0.4">
      <c r="A2480">
        <v>2133</v>
      </c>
      <c r="B2480">
        <v>0</v>
      </c>
      <c r="C2480">
        <v>172</v>
      </c>
      <c r="D2480" t="s">
        <v>88</v>
      </c>
      <c r="E2480" s="1">
        <v>44600.959722222222</v>
      </c>
    </row>
    <row r="2481" spans="1:5" x14ac:dyDescent="0.4">
      <c r="A2481">
        <v>2134</v>
      </c>
      <c r="B2481">
        <v>0</v>
      </c>
      <c r="C2481">
        <v>173</v>
      </c>
      <c r="D2481" t="s">
        <v>88</v>
      </c>
      <c r="E2481" s="1">
        <v>44600.959722222222</v>
      </c>
    </row>
    <row r="2482" spans="1:5" x14ac:dyDescent="0.4">
      <c r="A2482">
        <v>2135</v>
      </c>
      <c r="B2482">
        <v>0</v>
      </c>
      <c r="C2482">
        <v>174</v>
      </c>
      <c r="D2482" t="s">
        <v>88</v>
      </c>
      <c r="E2482" s="1">
        <v>44600.959722222222</v>
      </c>
    </row>
    <row r="2483" spans="1:5" x14ac:dyDescent="0.4">
      <c r="A2483">
        <v>2136</v>
      </c>
      <c r="B2483">
        <v>0</v>
      </c>
      <c r="C2483">
        <v>175</v>
      </c>
      <c r="D2483" t="s">
        <v>88</v>
      </c>
      <c r="E2483" s="1">
        <v>44600.959722222222</v>
      </c>
    </row>
    <row r="2484" spans="1:5" x14ac:dyDescent="0.4">
      <c r="A2484">
        <v>2137</v>
      </c>
      <c r="B2484">
        <v>0</v>
      </c>
      <c r="C2484">
        <v>181</v>
      </c>
      <c r="D2484" t="s">
        <v>88</v>
      </c>
      <c r="E2484" s="1">
        <v>44600.959722222222</v>
      </c>
    </row>
    <row r="2485" spans="1:5" x14ac:dyDescent="0.4">
      <c r="A2485">
        <v>2138</v>
      </c>
      <c r="B2485">
        <v>0</v>
      </c>
      <c r="C2485">
        <v>182</v>
      </c>
      <c r="D2485" t="s">
        <v>88</v>
      </c>
      <c r="E2485" s="1">
        <v>44600.959722222222</v>
      </c>
    </row>
    <row r="2486" spans="1:5" x14ac:dyDescent="0.4">
      <c r="A2486">
        <v>2139</v>
      </c>
      <c r="B2486">
        <v>0</v>
      </c>
      <c r="C2486">
        <v>183</v>
      </c>
      <c r="D2486" t="s">
        <v>88</v>
      </c>
      <c r="E2486" s="1">
        <v>44600.959722222222</v>
      </c>
    </row>
    <row r="2487" spans="1:5" x14ac:dyDescent="0.4">
      <c r="A2487">
        <v>2140</v>
      </c>
      <c r="B2487">
        <v>0</v>
      </c>
      <c r="C2487">
        <v>184</v>
      </c>
      <c r="D2487" t="s">
        <v>88</v>
      </c>
      <c r="E2487" s="1">
        <v>44600.959722222222</v>
      </c>
    </row>
    <row r="2488" spans="1:5" x14ac:dyDescent="0.4">
      <c r="A2488">
        <v>2141</v>
      </c>
      <c r="B2488">
        <v>0</v>
      </c>
      <c r="C2488">
        <v>185</v>
      </c>
      <c r="D2488" t="s">
        <v>88</v>
      </c>
      <c r="E2488" s="1">
        <v>44600.959722222222</v>
      </c>
    </row>
    <row r="2489" spans="1:5" x14ac:dyDescent="0.4">
      <c r="A2489">
        <v>2142</v>
      </c>
      <c r="B2489">
        <v>0</v>
      </c>
      <c r="C2489">
        <v>186</v>
      </c>
      <c r="D2489" t="s">
        <v>88</v>
      </c>
      <c r="E2489" s="1">
        <v>44600.959722222222</v>
      </c>
    </row>
    <row r="2490" spans="1:5" x14ac:dyDescent="0.4">
      <c r="A2490">
        <v>2143</v>
      </c>
      <c r="B2490">
        <v>0</v>
      </c>
      <c r="C2490">
        <v>190</v>
      </c>
      <c r="D2490" t="s">
        <v>88</v>
      </c>
      <c r="E2490" s="1">
        <v>44600.959722222222</v>
      </c>
    </row>
    <row r="2491" spans="1:5" x14ac:dyDescent="0.4">
      <c r="A2491">
        <v>2144</v>
      </c>
      <c r="B2491">
        <v>0</v>
      </c>
      <c r="C2491">
        <v>191</v>
      </c>
      <c r="D2491" t="s">
        <v>88</v>
      </c>
      <c r="E2491" s="1">
        <v>44600.959722222222</v>
      </c>
    </row>
    <row r="2492" spans="1:5" x14ac:dyDescent="0.4">
      <c r="A2492">
        <v>2145</v>
      </c>
      <c r="B2492">
        <v>0</v>
      </c>
      <c r="C2492">
        <v>192</v>
      </c>
      <c r="D2492" t="s">
        <v>88</v>
      </c>
      <c r="E2492" s="1">
        <v>44600.959722222222</v>
      </c>
    </row>
    <row r="2493" spans="1:5" x14ac:dyDescent="0.4">
      <c r="A2493">
        <v>2146</v>
      </c>
      <c r="B2493">
        <v>0</v>
      </c>
      <c r="C2493">
        <v>193</v>
      </c>
      <c r="D2493" t="s">
        <v>88</v>
      </c>
      <c r="E2493" s="1">
        <v>44600.959722222222</v>
      </c>
    </row>
    <row r="2494" spans="1:5" x14ac:dyDescent="0.4">
      <c r="A2494">
        <v>2147</v>
      </c>
      <c r="B2494">
        <v>0</v>
      </c>
      <c r="C2494">
        <v>194</v>
      </c>
      <c r="D2494" t="s">
        <v>88</v>
      </c>
      <c r="E2494" s="1">
        <v>44600.959722222222</v>
      </c>
    </row>
    <row r="2495" spans="1:5" x14ac:dyDescent="0.4">
      <c r="A2495">
        <v>2148</v>
      </c>
      <c r="B2495">
        <v>0</v>
      </c>
      <c r="C2495">
        <v>195</v>
      </c>
      <c r="D2495" t="s">
        <v>88</v>
      </c>
      <c r="E2495" s="1">
        <v>44600.959722222222</v>
      </c>
    </row>
    <row r="2496" spans="1:5" x14ac:dyDescent="0.4">
      <c r="A2496">
        <v>2149</v>
      </c>
      <c r="B2496">
        <v>0</v>
      </c>
      <c r="C2496">
        <v>301</v>
      </c>
      <c r="D2496" t="s">
        <v>88</v>
      </c>
      <c r="E2496" s="1">
        <v>44600.959722222222</v>
      </c>
    </row>
    <row r="2497" spans="1:5" x14ac:dyDescent="0.4">
      <c r="A2497">
        <v>2150</v>
      </c>
      <c r="B2497">
        <v>0</v>
      </c>
      <c r="C2497">
        <v>302</v>
      </c>
      <c r="D2497" t="s">
        <v>88</v>
      </c>
      <c r="E2497" s="1">
        <v>44600.959722222222</v>
      </c>
    </row>
    <row r="2498" spans="1:5" x14ac:dyDescent="0.4">
      <c r="A2498">
        <v>2151</v>
      </c>
      <c r="B2498">
        <v>0</v>
      </c>
      <c r="C2498">
        <v>321</v>
      </c>
      <c r="D2498" t="s">
        <v>88</v>
      </c>
      <c r="E2498" s="1">
        <v>44600.959722222222</v>
      </c>
    </row>
    <row r="2499" spans="1:5" x14ac:dyDescent="0.4">
      <c r="A2499">
        <v>2152</v>
      </c>
      <c r="B2499">
        <v>0</v>
      </c>
      <c r="C2499">
        <v>322</v>
      </c>
      <c r="D2499" t="s">
        <v>88</v>
      </c>
      <c r="E2499" s="1">
        <v>44600.959722222222</v>
      </c>
    </row>
    <row r="2500" spans="1:5" x14ac:dyDescent="0.4">
      <c r="A2500">
        <v>2153</v>
      </c>
      <c r="B2500">
        <v>0</v>
      </c>
      <c r="C2500">
        <v>323</v>
      </c>
      <c r="D2500" t="s">
        <v>88</v>
      </c>
      <c r="E2500" s="1">
        <v>44600.959722222222</v>
      </c>
    </row>
    <row r="2501" spans="1:5" x14ac:dyDescent="0.4">
      <c r="A2501">
        <v>2154</v>
      </c>
      <c r="B2501">
        <v>0</v>
      </c>
      <c r="C2501">
        <v>324</v>
      </c>
      <c r="D2501" t="s">
        <v>88</v>
      </c>
      <c r="E2501" s="1">
        <v>44600.959722222222</v>
      </c>
    </row>
    <row r="2502" spans="1:5" x14ac:dyDescent="0.4">
      <c r="A2502">
        <v>2155</v>
      </c>
      <c r="B2502">
        <v>0</v>
      </c>
      <c r="C2502">
        <v>325</v>
      </c>
      <c r="D2502" t="s">
        <v>88</v>
      </c>
      <c r="E2502" s="1">
        <v>44600.959722222222</v>
      </c>
    </row>
    <row r="2503" spans="1:5" x14ac:dyDescent="0.4">
      <c r="A2503">
        <v>2156</v>
      </c>
      <c r="B2503">
        <v>0</v>
      </c>
      <c r="C2503">
        <v>326</v>
      </c>
      <c r="D2503" t="s">
        <v>88</v>
      </c>
      <c r="E2503" s="1">
        <v>44600.959722222222</v>
      </c>
    </row>
    <row r="2504" spans="1:5" x14ac:dyDescent="0.4">
      <c r="A2504">
        <v>2157</v>
      </c>
      <c r="B2504">
        <v>0</v>
      </c>
      <c r="C2504">
        <v>327</v>
      </c>
      <c r="D2504" t="s">
        <v>88</v>
      </c>
      <c r="E2504" s="1">
        <v>44600.959722222222</v>
      </c>
    </row>
    <row r="2505" spans="1:5" x14ac:dyDescent="0.4">
      <c r="A2505">
        <v>2158</v>
      </c>
      <c r="B2505">
        <v>0</v>
      </c>
      <c r="C2505">
        <v>328</v>
      </c>
      <c r="D2505" t="s">
        <v>88</v>
      </c>
      <c r="E2505" s="1">
        <v>44600.959722222222</v>
      </c>
    </row>
    <row r="2506" spans="1:5" x14ac:dyDescent="0.4">
      <c r="A2506">
        <v>2159</v>
      </c>
      <c r="B2506">
        <v>0</v>
      </c>
      <c r="C2506">
        <v>329</v>
      </c>
      <c r="D2506" t="s">
        <v>88</v>
      </c>
      <c r="E2506" s="1">
        <v>44600.959722222222</v>
      </c>
    </row>
    <row r="2507" spans="1:5" x14ac:dyDescent="0.4">
      <c r="A2507">
        <v>2160</v>
      </c>
      <c r="B2507">
        <v>0</v>
      </c>
      <c r="C2507">
        <v>330</v>
      </c>
      <c r="D2507" t="s">
        <v>88</v>
      </c>
      <c r="E2507" s="1">
        <v>44600.959722222222</v>
      </c>
    </row>
    <row r="2508" spans="1:5" x14ac:dyDescent="0.4">
      <c r="A2508">
        <v>2161</v>
      </c>
      <c r="B2508">
        <v>0</v>
      </c>
      <c r="C2508">
        <v>331</v>
      </c>
      <c r="D2508" t="s">
        <v>88</v>
      </c>
      <c r="E2508" s="1">
        <v>44600.959722222222</v>
      </c>
    </row>
    <row r="2509" spans="1:5" x14ac:dyDescent="0.4">
      <c r="A2509">
        <v>2162</v>
      </c>
      <c r="B2509">
        <v>0</v>
      </c>
      <c r="C2509">
        <v>332</v>
      </c>
      <c r="D2509" t="s">
        <v>88</v>
      </c>
      <c r="E2509" s="1">
        <v>44600.959722222222</v>
      </c>
    </row>
    <row r="2510" spans="1:5" x14ac:dyDescent="0.4">
      <c r="A2510">
        <v>2163</v>
      </c>
      <c r="B2510">
        <v>0</v>
      </c>
      <c r="C2510">
        <v>333</v>
      </c>
      <c r="D2510" t="s">
        <v>88</v>
      </c>
      <c r="E2510" s="1">
        <v>44600.959722222222</v>
      </c>
    </row>
    <row r="2511" spans="1:5" x14ac:dyDescent="0.4">
      <c r="A2511">
        <v>2164</v>
      </c>
      <c r="B2511">
        <v>0</v>
      </c>
      <c r="C2511">
        <v>341</v>
      </c>
      <c r="D2511" t="s">
        <v>88</v>
      </c>
      <c r="E2511" s="1">
        <v>44600.959722222222</v>
      </c>
    </row>
    <row r="2512" spans="1:5" x14ac:dyDescent="0.4">
      <c r="A2512">
        <v>2165</v>
      </c>
      <c r="B2512">
        <v>0</v>
      </c>
      <c r="C2512">
        <v>342</v>
      </c>
      <c r="D2512" t="s">
        <v>88</v>
      </c>
      <c r="E2512" s="1">
        <v>44600.959722222222</v>
      </c>
    </row>
    <row r="2513" spans="1:5" x14ac:dyDescent="0.4">
      <c r="A2513">
        <v>2166</v>
      </c>
      <c r="B2513">
        <v>0</v>
      </c>
      <c r="C2513">
        <v>343</v>
      </c>
      <c r="D2513" t="s">
        <v>88</v>
      </c>
      <c r="E2513" s="1">
        <v>44600.959722222222</v>
      </c>
    </row>
    <row r="2514" spans="1:5" x14ac:dyDescent="0.4">
      <c r="A2514">
        <v>2167</v>
      </c>
      <c r="B2514">
        <v>0</v>
      </c>
      <c r="C2514">
        <v>344</v>
      </c>
      <c r="D2514" t="s">
        <v>88</v>
      </c>
      <c r="E2514" s="1">
        <v>44600.959722222222</v>
      </c>
    </row>
    <row r="2515" spans="1:5" x14ac:dyDescent="0.4">
      <c r="A2515">
        <v>2168</v>
      </c>
      <c r="B2515">
        <v>0</v>
      </c>
      <c r="C2515">
        <v>345</v>
      </c>
      <c r="D2515" t="s">
        <v>88</v>
      </c>
      <c r="E2515" s="1">
        <v>44600.959722222222</v>
      </c>
    </row>
    <row r="2516" spans="1:5" x14ac:dyDescent="0.4">
      <c r="A2516">
        <v>2169</v>
      </c>
      <c r="B2516">
        <v>0</v>
      </c>
      <c r="C2516">
        <v>346</v>
      </c>
      <c r="D2516" t="s">
        <v>88</v>
      </c>
      <c r="E2516" s="1">
        <v>44600.959722222222</v>
      </c>
    </row>
    <row r="2517" spans="1:5" x14ac:dyDescent="0.4">
      <c r="A2517">
        <v>2170</v>
      </c>
      <c r="B2517">
        <v>0</v>
      </c>
      <c r="C2517">
        <v>361</v>
      </c>
      <c r="D2517" t="s">
        <v>88</v>
      </c>
      <c r="E2517" s="1">
        <v>44600.959722222222</v>
      </c>
    </row>
    <row r="2518" spans="1:5" x14ac:dyDescent="0.4">
      <c r="A2518">
        <v>2171</v>
      </c>
      <c r="B2518">
        <v>0</v>
      </c>
      <c r="C2518">
        <v>362</v>
      </c>
      <c r="D2518" t="s">
        <v>88</v>
      </c>
      <c r="E2518" s="1">
        <v>44600.959722222222</v>
      </c>
    </row>
    <row r="2519" spans="1:5" x14ac:dyDescent="0.4">
      <c r="A2519">
        <v>2172</v>
      </c>
      <c r="B2519">
        <v>0</v>
      </c>
      <c r="C2519">
        <v>363</v>
      </c>
      <c r="D2519" t="s">
        <v>88</v>
      </c>
      <c r="E2519" s="1">
        <v>44600.959722222222</v>
      </c>
    </row>
    <row r="2520" spans="1:5" x14ac:dyDescent="0.4">
      <c r="A2520">
        <v>2173</v>
      </c>
      <c r="B2520">
        <v>0</v>
      </c>
      <c r="C2520">
        <v>364</v>
      </c>
      <c r="D2520" t="s">
        <v>88</v>
      </c>
      <c r="E2520" s="1">
        <v>44600.959722222222</v>
      </c>
    </row>
    <row r="2521" spans="1:5" x14ac:dyDescent="0.4">
      <c r="A2521">
        <v>2174</v>
      </c>
      <c r="B2521">
        <v>0</v>
      </c>
      <c r="C2521">
        <v>365</v>
      </c>
      <c r="D2521" t="s">
        <v>88</v>
      </c>
      <c r="E2521" s="1">
        <v>44600.959722222222</v>
      </c>
    </row>
    <row r="2522" spans="1:5" x14ac:dyDescent="0.4">
      <c r="A2522">
        <v>2175</v>
      </c>
      <c r="B2522">
        <v>0</v>
      </c>
      <c r="C2522">
        <v>366</v>
      </c>
      <c r="D2522" t="s">
        <v>88</v>
      </c>
      <c r="E2522" s="1">
        <v>44600.959722222222</v>
      </c>
    </row>
    <row r="2523" spans="1:5" x14ac:dyDescent="0.4">
      <c r="A2523">
        <v>2176</v>
      </c>
      <c r="B2523">
        <v>0</v>
      </c>
      <c r="C2523">
        <v>367</v>
      </c>
      <c r="D2523" t="s">
        <v>88</v>
      </c>
      <c r="E2523" s="1">
        <v>44600.959722222222</v>
      </c>
    </row>
    <row r="2524" spans="1:5" x14ac:dyDescent="0.4">
      <c r="A2524">
        <v>2177</v>
      </c>
      <c r="B2524">
        <v>0</v>
      </c>
      <c r="C2524">
        <v>368</v>
      </c>
      <c r="D2524" t="s">
        <v>88</v>
      </c>
      <c r="E2524" s="1">
        <v>44600.959722222222</v>
      </c>
    </row>
    <row r="2525" spans="1:5" x14ac:dyDescent="0.4">
      <c r="A2525">
        <v>2178</v>
      </c>
      <c r="B2525">
        <v>0</v>
      </c>
      <c r="C2525">
        <v>369</v>
      </c>
      <c r="D2525" t="s">
        <v>88</v>
      </c>
      <c r="E2525" s="1">
        <v>44600.959722222222</v>
      </c>
    </row>
    <row r="2526" spans="1:5" x14ac:dyDescent="0.4">
      <c r="A2526">
        <v>2179</v>
      </c>
      <c r="B2526">
        <v>0</v>
      </c>
      <c r="C2526">
        <v>370</v>
      </c>
      <c r="D2526" t="s">
        <v>88</v>
      </c>
      <c r="E2526" s="1">
        <v>44600.959722222222</v>
      </c>
    </row>
    <row r="2527" spans="1:5" x14ac:dyDescent="0.4">
      <c r="A2527">
        <v>2180</v>
      </c>
      <c r="B2527">
        <v>0</v>
      </c>
      <c r="C2527">
        <v>371</v>
      </c>
      <c r="D2527" t="s">
        <v>88</v>
      </c>
      <c r="E2527" s="1">
        <v>44600.959722222222</v>
      </c>
    </row>
    <row r="2528" spans="1:5" x14ac:dyDescent="0.4">
      <c r="A2528">
        <v>2181</v>
      </c>
      <c r="B2528">
        <v>0</v>
      </c>
      <c r="C2528">
        <v>372</v>
      </c>
      <c r="D2528" t="s">
        <v>88</v>
      </c>
      <c r="E2528" s="1">
        <v>44600.959722222222</v>
      </c>
    </row>
    <row r="2529" spans="1:5" x14ac:dyDescent="0.4">
      <c r="A2529">
        <v>2182</v>
      </c>
      <c r="B2529">
        <v>0</v>
      </c>
      <c r="C2529">
        <v>373</v>
      </c>
      <c r="D2529" t="s">
        <v>88</v>
      </c>
      <c r="E2529" s="1">
        <v>44600.959722222222</v>
      </c>
    </row>
    <row r="2530" spans="1:5" x14ac:dyDescent="0.4">
      <c r="A2530">
        <v>2183</v>
      </c>
      <c r="B2530">
        <v>0</v>
      </c>
      <c r="C2530">
        <v>381</v>
      </c>
      <c r="D2530" t="s">
        <v>88</v>
      </c>
      <c r="E2530" s="1">
        <v>44600.959722222222</v>
      </c>
    </row>
    <row r="2531" spans="1:5" x14ac:dyDescent="0.4">
      <c r="A2531">
        <v>2184</v>
      </c>
      <c r="B2531">
        <v>0</v>
      </c>
      <c r="C2531">
        <v>382</v>
      </c>
      <c r="D2531" t="s">
        <v>88</v>
      </c>
      <c r="E2531" s="1">
        <v>44600.959722222222</v>
      </c>
    </row>
    <row r="2532" spans="1:5" x14ac:dyDescent="0.4">
      <c r="A2532">
        <v>2185</v>
      </c>
      <c r="B2532">
        <v>0</v>
      </c>
      <c r="C2532">
        <v>383</v>
      </c>
      <c r="D2532" t="s">
        <v>88</v>
      </c>
      <c r="E2532" s="1">
        <v>44600.959722222222</v>
      </c>
    </row>
    <row r="2533" spans="1:5" x14ac:dyDescent="0.4">
      <c r="A2533">
        <v>2186</v>
      </c>
      <c r="B2533">
        <v>0</v>
      </c>
      <c r="C2533">
        <v>384</v>
      </c>
      <c r="D2533" t="s">
        <v>88</v>
      </c>
      <c r="E2533" s="1">
        <v>44600.959722222222</v>
      </c>
    </row>
    <row r="2534" spans="1:5" x14ac:dyDescent="0.4">
      <c r="A2534">
        <v>2187</v>
      </c>
      <c r="B2534">
        <v>0</v>
      </c>
      <c r="C2534">
        <v>385</v>
      </c>
      <c r="D2534" t="s">
        <v>88</v>
      </c>
      <c r="E2534" s="1">
        <v>44600.959722222222</v>
      </c>
    </row>
    <row r="2535" spans="1:5" x14ac:dyDescent="0.4">
      <c r="A2535">
        <v>2188</v>
      </c>
      <c r="B2535">
        <v>0</v>
      </c>
      <c r="C2535">
        <v>386</v>
      </c>
      <c r="D2535" t="s">
        <v>88</v>
      </c>
      <c r="E2535" s="1">
        <v>44600.959722222222</v>
      </c>
    </row>
    <row r="2536" spans="1:5" x14ac:dyDescent="0.4">
      <c r="A2536">
        <v>2189</v>
      </c>
      <c r="B2536">
        <v>0</v>
      </c>
      <c r="C2536">
        <v>391</v>
      </c>
      <c r="D2536" t="s">
        <v>88</v>
      </c>
      <c r="E2536" s="1">
        <v>44600.959722222222</v>
      </c>
    </row>
    <row r="2537" spans="1:5" x14ac:dyDescent="0.4">
      <c r="A2537">
        <v>2190</v>
      </c>
      <c r="B2537">
        <v>0</v>
      </c>
      <c r="C2537">
        <v>392</v>
      </c>
      <c r="D2537" t="s">
        <v>88</v>
      </c>
      <c r="E2537" s="1">
        <v>44600.959722222222</v>
      </c>
    </row>
    <row r="2538" spans="1:5" x14ac:dyDescent="0.4">
      <c r="A2538">
        <v>2191</v>
      </c>
      <c r="B2538">
        <v>0</v>
      </c>
      <c r="C2538">
        <v>393</v>
      </c>
      <c r="D2538" t="s">
        <v>88</v>
      </c>
      <c r="E2538" s="1">
        <v>44600.959722222222</v>
      </c>
    </row>
    <row r="2539" spans="1:5" x14ac:dyDescent="0.4">
      <c r="A2539">
        <v>2192</v>
      </c>
      <c r="B2539">
        <v>0</v>
      </c>
      <c r="C2539">
        <v>395</v>
      </c>
      <c r="D2539" t="s">
        <v>88</v>
      </c>
      <c r="E2539" s="1">
        <v>44600.959722222222</v>
      </c>
    </row>
    <row r="2540" spans="1:5" x14ac:dyDescent="0.4">
      <c r="A2540">
        <v>2193</v>
      </c>
      <c r="B2540">
        <v>0</v>
      </c>
      <c r="C2540">
        <v>396</v>
      </c>
      <c r="D2540" t="s">
        <v>88</v>
      </c>
      <c r="E2540" s="1">
        <v>44600.959722222222</v>
      </c>
    </row>
    <row r="2541" spans="1:5" x14ac:dyDescent="0.4">
      <c r="A2541">
        <v>2194</v>
      </c>
      <c r="B2541">
        <v>0</v>
      </c>
      <c r="C2541">
        <v>401</v>
      </c>
      <c r="D2541" t="s">
        <v>88</v>
      </c>
      <c r="E2541" s="1">
        <v>44600.959722222222</v>
      </c>
    </row>
    <row r="2542" spans="1:5" x14ac:dyDescent="0.4">
      <c r="A2542">
        <v>2195</v>
      </c>
      <c r="B2542">
        <v>0</v>
      </c>
      <c r="C2542">
        <v>402</v>
      </c>
      <c r="D2542" t="s">
        <v>88</v>
      </c>
      <c r="E2542" s="1">
        <v>44600.959722222222</v>
      </c>
    </row>
    <row r="2543" spans="1:5" x14ac:dyDescent="0.4">
      <c r="A2543">
        <v>2196</v>
      </c>
      <c r="B2543">
        <v>0</v>
      </c>
      <c r="C2543">
        <v>403</v>
      </c>
      <c r="D2543" t="s">
        <v>88</v>
      </c>
      <c r="E2543" s="1">
        <v>44600.959722222222</v>
      </c>
    </row>
    <row r="2544" spans="1:5" x14ac:dyDescent="0.4">
      <c r="A2544">
        <v>2197</v>
      </c>
      <c r="B2544">
        <v>0</v>
      </c>
      <c r="C2544">
        <v>404</v>
      </c>
      <c r="D2544" t="s">
        <v>88</v>
      </c>
      <c r="E2544" s="1">
        <v>44600.959722222222</v>
      </c>
    </row>
    <row r="2545" spans="1:5" x14ac:dyDescent="0.4">
      <c r="A2545">
        <v>2198</v>
      </c>
      <c r="B2545">
        <v>0</v>
      </c>
      <c r="C2545">
        <v>405</v>
      </c>
      <c r="D2545" t="s">
        <v>88</v>
      </c>
      <c r="E2545" s="1">
        <v>44600.959722222222</v>
      </c>
    </row>
    <row r="2546" spans="1:5" x14ac:dyDescent="0.4">
      <c r="A2546">
        <v>2199</v>
      </c>
      <c r="B2546">
        <v>0</v>
      </c>
      <c r="C2546">
        <v>406</v>
      </c>
      <c r="D2546" t="s">
        <v>88</v>
      </c>
      <c r="E2546" s="1">
        <v>44600.959722222222</v>
      </c>
    </row>
    <row r="2547" spans="1:5" x14ac:dyDescent="0.4">
      <c r="A2547">
        <v>2200</v>
      </c>
      <c r="B2547">
        <v>0</v>
      </c>
      <c r="C2547">
        <v>411</v>
      </c>
      <c r="D2547" t="s">
        <v>88</v>
      </c>
      <c r="E2547" s="1">
        <v>44600.959722222222</v>
      </c>
    </row>
    <row r="2548" spans="1:5" x14ac:dyDescent="0.4">
      <c r="A2548">
        <v>2201</v>
      </c>
      <c r="B2548">
        <v>0</v>
      </c>
      <c r="C2548">
        <v>412</v>
      </c>
      <c r="D2548" t="s">
        <v>88</v>
      </c>
      <c r="E2548" s="1">
        <v>44600.959722222222</v>
      </c>
    </row>
    <row r="2549" spans="1:5" x14ac:dyDescent="0.4">
      <c r="A2549">
        <v>2202</v>
      </c>
      <c r="B2549">
        <v>0</v>
      </c>
      <c r="C2549">
        <v>413</v>
      </c>
      <c r="D2549" t="s">
        <v>88</v>
      </c>
      <c r="E2549" s="1">
        <v>44600.959722222222</v>
      </c>
    </row>
    <row r="2550" spans="1:5" x14ac:dyDescent="0.4">
      <c r="A2550">
        <v>2203</v>
      </c>
      <c r="B2550">
        <v>0</v>
      </c>
      <c r="C2550">
        <v>414</v>
      </c>
      <c r="D2550" t="s">
        <v>88</v>
      </c>
      <c r="E2550" s="1">
        <v>44600.959722222222</v>
      </c>
    </row>
    <row r="2551" spans="1:5" x14ac:dyDescent="0.4">
      <c r="A2551">
        <v>2204</v>
      </c>
      <c r="B2551">
        <v>0</v>
      </c>
      <c r="C2551">
        <v>421</v>
      </c>
      <c r="D2551" t="s">
        <v>88</v>
      </c>
      <c r="E2551" s="1">
        <v>44600.959722222222</v>
      </c>
    </row>
    <row r="2552" spans="1:5" x14ac:dyDescent="0.4">
      <c r="A2552">
        <v>2205</v>
      </c>
      <c r="B2552">
        <v>0</v>
      </c>
      <c r="C2552">
        <v>422</v>
      </c>
      <c r="D2552" t="s">
        <v>88</v>
      </c>
      <c r="E2552" s="1">
        <v>44600.959722222222</v>
      </c>
    </row>
    <row r="2553" spans="1:5" x14ac:dyDescent="0.4">
      <c r="A2553">
        <v>2206</v>
      </c>
      <c r="B2553">
        <v>0</v>
      </c>
      <c r="C2553">
        <v>431</v>
      </c>
      <c r="D2553" t="s">
        <v>88</v>
      </c>
      <c r="E2553" s="1">
        <v>44600.959722222222</v>
      </c>
    </row>
    <row r="2554" spans="1:5" x14ac:dyDescent="0.4">
      <c r="A2554">
        <v>2207</v>
      </c>
      <c r="B2554">
        <v>0</v>
      </c>
      <c r="C2554">
        <v>432</v>
      </c>
      <c r="D2554" t="s">
        <v>88</v>
      </c>
      <c r="E2554" s="1">
        <v>44600.959722222222</v>
      </c>
    </row>
    <row r="2555" spans="1:5" x14ac:dyDescent="0.4">
      <c r="A2555">
        <v>2208</v>
      </c>
      <c r="B2555">
        <v>0</v>
      </c>
      <c r="C2555">
        <v>433</v>
      </c>
      <c r="D2555" t="s">
        <v>88</v>
      </c>
      <c r="E2555" s="1">
        <v>44600.959722222222</v>
      </c>
    </row>
    <row r="2556" spans="1:5" x14ac:dyDescent="0.4">
      <c r="A2556">
        <v>2209</v>
      </c>
      <c r="B2556">
        <v>1</v>
      </c>
      <c r="C2556">
        <v>1</v>
      </c>
      <c r="D2556" t="s">
        <v>88</v>
      </c>
      <c r="E2556" s="1">
        <v>44601.740277777775</v>
      </c>
    </row>
    <row r="2557" spans="1:5" x14ac:dyDescent="0.4">
      <c r="A2557">
        <v>2210</v>
      </c>
      <c r="B2557">
        <v>0</v>
      </c>
      <c r="C2557">
        <v>2</v>
      </c>
      <c r="D2557" t="s">
        <v>88</v>
      </c>
      <c r="E2557" s="1">
        <v>44601.740277777775</v>
      </c>
    </row>
    <row r="2558" spans="1:5" x14ac:dyDescent="0.4">
      <c r="A2558">
        <v>2211</v>
      </c>
      <c r="B2558">
        <v>0</v>
      </c>
      <c r="C2558">
        <v>3</v>
      </c>
      <c r="D2558" t="s">
        <v>88</v>
      </c>
      <c r="E2558" s="1">
        <v>44601.740277777775</v>
      </c>
    </row>
    <row r="2559" spans="1:5" x14ac:dyDescent="0.4">
      <c r="A2559">
        <v>2212</v>
      </c>
      <c r="B2559">
        <v>0</v>
      </c>
      <c r="C2559">
        <v>4</v>
      </c>
      <c r="D2559" t="s">
        <v>88</v>
      </c>
      <c r="E2559" s="1">
        <v>44601.740277777775</v>
      </c>
    </row>
    <row r="2560" spans="1:5" x14ac:dyDescent="0.4">
      <c r="A2560">
        <v>2213</v>
      </c>
      <c r="B2560">
        <v>0</v>
      </c>
      <c r="C2560">
        <v>5</v>
      </c>
      <c r="D2560" t="s">
        <v>88</v>
      </c>
      <c r="E2560" s="1">
        <v>44601.740277777775</v>
      </c>
    </row>
    <row r="2561" spans="1:5" x14ac:dyDescent="0.4">
      <c r="A2561">
        <v>2214</v>
      </c>
      <c r="B2561">
        <v>0</v>
      </c>
      <c r="C2561">
        <v>11</v>
      </c>
      <c r="D2561" t="s">
        <v>88</v>
      </c>
      <c r="E2561" s="1">
        <v>44601.740277777775</v>
      </c>
    </row>
    <row r="2562" spans="1:5" x14ac:dyDescent="0.4">
      <c r="A2562">
        <v>2215</v>
      </c>
      <c r="B2562">
        <v>0</v>
      </c>
      <c r="C2562">
        <v>12</v>
      </c>
      <c r="D2562" t="s">
        <v>88</v>
      </c>
      <c r="E2562" s="1">
        <v>44601.740277777775</v>
      </c>
    </row>
    <row r="2563" spans="1:5" x14ac:dyDescent="0.4">
      <c r="A2563">
        <v>2216</v>
      </c>
      <c r="B2563">
        <v>0</v>
      </c>
      <c r="C2563">
        <v>15</v>
      </c>
      <c r="D2563" t="s">
        <v>88</v>
      </c>
      <c r="E2563" s="1">
        <v>44601.740277777775</v>
      </c>
    </row>
    <row r="2564" spans="1:5" x14ac:dyDescent="0.4">
      <c r="A2564">
        <v>2217</v>
      </c>
      <c r="B2564">
        <v>0</v>
      </c>
      <c r="C2564">
        <v>16</v>
      </c>
      <c r="D2564" t="s">
        <v>88</v>
      </c>
      <c r="E2564" s="1">
        <v>44601.740277777775</v>
      </c>
    </row>
    <row r="2565" spans="1:5" x14ac:dyDescent="0.4">
      <c r="A2565">
        <v>2218</v>
      </c>
      <c r="B2565">
        <v>0</v>
      </c>
      <c r="C2565">
        <v>17</v>
      </c>
      <c r="D2565" t="s">
        <v>88</v>
      </c>
      <c r="E2565" s="1">
        <v>44601.740277777775</v>
      </c>
    </row>
    <row r="2566" spans="1:5" x14ac:dyDescent="0.4">
      <c r="A2566">
        <v>2219</v>
      </c>
      <c r="B2566">
        <v>0</v>
      </c>
      <c r="C2566">
        <v>21</v>
      </c>
      <c r="D2566" t="s">
        <v>88</v>
      </c>
      <c r="E2566" s="1">
        <v>44601.740277777775</v>
      </c>
    </row>
    <row r="2567" spans="1:5" x14ac:dyDescent="0.4">
      <c r="A2567">
        <v>2220</v>
      </c>
      <c r="B2567">
        <v>0</v>
      </c>
      <c r="C2567">
        <v>22</v>
      </c>
      <c r="D2567" t="s">
        <v>88</v>
      </c>
      <c r="E2567" s="1">
        <v>44601.740277777775</v>
      </c>
    </row>
    <row r="2568" spans="1:5" x14ac:dyDescent="0.4">
      <c r="A2568">
        <v>2221</v>
      </c>
      <c r="B2568">
        <v>0</v>
      </c>
      <c r="C2568">
        <v>23</v>
      </c>
      <c r="D2568" t="s">
        <v>88</v>
      </c>
      <c r="E2568" s="1">
        <v>44601.740277777775</v>
      </c>
    </row>
    <row r="2569" spans="1:5" x14ac:dyDescent="0.4">
      <c r="A2569">
        <v>2222</v>
      </c>
      <c r="B2569">
        <v>0</v>
      </c>
      <c r="C2569">
        <v>24</v>
      </c>
      <c r="D2569" t="s">
        <v>88</v>
      </c>
      <c r="E2569" s="1">
        <v>44601.740277777775</v>
      </c>
    </row>
    <row r="2570" spans="1:5" x14ac:dyDescent="0.4">
      <c r="A2570">
        <v>2223</v>
      </c>
      <c r="B2570">
        <v>0</v>
      </c>
      <c r="C2570">
        <v>25</v>
      </c>
      <c r="D2570" t="s">
        <v>88</v>
      </c>
      <c r="E2570" s="1">
        <v>44601.740277777775</v>
      </c>
    </row>
    <row r="2571" spans="1:5" x14ac:dyDescent="0.4">
      <c r="A2571">
        <v>2224</v>
      </c>
      <c r="B2571">
        <v>0</v>
      </c>
      <c r="C2571">
        <v>26</v>
      </c>
      <c r="D2571" t="s">
        <v>88</v>
      </c>
      <c r="E2571" s="1">
        <v>44601.740277777775</v>
      </c>
    </row>
    <row r="2572" spans="1:5" x14ac:dyDescent="0.4">
      <c r="A2572">
        <v>2225</v>
      </c>
      <c r="B2572">
        <v>0</v>
      </c>
      <c r="C2572">
        <v>27</v>
      </c>
      <c r="D2572" t="s">
        <v>88</v>
      </c>
      <c r="E2572" s="1">
        <v>44601.740277777775</v>
      </c>
    </row>
    <row r="2573" spans="1:5" x14ac:dyDescent="0.4">
      <c r="A2573">
        <v>2226</v>
      </c>
      <c r="B2573">
        <v>0</v>
      </c>
      <c r="C2573">
        <v>28</v>
      </c>
      <c r="D2573" t="s">
        <v>88</v>
      </c>
      <c r="E2573" s="1">
        <v>44601.740277777775</v>
      </c>
    </row>
    <row r="2574" spans="1:5" x14ac:dyDescent="0.4">
      <c r="A2574">
        <v>2227</v>
      </c>
      <c r="B2574">
        <v>0</v>
      </c>
      <c r="C2574">
        <v>29</v>
      </c>
      <c r="D2574" t="s">
        <v>88</v>
      </c>
      <c r="E2574" s="1">
        <v>44601.740277777775</v>
      </c>
    </row>
    <row r="2575" spans="1:5" x14ac:dyDescent="0.4">
      <c r="A2575">
        <v>2228</v>
      </c>
      <c r="B2575">
        <v>0</v>
      </c>
      <c r="C2575">
        <v>30</v>
      </c>
      <c r="D2575" t="s">
        <v>88</v>
      </c>
      <c r="E2575" s="1">
        <v>44601.740277777775</v>
      </c>
    </row>
    <row r="2576" spans="1:5" x14ac:dyDescent="0.4">
      <c r="A2576">
        <v>2229</v>
      </c>
      <c r="B2576">
        <v>0</v>
      </c>
      <c r="C2576">
        <v>31</v>
      </c>
      <c r="D2576" t="s">
        <v>88</v>
      </c>
      <c r="E2576" s="1">
        <v>44601.740277777775</v>
      </c>
    </row>
    <row r="2577" spans="1:5" x14ac:dyDescent="0.4">
      <c r="A2577">
        <v>2230</v>
      </c>
      <c r="B2577">
        <v>0</v>
      </c>
      <c r="C2577">
        <v>32</v>
      </c>
      <c r="D2577" t="s">
        <v>88</v>
      </c>
      <c r="E2577" s="1">
        <v>44601.740277777775</v>
      </c>
    </row>
    <row r="2578" spans="1:5" x14ac:dyDescent="0.4">
      <c r="A2578">
        <v>2231</v>
      </c>
      <c r="B2578">
        <v>0</v>
      </c>
      <c r="C2578">
        <v>33</v>
      </c>
      <c r="D2578" t="s">
        <v>88</v>
      </c>
      <c r="E2578" s="1">
        <v>44601.740277777775</v>
      </c>
    </row>
    <row r="2579" spans="1:5" x14ac:dyDescent="0.4">
      <c r="A2579">
        <v>2232</v>
      </c>
      <c r="B2579">
        <v>0</v>
      </c>
      <c r="C2579">
        <v>41</v>
      </c>
      <c r="D2579" t="s">
        <v>88</v>
      </c>
      <c r="E2579" s="1">
        <v>44601.740277777775</v>
      </c>
    </row>
    <row r="2580" spans="1:5" x14ac:dyDescent="0.4">
      <c r="A2580">
        <v>2233</v>
      </c>
      <c r="B2580">
        <v>0</v>
      </c>
      <c r="C2580">
        <v>42</v>
      </c>
      <c r="D2580" t="s">
        <v>88</v>
      </c>
      <c r="E2580" s="1">
        <v>44601.740277777775</v>
      </c>
    </row>
    <row r="2581" spans="1:5" x14ac:dyDescent="0.4">
      <c r="A2581">
        <v>2234</v>
      </c>
      <c r="B2581">
        <v>0</v>
      </c>
      <c r="C2581">
        <v>43</v>
      </c>
      <c r="D2581" t="s">
        <v>88</v>
      </c>
      <c r="E2581" s="1">
        <v>44601.740277777775</v>
      </c>
    </row>
    <row r="2582" spans="1:5" x14ac:dyDescent="0.4">
      <c r="A2582">
        <v>2235</v>
      </c>
      <c r="B2582">
        <v>0</v>
      </c>
      <c r="C2582">
        <v>44</v>
      </c>
      <c r="D2582" t="s">
        <v>88</v>
      </c>
      <c r="E2582" s="1">
        <v>44601.740277777775</v>
      </c>
    </row>
    <row r="2583" spans="1:5" x14ac:dyDescent="0.4">
      <c r="A2583">
        <v>2236</v>
      </c>
      <c r="B2583">
        <v>0</v>
      </c>
      <c r="C2583">
        <v>45</v>
      </c>
      <c r="D2583" t="s">
        <v>88</v>
      </c>
      <c r="E2583" s="1">
        <v>44601.740277777775</v>
      </c>
    </row>
    <row r="2584" spans="1:5" x14ac:dyDescent="0.4">
      <c r="A2584">
        <v>2237</v>
      </c>
      <c r="B2584">
        <v>0</v>
      </c>
      <c r="C2584">
        <v>46</v>
      </c>
      <c r="D2584" t="s">
        <v>88</v>
      </c>
      <c r="E2584" s="1">
        <v>44601.740277777775</v>
      </c>
    </row>
    <row r="2585" spans="1:5" x14ac:dyDescent="0.4">
      <c r="A2585">
        <v>2238</v>
      </c>
      <c r="B2585">
        <v>0</v>
      </c>
      <c r="C2585">
        <v>47</v>
      </c>
      <c r="D2585" t="s">
        <v>88</v>
      </c>
      <c r="E2585" s="1">
        <v>44601.740277777775</v>
      </c>
    </row>
    <row r="2586" spans="1:5" x14ac:dyDescent="0.4">
      <c r="A2586">
        <v>2239</v>
      </c>
      <c r="B2586">
        <v>0</v>
      </c>
      <c r="C2586">
        <v>48</v>
      </c>
      <c r="D2586" t="s">
        <v>88</v>
      </c>
      <c r="E2586" s="1">
        <v>44601.740277777775</v>
      </c>
    </row>
    <row r="2587" spans="1:5" x14ac:dyDescent="0.4">
      <c r="A2587">
        <v>2240</v>
      </c>
      <c r="B2587">
        <v>0</v>
      </c>
      <c r="C2587">
        <v>49</v>
      </c>
      <c r="D2587" t="s">
        <v>88</v>
      </c>
      <c r="E2587" s="1">
        <v>44601.740277777775</v>
      </c>
    </row>
    <row r="2588" spans="1:5" x14ac:dyDescent="0.4">
      <c r="A2588">
        <v>2241</v>
      </c>
      <c r="B2588">
        <v>0</v>
      </c>
      <c r="C2588">
        <v>50</v>
      </c>
      <c r="D2588" t="s">
        <v>88</v>
      </c>
      <c r="E2588" s="1">
        <v>44601.740277777775</v>
      </c>
    </row>
    <row r="2589" spans="1:5" x14ac:dyDescent="0.4">
      <c r="A2589">
        <v>2242</v>
      </c>
      <c r="B2589">
        <v>0</v>
      </c>
      <c r="C2589">
        <v>51</v>
      </c>
      <c r="D2589" t="s">
        <v>88</v>
      </c>
      <c r="E2589" s="1">
        <v>44601.740277777775</v>
      </c>
    </row>
    <row r="2590" spans="1:5" x14ac:dyDescent="0.4">
      <c r="A2590">
        <v>2243</v>
      </c>
      <c r="B2590">
        <v>0</v>
      </c>
      <c r="C2590">
        <v>52</v>
      </c>
      <c r="D2590" t="s">
        <v>88</v>
      </c>
      <c r="E2590" s="1">
        <v>44601.740277777775</v>
      </c>
    </row>
    <row r="2591" spans="1:5" x14ac:dyDescent="0.4">
      <c r="A2591">
        <v>2244</v>
      </c>
      <c r="B2591">
        <v>0</v>
      </c>
      <c r="C2591">
        <v>53</v>
      </c>
      <c r="D2591" t="s">
        <v>88</v>
      </c>
      <c r="E2591" s="1">
        <v>44601.740277777775</v>
      </c>
    </row>
    <row r="2592" spans="1:5" x14ac:dyDescent="0.4">
      <c r="A2592">
        <v>2245</v>
      </c>
      <c r="B2592">
        <v>0</v>
      </c>
      <c r="C2592">
        <v>54</v>
      </c>
      <c r="D2592" t="s">
        <v>88</v>
      </c>
      <c r="E2592" s="1">
        <v>44601.740277777775</v>
      </c>
    </row>
    <row r="2593" spans="1:5" x14ac:dyDescent="0.4">
      <c r="A2593">
        <v>2246</v>
      </c>
      <c r="B2593">
        <v>0</v>
      </c>
      <c r="C2593">
        <v>55</v>
      </c>
      <c r="D2593" t="s">
        <v>88</v>
      </c>
      <c r="E2593" s="1">
        <v>44601.740277777775</v>
      </c>
    </row>
    <row r="2594" spans="1:5" x14ac:dyDescent="0.4">
      <c r="A2594">
        <v>2247</v>
      </c>
      <c r="B2594">
        <v>0</v>
      </c>
      <c r="C2594">
        <v>61</v>
      </c>
      <c r="D2594" t="s">
        <v>88</v>
      </c>
      <c r="E2594" s="1">
        <v>44601.740277777775</v>
      </c>
    </row>
    <row r="2595" spans="1:5" x14ac:dyDescent="0.4">
      <c r="A2595">
        <v>2248</v>
      </c>
      <c r="B2595">
        <v>0</v>
      </c>
      <c r="C2595">
        <v>62</v>
      </c>
      <c r="D2595" t="s">
        <v>88</v>
      </c>
      <c r="E2595" s="1">
        <v>44601.740277777775</v>
      </c>
    </row>
    <row r="2596" spans="1:5" x14ac:dyDescent="0.4">
      <c r="A2596">
        <v>2249</v>
      </c>
      <c r="B2596">
        <v>0</v>
      </c>
      <c r="C2596">
        <v>63</v>
      </c>
      <c r="D2596" t="s">
        <v>88</v>
      </c>
      <c r="E2596" s="1">
        <v>44601.740277777775</v>
      </c>
    </row>
    <row r="2597" spans="1:5" x14ac:dyDescent="0.4">
      <c r="A2597">
        <v>2250</v>
      </c>
      <c r="B2597">
        <v>0</v>
      </c>
      <c r="C2597">
        <v>64</v>
      </c>
      <c r="D2597" t="s">
        <v>88</v>
      </c>
      <c r="E2597" s="1">
        <v>44601.740277777775</v>
      </c>
    </row>
    <row r="2598" spans="1:5" x14ac:dyDescent="0.4">
      <c r="A2598">
        <v>2251</v>
      </c>
      <c r="B2598">
        <v>0</v>
      </c>
      <c r="C2598">
        <v>65</v>
      </c>
      <c r="D2598" t="s">
        <v>88</v>
      </c>
      <c r="E2598" s="1">
        <v>44601.740277777775</v>
      </c>
    </row>
    <row r="2599" spans="1:5" x14ac:dyDescent="0.4">
      <c r="A2599">
        <v>2252</v>
      </c>
      <c r="B2599">
        <v>0</v>
      </c>
      <c r="C2599">
        <v>66</v>
      </c>
      <c r="D2599" t="s">
        <v>88</v>
      </c>
      <c r="E2599" s="1">
        <v>44601.740277777775</v>
      </c>
    </row>
    <row r="2600" spans="1:5" x14ac:dyDescent="0.4">
      <c r="A2600">
        <v>2253</v>
      </c>
      <c r="B2600">
        <v>0</v>
      </c>
      <c r="C2600">
        <v>67</v>
      </c>
      <c r="D2600" t="s">
        <v>88</v>
      </c>
      <c r="E2600" s="1">
        <v>44601.740277777775</v>
      </c>
    </row>
    <row r="2601" spans="1:5" x14ac:dyDescent="0.4">
      <c r="A2601">
        <v>2254</v>
      </c>
      <c r="B2601">
        <v>0</v>
      </c>
      <c r="C2601">
        <v>68</v>
      </c>
      <c r="D2601" t="s">
        <v>88</v>
      </c>
      <c r="E2601" s="1">
        <v>44601.740277777775</v>
      </c>
    </row>
    <row r="2602" spans="1:5" x14ac:dyDescent="0.4">
      <c r="A2602">
        <v>2255</v>
      </c>
      <c r="B2602">
        <v>0</v>
      </c>
      <c r="C2602">
        <v>69</v>
      </c>
      <c r="D2602" t="s">
        <v>88</v>
      </c>
      <c r="E2602" s="1">
        <v>44601.740277777775</v>
      </c>
    </row>
    <row r="2603" spans="1:5" x14ac:dyDescent="0.4">
      <c r="A2603">
        <v>2256</v>
      </c>
      <c r="B2603">
        <v>0</v>
      </c>
      <c r="C2603">
        <v>70</v>
      </c>
      <c r="D2603" t="s">
        <v>88</v>
      </c>
      <c r="E2603" s="1">
        <v>44601.740277777775</v>
      </c>
    </row>
    <row r="2604" spans="1:5" x14ac:dyDescent="0.4">
      <c r="A2604">
        <v>2257</v>
      </c>
      <c r="B2604">
        <v>0</v>
      </c>
      <c r="C2604">
        <v>71</v>
      </c>
      <c r="D2604" t="s">
        <v>88</v>
      </c>
      <c r="E2604" s="1">
        <v>44601.740277777775</v>
      </c>
    </row>
    <row r="2605" spans="1:5" x14ac:dyDescent="0.4">
      <c r="A2605">
        <v>2258</v>
      </c>
      <c r="B2605">
        <v>0</v>
      </c>
      <c r="C2605">
        <v>72</v>
      </c>
      <c r="D2605" t="s">
        <v>88</v>
      </c>
      <c r="E2605" s="1">
        <v>44601.740277777775</v>
      </c>
    </row>
    <row r="2606" spans="1:5" x14ac:dyDescent="0.4">
      <c r="A2606">
        <v>2259</v>
      </c>
      <c r="B2606">
        <v>0</v>
      </c>
      <c r="C2606">
        <v>73</v>
      </c>
      <c r="D2606" t="s">
        <v>88</v>
      </c>
      <c r="E2606" s="1">
        <v>44601.740277777775</v>
      </c>
    </row>
    <row r="2607" spans="1:5" x14ac:dyDescent="0.4">
      <c r="A2607">
        <v>2260</v>
      </c>
      <c r="B2607">
        <v>0</v>
      </c>
      <c r="C2607">
        <v>74</v>
      </c>
      <c r="D2607" t="s">
        <v>88</v>
      </c>
      <c r="E2607" s="1">
        <v>44601.740277777775</v>
      </c>
    </row>
    <row r="2608" spans="1:5" x14ac:dyDescent="0.4">
      <c r="A2608">
        <v>2261</v>
      </c>
      <c r="B2608">
        <v>0</v>
      </c>
      <c r="C2608">
        <v>75</v>
      </c>
      <c r="D2608" t="s">
        <v>88</v>
      </c>
      <c r="E2608" s="1">
        <v>44601.740277777775</v>
      </c>
    </row>
    <row r="2609" spans="1:5" x14ac:dyDescent="0.4">
      <c r="A2609">
        <v>2262</v>
      </c>
      <c r="B2609">
        <v>0</v>
      </c>
      <c r="C2609">
        <v>76</v>
      </c>
      <c r="D2609" t="s">
        <v>88</v>
      </c>
      <c r="E2609" s="1">
        <v>44601.740277777775</v>
      </c>
    </row>
    <row r="2610" spans="1:5" x14ac:dyDescent="0.4">
      <c r="A2610">
        <v>2263</v>
      </c>
      <c r="B2610">
        <v>0</v>
      </c>
      <c r="C2610">
        <v>77</v>
      </c>
      <c r="D2610" t="s">
        <v>88</v>
      </c>
      <c r="E2610" s="1">
        <v>44601.740277777775</v>
      </c>
    </row>
    <row r="2611" spans="1:5" x14ac:dyDescent="0.4">
      <c r="A2611">
        <v>2264</v>
      </c>
      <c r="B2611">
        <v>0</v>
      </c>
      <c r="C2611">
        <v>78</v>
      </c>
      <c r="D2611" t="s">
        <v>88</v>
      </c>
      <c r="E2611" s="1">
        <v>44601.740277777775</v>
      </c>
    </row>
    <row r="2612" spans="1:5" x14ac:dyDescent="0.4">
      <c r="A2612">
        <v>2265</v>
      </c>
      <c r="B2612">
        <v>0</v>
      </c>
      <c r="C2612">
        <v>79</v>
      </c>
      <c r="D2612" t="s">
        <v>88</v>
      </c>
      <c r="E2612" s="1">
        <v>44601.740277777775</v>
      </c>
    </row>
    <row r="2613" spans="1:5" x14ac:dyDescent="0.4">
      <c r="A2613">
        <v>2266</v>
      </c>
      <c r="B2613">
        <v>0</v>
      </c>
      <c r="C2613">
        <v>91</v>
      </c>
      <c r="D2613" t="s">
        <v>88</v>
      </c>
      <c r="E2613" s="1">
        <v>44601.740277777775</v>
      </c>
    </row>
    <row r="2614" spans="1:5" x14ac:dyDescent="0.4">
      <c r="A2614">
        <v>2267</v>
      </c>
      <c r="B2614">
        <v>0</v>
      </c>
      <c r="C2614">
        <v>92</v>
      </c>
      <c r="D2614" t="s">
        <v>88</v>
      </c>
      <c r="E2614" s="1">
        <v>44601.740277777775</v>
      </c>
    </row>
    <row r="2615" spans="1:5" x14ac:dyDescent="0.4">
      <c r="A2615">
        <v>2268</v>
      </c>
      <c r="B2615">
        <v>0</v>
      </c>
      <c r="C2615">
        <v>93</v>
      </c>
      <c r="D2615" t="s">
        <v>88</v>
      </c>
      <c r="E2615" s="1">
        <v>44601.740277777775</v>
      </c>
    </row>
    <row r="2616" spans="1:5" x14ac:dyDescent="0.4">
      <c r="A2616">
        <v>2269</v>
      </c>
      <c r="B2616">
        <v>0</v>
      </c>
      <c r="C2616">
        <v>94</v>
      </c>
      <c r="D2616" t="s">
        <v>88</v>
      </c>
      <c r="E2616" s="1">
        <v>44601.740277777775</v>
      </c>
    </row>
    <row r="2617" spans="1:5" x14ac:dyDescent="0.4">
      <c r="A2617">
        <v>2270</v>
      </c>
      <c r="B2617">
        <v>0</v>
      </c>
      <c r="C2617">
        <v>95</v>
      </c>
      <c r="D2617" t="s">
        <v>88</v>
      </c>
      <c r="E2617" s="1">
        <v>44601.740277777775</v>
      </c>
    </row>
    <row r="2618" spans="1:5" x14ac:dyDescent="0.4">
      <c r="A2618">
        <v>2271</v>
      </c>
      <c r="B2618">
        <v>0</v>
      </c>
      <c r="C2618">
        <v>96</v>
      </c>
      <c r="D2618" t="s">
        <v>88</v>
      </c>
      <c r="E2618" s="1">
        <v>44601.740277777775</v>
      </c>
    </row>
    <row r="2619" spans="1:5" x14ac:dyDescent="0.4">
      <c r="A2619">
        <v>2272</v>
      </c>
      <c r="B2619">
        <v>0</v>
      </c>
      <c r="C2619">
        <v>97</v>
      </c>
      <c r="D2619" t="s">
        <v>88</v>
      </c>
      <c r="E2619" s="1">
        <v>44601.740277777775</v>
      </c>
    </row>
    <row r="2620" spans="1:5" x14ac:dyDescent="0.4">
      <c r="A2620">
        <v>2273</v>
      </c>
      <c r="B2620">
        <v>0</v>
      </c>
      <c r="C2620">
        <v>98</v>
      </c>
      <c r="D2620" t="s">
        <v>88</v>
      </c>
      <c r="E2620" s="1">
        <v>44601.740277777775</v>
      </c>
    </row>
    <row r="2621" spans="1:5" x14ac:dyDescent="0.4">
      <c r="A2621">
        <v>2274</v>
      </c>
      <c r="B2621">
        <v>0</v>
      </c>
      <c r="C2621">
        <v>99</v>
      </c>
      <c r="D2621" t="s">
        <v>88</v>
      </c>
      <c r="E2621" s="1">
        <v>44601.740277777775</v>
      </c>
    </row>
    <row r="2622" spans="1:5" x14ac:dyDescent="0.4">
      <c r="A2622">
        <v>2275</v>
      </c>
      <c r="B2622">
        <v>0</v>
      </c>
      <c r="C2622">
        <v>100</v>
      </c>
      <c r="D2622" t="s">
        <v>88</v>
      </c>
      <c r="E2622" s="1">
        <v>44601.740277777775</v>
      </c>
    </row>
    <row r="2623" spans="1:5" x14ac:dyDescent="0.4">
      <c r="A2623">
        <v>2276</v>
      </c>
      <c r="B2623">
        <v>0</v>
      </c>
      <c r="C2623">
        <v>101</v>
      </c>
      <c r="D2623" t="s">
        <v>88</v>
      </c>
      <c r="E2623" s="1">
        <v>44601.740277777775</v>
      </c>
    </row>
    <row r="2624" spans="1:5" x14ac:dyDescent="0.4">
      <c r="A2624">
        <v>2277</v>
      </c>
      <c r="B2624">
        <v>0</v>
      </c>
      <c r="C2624">
        <v>102</v>
      </c>
      <c r="D2624" t="s">
        <v>88</v>
      </c>
      <c r="E2624" s="1">
        <v>44601.740277777775</v>
      </c>
    </row>
    <row r="2625" spans="1:5" x14ac:dyDescent="0.4">
      <c r="A2625">
        <v>2278</v>
      </c>
      <c r="B2625">
        <v>0</v>
      </c>
      <c r="C2625">
        <v>103</v>
      </c>
      <c r="D2625" t="s">
        <v>88</v>
      </c>
      <c r="E2625" s="1">
        <v>44601.740277777775</v>
      </c>
    </row>
    <row r="2626" spans="1:5" x14ac:dyDescent="0.4">
      <c r="A2626">
        <v>2279</v>
      </c>
      <c r="B2626">
        <v>0</v>
      </c>
      <c r="C2626">
        <v>104</v>
      </c>
      <c r="D2626" t="s">
        <v>88</v>
      </c>
      <c r="E2626" s="1">
        <v>44601.740277777775</v>
      </c>
    </row>
    <row r="2627" spans="1:5" x14ac:dyDescent="0.4">
      <c r="A2627">
        <v>2280</v>
      </c>
      <c r="B2627">
        <v>0</v>
      </c>
      <c r="C2627">
        <v>105</v>
      </c>
      <c r="D2627" t="s">
        <v>88</v>
      </c>
      <c r="E2627" s="1">
        <v>44601.740277777775</v>
      </c>
    </row>
    <row r="2628" spans="1:5" x14ac:dyDescent="0.4">
      <c r="A2628">
        <v>2281</v>
      </c>
      <c r="B2628">
        <v>0</v>
      </c>
      <c r="C2628">
        <v>106</v>
      </c>
      <c r="D2628" t="s">
        <v>88</v>
      </c>
      <c r="E2628" s="1">
        <v>44601.740277777775</v>
      </c>
    </row>
    <row r="2629" spans="1:5" x14ac:dyDescent="0.4">
      <c r="A2629">
        <v>2282</v>
      </c>
      <c r="B2629">
        <v>0</v>
      </c>
      <c r="C2629">
        <v>107</v>
      </c>
      <c r="D2629" t="s">
        <v>88</v>
      </c>
      <c r="E2629" s="1">
        <v>44601.740277777775</v>
      </c>
    </row>
    <row r="2630" spans="1:5" x14ac:dyDescent="0.4">
      <c r="A2630">
        <v>2283</v>
      </c>
      <c r="B2630">
        <v>0</v>
      </c>
      <c r="C2630">
        <v>108</v>
      </c>
      <c r="D2630" t="s">
        <v>88</v>
      </c>
      <c r="E2630" s="1">
        <v>44601.740277777775</v>
      </c>
    </row>
    <row r="2631" spans="1:5" x14ac:dyDescent="0.4">
      <c r="A2631">
        <v>2284</v>
      </c>
      <c r="B2631">
        <v>0</v>
      </c>
      <c r="C2631">
        <v>109</v>
      </c>
      <c r="D2631" t="s">
        <v>88</v>
      </c>
      <c r="E2631" s="1">
        <v>44601.740277777775</v>
      </c>
    </row>
    <row r="2632" spans="1:5" x14ac:dyDescent="0.4">
      <c r="A2632">
        <v>2285</v>
      </c>
      <c r="B2632">
        <v>0</v>
      </c>
      <c r="C2632">
        <v>110</v>
      </c>
      <c r="D2632" t="s">
        <v>88</v>
      </c>
      <c r="E2632" s="1">
        <v>44601.740277777775</v>
      </c>
    </row>
    <row r="2633" spans="1:5" x14ac:dyDescent="0.4">
      <c r="A2633">
        <v>2286</v>
      </c>
      <c r="B2633">
        <v>0</v>
      </c>
      <c r="C2633">
        <v>111</v>
      </c>
      <c r="D2633" t="s">
        <v>88</v>
      </c>
      <c r="E2633" s="1">
        <v>44601.740277777775</v>
      </c>
    </row>
    <row r="2634" spans="1:5" x14ac:dyDescent="0.4">
      <c r="A2634">
        <v>2287</v>
      </c>
      <c r="B2634">
        <v>0</v>
      </c>
      <c r="C2634">
        <v>112</v>
      </c>
      <c r="D2634" t="s">
        <v>88</v>
      </c>
      <c r="E2634" s="1">
        <v>44601.740277777775</v>
      </c>
    </row>
    <row r="2635" spans="1:5" x14ac:dyDescent="0.4">
      <c r="A2635">
        <v>2288</v>
      </c>
      <c r="B2635">
        <v>0</v>
      </c>
      <c r="C2635">
        <v>113</v>
      </c>
      <c r="D2635" t="s">
        <v>88</v>
      </c>
      <c r="E2635" s="1">
        <v>44601.740277777775</v>
      </c>
    </row>
    <row r="2636" spans="1:5" x14ac:dyDescent="0.4">
      <c r="A2636">
        <v>2289</v>
      </c>
      <c r="B2636">
        <v>0</v>
      </c>
      <c r="C2636">
        <v>114</v>
      </c>
      <c r="D2636" t="s">
        <v>88</v>
      </c>
      <c r="E2636" s="1">
        <v>44601.740277777775</v>
      </c>
    </row>
    <row r="2637" spans="1:5" x14ac:dyDescent="0.4">
      <c r="A2637">
        <v>2290</v>
      </c>
      <c r="B2637">
        <v>0</v>
      </c>
      <c r="C2637">
        <v>115</v>
      </c>
      <c r="D2637" t="s">
        <v>88</v>
      </c>
      <c r="E2637" s="1">
        <v>44601.740277777775</v>
      </c>
    </row>
    <row r="2638" spans="1:5" x14ac:dyDescent="0.4">
      <c r="A2638">
        <v>2291</v>
      </c>
      <c r="B2638">
        <v>0</v>
      </c>
      <c r="C2638">
        <v>116</v>
      </c>
      <c r="D2638" t="s">
        <v>88</v>
      </c>
      <c r="E2638" s="1">
        <v>44601.740277777775</v>
      </c>
    </row>
    <row r="2639" spans="1:5" x14ac:dyDescent="0.4">
      <c r="A2639">
        <v>2292</v>
      </c>
      <c r="B2639">
        <v>0</v>
      </c>
      <c r="C2639">
        <v>121</v>
      </c>
      <c r="D2639" t="s">
        <v>88</v>
      </c>
      <c r="E2639" s="1">
        <v>44601.740277777775</v>
      </c>
    </row>
    <row r="2640" spans="1:5" x14ac:dyDescent="0.4">
      <c r="A2640">
        <v>2293</v>
      </c>
      <c r="B2640">
        <v>0</v>
      </c>
      <c r="C2640">
        <v>122</v>
      </c>
      <c r="D2640" t="s">
        <v>88</v>
      </c>
      <c r="E2640" s="1">
        <v>44601.740277777775</v>
      </c>
    </row>
    <row r="2641" spans="1:5" x14ac:dyDescent="0.4">
      <c r="A2641">
        <v>2294</v>
      </c>
      <c r="B2641">
        <v>0</v>
      </c>
      <c r="C2641">
        <v>123</v>
      </c>
      <c r="D2641" t="s">
        <v>88</v>
      </c>
      <c r="E2641" s="1">
        <v>44601.740277777775</v>
      </c>
    </row>
    <row r="2642" spans="1:5" x14ac:dyDescent="0.4">
      <c r="A2642">
        <v>2295</v>
      </c>
      <c r="B2642">
        <v>0</v>
      </c>
      <c r="C2642">
        <v>124</v>
      </c>
      <c r="D2642" t="s">
        <v>88</v>
      </c>
      <c r="E2642" s="1">
        <v>44601.740277777775</v>
      </c>
    </row>
    <row r="2643" spans="1:5" x14ac:dyDescent="0.4">
      <c r="A2643">
        <v>2296</v>
      </c>
      <c r="B2643">
        <v>0</v>
      </c>
      <c r="C2643">
        <v>125</v>
      </c>
      <c r="D2643" t="s">
        <v>88</v>
      </c>
      <c r="E2643" s="1">
        <v>44601.740277777775</v>
      </c>
    </row>
    <row r="2644" spans="1:5" x14ac:dyDescent="0.4">
      <c r="A2644">
        <v>2297</v>
      </c>
      <c r="B2644">
        <v>0</v>
      </c>
      <c r="C2644">
        <v>126</v>
      </c>
      <c r="D2644" t="s">
        <v>88</v>
      </c>
      <c r="E2644" s="1">
        <v>44601.740277777775</v>
      </c>
    </row>
    <row r="2645" spans="1:5" x14ac:dyDescent="0.4">
      <c r="A2645">
        <v>2298</v>
      </c>
      <c r="B2645">
        <v>0</v>
      </c>
      <c r="C2645">
        <v>131</v>
      </c>
      <c r="D2645" t="s">
        <v>88</v>
      </c>
      <c r="E2645" s="1">
        <v>44601.740277777775</v>
      </c>
    </row>
    <row r="2646" spans="1:5" x14ac:dyDescent="0.4">
      <c r="A2646">
        <v>2299</v>
      </c>
      <c r="B2646">
        <v>0</v>
      </c>
      <c r="C2646">
        <v>141</v>
      </c>
      <c r="D2646" t="s">
        <v>88</v>
      </c>
      <c r="E2646" s="1">
        <v>44601.740277777775</v>
      </c>
    </row>
    <row r="2647" spans="1:5" x14ac:dyDescent="0.4">
      <c r="A2647">
        <v>2300</v>
      </c>
      <c r="B2647">
        <v>0</v>
      </c>
      <c r="C2647">
        <v>142</v>
      </c>
      <c r="D2647" t="s">
        <v>88</v>
      </c>
      <c r="E2647" s="1">
        <v>44601.740277777775</v>
      </c>
    </row>
    <row r="2648" spans="1:5" x14ac:dyDescent="0.4">
      <c r="A2648">
        <v>2301</v>
      </c>
      <c r="B2648">
        <v>0</v>
      </c>
      <c r="C2648">
        <v>143</v>
      </c>
      <c r="D2648" t="s">
        <v>88</v>
      </c>
      <c r="E2648" s="1">
        <v>44601.740277777775</v>
      </c>
    </row>
    <row r="2649" spans="1:5" x14ac:dyDescent="0.4">
      <c r="A2649">
        <v>2302</v>
      </c>
      <c r="B2649">
        <v>0</v>
      </c>
      <c r="C2649">
        <v>144</v>
      </c>
      <c r="D2649" t="s">
        <v>88</v>
      </c>
      <c r="E2649" s="1">
        <v>44601.740277777775</v>
      </c>
    </row>
    <row r="2650" spans="1:5" x14ac:dyDescent="0.4">
      <c r="A2650">
        <v>2303</v>
      </c>
      <c r="B2650">
        <v>0</v>
      </c>
      <c r="C2650">
        <v>145</v>
      </c>
      <c r="D2650" t="s">
        <v>88</v>
      </c>
      <c r="E2650" s="1">
        <v>44601.740277777775</v>
      </c>
    </row>
    <row r="2651" spans="1:5" x14ac:dyDescent="0.4">
      <c r="A2651">
        <v>2304</v>
      </c>
      <c r="B2651">
        <v>0</v>
      </c>
      <c r="C2651">
        <v>146</v>
      </c>
      <c r="D2651" t="s">
        <v>88</v>
      </c>
      <c r="E2651" s="1">
        <v>44601.740277777775</v>
      </c>
    </row>
    <row r="2652" spans="1:5" x14ac:dyDescent="0.4">
      <c r="A2652">
        <v>2305</v>
      </c>
      <c r="B2652">
        <v>0</v>
      </c>
      <c r="C2652">
        <v>147</v>
      </c>
      <c r="D2652" t="s">
        <v>88</v>
      </c>
      <c r="E2652" s="1">
        <v>44601.740277777775</v>
      </c>
    </row>
    <row r="2653" spans="1:5" x14ac:dyDescent="0.4">
      <c r="A2653">
        <v>2306</v>
      </c>
      <c r="B2653">
        <v>0</v>
      </c>
      <c r="C2653">
        <v>161</v>
      </c>
      <c r="D2653" t="s">
        <v>88</v>
      </c>
      <c r="E2653" s="1">
        <v>44601.740277777775</v>
      </c>
    </row>
    <row r="2654" spans="1:5" x14ac:dyDescent="0.4">
      <c r="A2654">
        <v>2307</v>
      </c>
      <c r="B2654">
        <v>0</v>
      </c>
      <c r="C2654">
        <v>162</v>
      </c>
      <c r="D2654" t="s">
        <v>88</v>
      </c>
      <c r="E2654" s="1">
        <v>44601.740277777775</v>
      </c>
    </row>
    <row r="2655" spans="1:5" x14ac:dyDescent="0.4">
      <c r="A2655">
        <v>2308</v>
      </c>
      <c r="B2655">
        <v>0</v>
      </c>
      <c r="C2655">
        <v>163</v>
      </c>
      <c r="D2655" t="s">
        <v>88</v>
      </c>
      <c r="E2655" s="1">
        <v>44601.740277777775</v>
      </c>
    </row>
    <row r="2656" spans="1:5" x14ac:dyDescent="0.4">
      <c r="A2656">
        <v>2309</v>
      </c>
      <c r="B2656">
        <v>0</v>
      </c>
      <c r="C2656">
        <v>164</v>
      </c>
      <c r="D2656" t="s">
        <v>88</v>
      </c>
      <c r="E2656" s="1">
        <v>44601.740277777775</v>
      </c>
    </row>
    <row r="2657" spans="1:5" x14ac:dyDescent="0.4">
      <c r="A2657">
        <v>2310</v>
      </c>
      <c r="B2657">
        <v>0</v>
      </c>
      <c r="C2657">
        <v>165</v>
      </c>
      <c r="D2657" t="s">
        <v>88</v>
      </c>
      <c r="E2657" s="1">
        <v>44601.740277777775</v>
      </c>
    </row>
    <row r="2658" spans="1:5" x14ac:dyDescent="0.4">
      <c r="A2658">
        <v>2311</v>
      </c>
      <c r="B2658">
        <v>0</v>
      </c>
      <c r="C2658">
        <v>166</v>
      </c>
      <c r="D2658" t="s">
        <v>88</v>
      </c>
      <c r="E2658" s="1">
        <v>44601.740277777775</v>
      </c>
    </row>
    <row r="2659" spans="1:5" x14ac:dyDescent="0.4">
      <c r="A2659">
        <v>2312</v>
      </c>
      <c r="B2659">
        <v>0</v>
      </c>
      <c r="C2659">
        <v>167</v>
      </c>
      <c r="D2659" t="s">
        <v>88</v>
      </c>
      <c r="E2659" s="1">
        <v>44601.740277777775</v>
      </c>
    </row>
    <row r="2660" spans="1:5" x14ac:dyDescent="0.4">
      <c r="A2660">
        <v>2313</v>
      </c>
      <c r="B2660">
        <v>0</v>
      </c>
      <c r="C2660">
        <v>168</v>
      </c>
      <c r="D2660" t="s">
        <v>88</v>
      </c>
      <c r="E2660" s="1">
        <v>44601.740277777775</v>
      </c>
    </row>
    <row r="2661" spans="1:5" x14ac:dyDescent="0.4">
      <c r="A2661">
        <v>2314</v>
      </c>
      <c r="B2661">
        <v>0</v>
      </c>
      <c r="C2661">
        <v>169</v>
      </c>
      <c r="D2661" t="s">
        <v>88</v>
      </c>
      <c r="E2661" s="1">
        <v>44601.740277777775</v>
      </c>
    </row>
    <row r="2662" spans="1:5" x14ac:dyDescent="0.4">
      <c r="A2662">
        <v>2315</v>
      </c>
      <c r="B2662">
        <v>0</v>
      </c>
      <c r="C2662">
        <v>170</v>
      </c>
      <c r="D2662" t="s">
        <v>88</v>
      </c>
      <c r="E2662" s="1">
        <v>44601.740277777775</v>
      </c>
    </row>
    <row r="2663" spans="1:5" x14ac:dyDescent="0.4">
      <c r="A2663">
        <v>2316</v>
      </c>
      <c r="B2663">
        <v>0</v>
      </c>
      <c r="C2663">
        <v>171</v>
      </c>
      <c r="D2663" t="s">
        <v>88</v>
      </c>
      <c r="E2663" s="1">
        <v>44601.740277777775</v>
      </c>
    </row>
    <row r="2664" spans="1:5" x14ac:dyDescent="0.4">
      <c r="A2664">
        <v>2317</v>
      </c>
      <c r="B2664">
        <v>0</v>
      </c>
      <c r="C2664">
        <v>172</v>
      </c>
      <c r="D2664" t="s">
        <v>88</v>
      </c>
      <c r="E2664" s="1">
        <v>44601.740277777775</v>
      </c>
    </row>
    <row r="2665" spans="1:5" x14ac:dyDescent="0.4">
      <c r="A2665">
        <v>2318</v>
      </c>
      <c r="B2665">
        <v>0</v>
      </c>
      <c r="C2665">
        <v>173</v>
      </c>
      <c r="D2665" t="s">
        <v>88</v>
      </c>
      <c r="E2665" s="1">
        <v>44601.740277777775</v>
      </c>
    </row>
    <row r="2666" spans="1:5" x14ac:dyDescent="0.4">
      <c r="A2666">
        <v>2319</v>
      </c>
      <c r="B2666">
        <v>0</v>
      </c>
      <c r="C2666">
        <v>174</v>
      </c>
      <c r="D2666" t="s">
        <v>88</v>
      </c>
      <c r="E2666" s="1">
        <v>44601.740277777775</v>
      </c>
    </row>
    <row r="2667" spans="1:5" x14ac:dyDescent="0.4">
      <c r="A2667">
        <v>2320</v>
      </c>
      <c r="B2667">
        <v>0</v>
      </c>
      <c r="C2667">
        <v>175</v>
      </c>
      <c r="D2667" t="s">
        <v>88</v>
      </c>
      <c r="E2667" s="1">
        <v>44601.740277777775</v>
      </c>
    </row>
    <row r="2668" spans="1:5" x14ac:dyDescent="0.4">
      <c r="A2668">
        <v>2321</v>
      </c>
      <c r="B2668">
        <v>0</v>
      </c>
      <c r="C2668">
        <v>181</v>
      </c>
      <c r="D2668" t="s">
        <v>88</v>
      </c>
      <c r="E2668" s="1">
        <v>44601.740277777775</v>
      </c>
    </row>
    <row r="2669" spans="1:5" x14ac:dyDescent="0.4">
      <c r="A2669">
        <v>2322</v>
      </c>
      <c r="B2669">
        <v>0</v>
      </c>
      <c r="C2669">
        <v>182</v>
      </c>
      <c r="D2669" t="s">
        <v>88</v>
      </c>
      <c r="E2669" s="1">
        <v>44601.740277777775</v>
      </c>
    </row>
    <row r="2670" spans="1:5" x14ac:dyDescent="0.4">
      <c r="A2670">
        <v>2323</v>
      </c>
      <c r="B2670">
        <v>0</v>
      </c>
      <c r="C2670">
        <v>183</v>
      </c>
      <c r="D2670" t="s">
        <v>88</v>
      </c>
      <c r="E2670" s="1">
        <v>44601.740277777775</v>
      </c>
    </row>
    <row r="2671" spans="1:5" x14ac:dyDescent="0.4">
      <c r="A2671">
        <v>2324</v>
      </c>
      <c r="B2671">
        <v>0</v>
      </c>
      <c r="C2671">
        <v>184</v>
      </c>
      <c r="D2671" t="s">
        <v>88</v>
      </c>
      <c r="E2671" s="1">
        <v>44601.740277777775</v>
      </c>
    </row>
    <row r="2672" spans="1:5" x14ac:dyDescent="0.4">
      <c r="A2672">
        <v>2325</v>
      </c>
      <c r="B2672">
        <v>0</v>
      </c>
      <c r="C2672">
        <v>185</v>
      </c>
      <c r="D2672" t="s">
        <v>88</v>
      </c>
      <c r="E2672" s="1">
        <v>44601.740277777775</v>
      </c>
    </row>
    <row r="2673" spans="1:5" x14ac:dyDescent="0.4">
      <c r="A2673">
        <v>2326</v>
      </c>
      <c r="B2673">
        <v>0</v>
      </c>
      <c r="C2673">
        <v>186</v>
      </c>
      <c r="D2673" t="s">
        <v>88</v>
      </c>
      <c r="E2673" s="1">
        <v>44601.740277777775</v>
      </c>
    </row>
    <row r="2674" spans="1:5" x14ac:dyDescent="0.4">
      <c r="A2674">
        <v>2327</v>
      </c>
      <c r="B2674">
        <v>0</v>
      </c>
      <c r="C2674">
        <v>190</v>
      </c>
      <c r="D2674" t="s">
        <v>88</v>
      </c>
      <c r="E2674" s="1">
        <v>44601.740277777775</v>
      </c>
    </row>
    <row r="2675" spans="1:5" x14ac:dyDescent="0.4">
      <c r="A2675">
        <v>2328</v>
      </c>
      <c r="B2675">
        <v>0</v>
      </c>
      <c r="C2675">
        <v>191</v>
      </c>
      <c r="D2675" t="s">
        <v>88</v>
      </c>
      <c r="E2675" s="1">
        <v>44601.740277777775</v>
      </c>
    </row>
    <row r="2676" spans="1:5" x14ac:dyDescent="0.4">
      <c r="A2676">
        <v>2329</v>
      </c>
      <c r="B2676">
        <v>0</v>
      </c>
      <c r="C2676">
        <v>192</v>
      </c>
      <c r="D2676" t="s">
        <v>88</v>
      </c>
      <c r="E2676" s="1">
        <v>44601.740277777775</v>
      </c>
    </row>
    <row r="2677" spans="1:5" x14ac:dyDescent="0.4">
      <c r="A2677">
        <v>2330</v>
      </c>
      <c r="B2677">
        <v>0</v>
      </c>
      <c r="C2677">
        <v>193</v>
      </c>
      <c r="D2677" t="s">
        <v>88</v>
      </c>
      <c r="E2677" s="1">
        <v>44601.740277777775</v>
      </c>
    </row>
    <row r="2678" spans="1:5" x14ac:dyDescent="0.4">
      <c r="A2678">
        <v>2331</v>
      </c>
      <c r="B2678">
        <v>0</v>
      </c>
      <c r="C2678">
        <v>194</v>
      </c>
      <c r="D2678" t="s">
        <v>88</v>
      </c>
      <c r="E2678" s="1">
        <v>44601.740277777775</v>
      </c>
    </row>
    <row r="2679" spans="1:5" x14ac:dyDescent="0.4">
      <c r="A2679">
        <v>2332</v>
      </c>
      <c r="B2679">
        <v>0</v>
      </c>
      <c r="C2679">
        <v>195</v>
      </c>
      <c r="D2679" t="s">
        <v>88</v>
      </c>
      <c r="E2679" s="1">
        <v>44601.740277777775</v>
      </c>
    </row>
    <row r="2680" spans="1:5" x14ac:dyDescent="0.4">
      <c r="A2680">
        <v>2333</v>
      </c>
      <c r="B2680">
        <v>0</v>
      </c>
      <c r="C2680">
        <v>301</v>
      </c>
      <c r="D2680" t="s">
        <v>88</v>
      </c>
      <c r="E2680" s="1">
        <v>44601.740277777775</v>
      </c>
    </row>
    <row r="2681" spans="1:5" x14ac:dyDescent="0.4">
      <c r="A2681">
        <v>2334</v>
      </c>
      <c r="B2681">
        <v>0</v>
      </c>
      <c r="C2681">
        <v>302</v>
      </c>
      <c r="D2681" t="s">
        <v>88</v>
      </c>
      <c r="E2681" s="1">
        <v>44601.740277777775</v>
      </c>
    </row>
    <row r="2682" spans="1:5" x14ac:dyDescent="0.4">
      <c r="A2682">
        <v>2335</v>
      </c>
      <c r="B2682">
        <v>0</v>
      </c>
      <c r="C2682">
        <v>321</v>
      </c>
      <c r="D2682" t="s">
        <v>88</v>
      </c>
      <c r="E2682" s="1">
        <v>44601.740277777775</v>
      </c>
    </row>
    <row r="2683" spans="1:5" x14ac:dyDescent="0.4">
      <c r="A2683">
        <v>2336</v>
      </c>
      <c r="B2683">
        <v>0</v>
      </c>
      <c r="C2683">
        <v>322</v>
      </c>
      <c r="D2683" t="s">
        <v>88</v>
      </c>
      <c r="E2683" s="1">
        <v>44601.740277777775</v>
      </c>
    </row>
    <row r="2684" spans="1:5" x14ac:dyDescent="0.4">
      <c r="A2684">
        <v>2337</v>
      </c>
      <c r="B2684">
        <v>0</v>
      </c>
      <c r="C2684">
        <v>323</v>
      </c>
      <c r="D2684" t="s">
        <v>88</v>
      </c>
      <c r="E2684" s="1">
        <v>44601.740277777775</v>
      </c>
    </row>
    <row r="2685" spans="1:5" x14ac:dyDescent="0.4">
      <c r="A2685">
        <v>2338</v>
      </c>
      <c r="B2685">
        <v>0</v>
      </c>
      <c r="C2685">
        <v>324</v>
      </c>
      <c r="D2685" t="s">
        <v>88</v>
      </c>
      <c r="E2685" s="1">
        <v>44601.740277777775</v>
      </c>
    </row>
    <row r="2686" spans="1:5" x14ac:dyDescent="0.4">
      <c r="A2686">
        <v>2339</v>
      </c>
      <c r="B2686">
        <v>0</v>
      </c>
      <c r="C2686">
        <v>325</v>
      </c>
      <c r="D2686" t="s">
        <v>88</v>
      </c>
      <c r="E2686" s="1">
        <v>44601.740277777775</v>
      </c>
    </row>
    <row r="2687" spans="1:5" x14ac:dyDescent="0.4">
      <c r="A2687">
        <v>2340</v>
      </c>
      <c r="B2687">
        <v>0</v>
      </c>
      <c r="C2687">
        <v>326</v>
      </c>
      <c r="D2687" t="s">
        <v>88</v>
      </c>
      <c r="E2687" s="1">
        <v>44601.740277777775</v>
      </c>
    </row>
    <row r="2688" spans="1:5" x14ac:dyDescent="0.4">
      <c r="A2688">
        <v>2341</v>
      </c>
      <c r="B2688">
        <v>0</v>
      </c>
      <c r="C2688">
        <v>327</v>
      </c>
      <c r="D2688" t="s">
        <v>88</v>
      </c>
      <c r="E2688" s="1">
        <v>44601.740277777775</v>
      </c>
    </row>
    <row r="2689" spans="1:5" x14ac:dyDescent="0.4">
      <c r="A2689">
        <v>2342</v>
      </c>
      <c r="B2689">
        <v>0</v>
      </c>
      <c r="C2689">
        <v>328</v>
      </c>
      <c r="D2689" t="s">
        <v>88</v>
      </c>
      <c r="E2689" s="1">
        <v>44601.740277777775</v>
      </c>
    </row>
    <row r="2690" spans="1:5" x14ac:dyDescent="0.4">
      <c r="A2690">
        <v>2343</v>
      </c>
      <c r="B2690">
        <v>0</v>
      </c>
      <c r="C2690">
        <v>329</v>
      </c>
      <c r="D2690" t="s">
        <v>88</v>
      </c>
      <c r="E2690" s="1">
        <v>44601.740277777775</v>
      </c>
    </row>
    <row r="2691" spans="1:5" x14ac:dyDescent="0.4">
      <c r="A2691">
        <v>2344</v>
      </c>
      <c r="B2691">
        <v>0</v>
      </c>
      <c r="C2691">
        <v>330</v>
      </c>
      <c r="D2691" t="s">
        <v>88</v>
      </c>
      <c r="E2691" s="1">
        <v>44601.740277777775</v>
      </c>
    </row>
    <row r="2692" spans="1:5" x14ac:dyDescent="0.4">
      <c r="A2692">
        <v>2345</v>
      </c>
      <c r="B2692">
        <v>0</v>
      </c>
      <c r="C2692">
        <v>331</v>
      </c>
      <c r="D2692" t="s">
        <v>88</v>
      </c>
      <c r="E2692" s="1">
        <v>44601.740277777775</v>
      </c>
    </row>
    <row r="2693" spans="1:5" x14ac:dyDescent="0.4">
      <c r="A2693">
        <v>2346</v>
      </c>
      <c r="B2693">
        <v>0</v>
      </c>
      <c r="C2693">
        <v>332</v>
      </c>
      <c r="D2693" t="s">
        <v>88</v>
      </c>
      <c r="E2693" s="1">
        <v>44601.740277777775</v>
      </c>
    </row>
    <row r="2694" spans="1:5" x14ac:dyDescent="0.4">
      <c r="A2694">
        <v>2347</v>
      </c>
      <c r="B2694">
        <v>0</v>
      </c>
      <c r="C2694">
        <v>333</v>
      </c>
      <c r="D2694" t="s">
        <v>88</v>
      </c>
      <c r="E2694" s="1">
        <v>44601.740277777775</v>
      </c>
    </row>
    <row r="2695" spans="1:5" x14ac:dyDescent="0.4">
      <c r="A2695">
        <v>2348</v>
      </c>
      <c r="B2695">
        <v>0</v>
      </c>
      <c r="C2695">
        <v>341</v>
      </c>
      <c r="D2695" t="s">
        <v>88</v>
      </c>
      <c r="E2695" s="1">
        <v>44601.740277777775</v>
      </c>
    </row>
    <row r="2696" spans="1:5" x14ac:dyDescent="0.4">
      <c r="A2696">
        <v>2349</v>
      </c>
      <c r="B2696">
        <v>0</v>
      </c>
      <c r="C2696">
        <v>342</v>
      </c>
      <c r="D2696" t="s">
        <v>88</v>
      </c>
      <c r="E2696" s="1">
        <v>44601.740277777775</v>
      </c>
    </row>
    <row r="2697" spans="1:5" x14ac:dyDescent="0.4">
      <c r="A2697">
        <v>2350</v>
      </c>
      <c r="B2697">
        <v>0</v>
      </c>
      <c r="C2697">
        <v>343</v>
      </c>
      <c r="D2697" t="s">
        <v>88</v>
      </c>
      <c r="E2697" s="1">
        <v>44601.740277777775</v>
      </c>
    </row>
    <row r="2698" spans="1:5" x14ac:dyDescent="0.4">
      <c r="A2698">
        <v>2351</v>
      </c>
      <c r="B2698">
        <v>0</v>
      </c>
      <c r="C2698">
        <v>344</v>
      </c>
      <c r="D2698" t="s">
        <v>88</v>
      </c>
      <c r="E2698" s="1">
        <v>44601.740277777775</v>
      </c>
    </row>
    <row r="2699" spans="1:5" x14ac:dyDescent="0.4">
      <c r="A2699">
        <v>2352</v>
      </c>
      <c r="B2699">
        <v>0</v>
      </c>
      <c r="C2699">
        <v>345</v>
      </c>
      <c r="D2699" t="s">
        <v>88</v>
      </c>
      <c r="E2699" s="1">
        <v>44601.740277777775</v>
      </c>
    </row>
    <row r="2700" spans="1:5" x14ac:dyDescent="0.4">
      <c r="A2700">
        <v>2353</v>
      </c>
      <c r="B2700">
        <v>0</v>
      </c>
      <c r="C2700">
        <v>346</v>
      </c>
      <c r="D2700" t="s">
        <v>88</v>
      </c>
      <c r="E2700" s="1">
        <v>44601.740277777775</v>
      </c>
    </row>
    <row r="2701" spans="1:5" x14ac:dyDescent="0.4">
      <c r="A2701">
        <v>2354</v>
      </c>
      <c r="B2701">
        <v>0</v>
      </c>
      <c r="C2701">
        <v>361</v>
      </c>
      <c r="D2701" t="s">
        <v>88</v>
      </c>
      <c r="E2701" s="1">
        <v>44601.740277777775</v>
      </c>
    </row>
    <row r="2702" spans="1:5" x14ac:dyDescent="0.4">
      <c r="A2702">
        <v>2355</v>
      </c>
      <c r="B2702">
        <v>0</v>
      </c>
      <c r="C2702">
        <v>362</v>
      </c>
      <c r="D2702" t="s">
        <v>88</v>
      </c>
      <c r="E2702" s="1">
        <v>44601.740277777775</v>
      </c>
    </row>
    <row r="2703" spans="1:5" x14ac:dyDescent="0.4">
      <c r="A2703">
        <v>2356</v>
      </c>
      <c r="B2703">
        <v>0</v>
      </c>
      <c r="C2703">
        <v>363</v>
      </c>
      <c r="D2703" t="s">
        <v>88</v>
      </c>
      <c r="E2703" s="1">
        <v>44601.740277777775</v>
      </c>
    </row>
    <row r="2704" spans="1:5" x14ac:dyDescent="0.4">
      <c r="A2704">
        <v>2357</v>
      </c>
      <c r="B2704">
        <v>0</v>
      </c>
      <c r="C2704">
        <v>364</v>
      </c>
      <c r="D2704" t="s">
        <v>88</v>
      </c>
      <c r="E2704" s="1">
        <v>44601.740277777775</v>
      </c>
    </row>
    <row r="2705" spans="1:5" x14ac:dyDescent="0.4">
      <c r="A2705">
        <v>2358</v>
      </c>
      <c r="B2705">
        <v>0</v>
      </c>
      <c r="C2705">
        <v>365</v>
      </c>
      <c r="D2705" t="s">
        <v>88</v>
      </c>
      <c r="E2705" s="1">
        <v>44601.740277777775</v>
      </c>
    </row>
    <row r="2706" spans="1:5" x14ac:dyDescent="0.4">
      <c r="A2706">
        <v>2359</v>
      </c>
      <c r="B2706">
        <v>0</v>
      </c>
      <c r="C2706">
        <v>366</v>
      </c>
      <c r="D2706" t="s">
        <v>88</v>
      </c>
      <c r="E2706" s="1">
        <v>44601.740277777775</v>
      </c>
    </row>
    <row r="2707" spans="1:5" x14ac:dyDescent="0.4">
      <c r="A2707">
        <v>2360</v>
      </c>
      <c r="B2707">
        <v>0</v>
      </c>
      <c r="C2707">
        <v>367</v>
      </c>
      <c r="D2707" t="s">
        <v>88</v>
      </c>
      <c r="E2707" s="1">
        <v>44601.740277777775</v>
      </c>
    </row>
    <row r="2708" spans="1:5" x14ac:dyDescent="0.4">
      <c r="A2708">
        <v>2361</v>
      </c>
      <c r="B2708">
        <v>0</v>
      </c>
      <c r="C2708">
        <v>368</v>
      </c>
      <c r="D2708" t="s">
        <v>88</v>
      </c>
      <c r="E2708" s="1">
        <v>44601.740277777775</v>
      </c>
    </row>
    <row r="2709" spans="1:5" x14ac:dyDescent="0.4">
      <c r="A2709">
        <v>2362</v>
      </c>
      <c r="B2709">
        <v>0</v>
      </c>
      <c r="C2709">
        <v>369</v>
      </c>
      <c r="D2709" t="s">
        <v>88</v>
      </c>
      <c r="E2709" s="1">
        <v>44601.740277777775</v>
      </c>
    </row>
    <row r="2710" spans="1:5" x14ac:dyDescent="0.4">
      <c r="A2710">
        <v>2363</v>
      </c>
      <c r="B2710">
        <v>0</v>
      </c>
      <c r="C2710">
        <v>370</v>
      </c>
      <c r="D2710" t="s">
        <v>88</v>
      </c>
      <c r="E2710" s="1">
        <v>44601.740277777775</v>
      </c>
    </row>
    <row r="2711" spans="1:5" x14ac:dyDescent="0.4">
      <c r="A2711">
        <v>2364</v>
      </c>
      <c r="B2711">
        <v>0</v>
      </c>
      <c r="C2711">
        <v>371</v>
      </c>
      <c r="D2711" t="s">
        <v>88</v>
      </c>
      <c r="E2711" s="1">
        <v>44601.740277777775</v>
      </c>
    </row>
    <row r="2712" spans="1:5" x14ac:dyDescent="0.4">
      <c r="A2712">
        <v>2365</v>
      </c>
      <c r="B2712">
        <v>0</v>
      </c>
      <c r="C2712">
        <v>372</v>
      </c>
      <c r="D2712" t="s">
        <v>88</v>
      </c>
      <c r="E2712" s="1">
        <v>44601.740277777775</v>
      </c>
    </row>
    <row r="2713" spans="1:5" x14ac:dyDescent="0.4">
      <c r="A2713">
        <v>2366</v>
      </c>
      <c r="B2713">
        <v>0</v>
      </c>
      <c r="C2713">
        <v>373</v>
      </c>
      <c r="D2713" t="s">
        <v>88</v>
      </c>
      <c r="E2713" s="1">
        <v>44601.740277777775</v>
      </c>
    </row>
    <row r="2714" spans="1:5" x14ac:dyDescent="0.4">
      <c r="A2714">
        <v>2367</v>
      </c>
      <c r="B2714">
        <v>0</v>
      </c>
      <c r="C2714">
        <v>381</v>
      </c>
      <c r="D2714" t="s">
        <v>88</v>
      </c>
      <c r="E2714" s="1">
        <v>44601.740277777775</v>
      </c>
    </row>
    <row r="2715" spans="1:5" x14ac:dyDescent="0.4">
      <c r="A2715">
        <v>2368</v>
      </c>
      <c r="B2715">
        <v>0</v>
      </c>
      <c r="C2715">
        <v>382</v>
      </c>
      <c r="D2715" t="s">
        <v>88</v>
      </c>
      <c r="E2715" s="1">
        <v>44601.740277777775</v>
      </c>
    </row>
    <row r="2716" spans="1:5" x14ac:dyDescent="0.4">
      <c r="A2716">
        <v>2369</v>
      </c>
      <c r="B2716">
        <v>0</v>
      </c>
      <c r="C2716">
        <v>383</v>
      </c>
      <c r="D2716" t="s">
        <v>88</v>
      </c>
      <c r="E2716" s="1">
        <v>44601.740277777775</v>
      </c>
    </row>
    <row r="2717" spans="1:5" x14ac:dyDescent="0.4">
      <c r="A2717">
        <v>2370</v>
      </c>
      <c r="B2717">
        <v>0</v>
      </c>
      <c r="C2717">
        <v>384</v>
      </c>
      <c r="D2717" t="s">
        <v>88</v>
      </c>
      <c r="E2717" s="1">
        <v>44601.740277777775</v>
      </c>
    </row>
    <row r="2718" spans="1:5" x14ac:dyDescent="0.4">
      <c r="A2718">
        <v>2371</v>
      </c>
      <c r="B2718">
        <v>0</v>
      </c>
      <c r="C2718">
        <v>385</v>
      </c>
      <c r="D2718" t="s">
        <v>88</v>
      </c>
      <c r="E2718" s="1">
        <v>44601.740277777775</v>
      </c>
    </row>
    <row r="2719" spans="1:5" x14ac:dyDescent="0.4">
      <c r="A2719">
        <v>2372</v>
      </c>
      <c r="B2719">
        <v>0</v>
      </c>
      <c r="C2719">
        <v>386</v>
      </c>
      <c r="D2719" t="s">
        <v>88</v>
      </c>
      <c r="E2719" s="1">
        <v>44601.740277777775</v>
      </c>
    </row>
    <row r="2720" spans="1:5" x14ac:dyDescent="0.4">
      <c r="A2720">
        <v>2373</v>
      </c>
      <c r="B2720">
        <v>0</v>
      </c>
      <c r="C2720">
        <v>391</v>
      </c>
      <c r="D2720" t="s">
        <v>88</v>
      </c>
      <c r="E2720" s="1">
        <v>44601.740277777775</v>
      </c>
    </row>
    <row r="2721" spans="1:5" x14ac:dyDescent="0.4">
      <c r="A2721">
        <v>2374</v>
      </c>
      <c r="B2721">
        <v>0</v>
      </c>
      <c r="C2721">
        <v>392</v>
      </c>
      <c r="D2721" t="s">
        <v>88</v>
      </c>
      <c r="E2721" s="1">
        <v>44601.740277777775</v>
      </c>
    </row>
    <row r="2722" spans="1:5" x14ac:dyDescent="0.4">
      <c r="A2722">
        <v>2375</v>
      </c>
      <c r="B2722">
        <v>0</v>
      </c>
      <c r="C2722">
        <v>393</v>
      </c>
      <c r="D2722" t="s">
        <v>88</v>
      </c>
      <c r="E2722" s="1">
        <v>44601.740277777775</v>
      </c>
    </row>
    <row r="2723" spans="1:5" x14ac:dyDescent="0.4">
      <c r="A2723">
        <v>2376</v>
      </c>
      <c r="B2723">
        <v>0</v>
      </c>
      <c r="C2723">
        <v>395</v>
      </c>
      <c r="D2723" t="s">
        <v>88</v>
      </c>
      <c r="E2723" s="1">
        <v>44601.740277777775</v>
      </c>
    </row>
    <row r="2724" spans="1:5" x14ac:dyDescent="0.4">
      <c r="A2724">
        <v>2377</v>
      </c>
      <c r="B2724">
        <v>0</v>
      </c>
      <c r="C2724">
        <v>396</v>
      </c>
      <c r="D2724" t="s">
        <v>88</v>
      </c>
      <c r="E2724" s="1">
        <v>44601.740277777775</v>
      </c>
    </row>
    <row r="2725" spans="1:5" x14ac:dyDescent="0.4">
      <c r="A2725">
        <v>2378</v>
      </c>
      <c r="B2725">
        <v>0</v>
      </c>
      <c r="C2725">
        <v>401</v>
      </c>
      <c r="D2725" t="s">
        <v>88</v>
      </c>
      <c r="E2725" s="1">
        <v>44601.740277777775</v>
      </c>
    </row>
    <row r="2726" spans="1:5" x14ac:dyDescent="0.4">
      <c r="A2726">
        <v>2379</v>
      </c>
      <c r="B2726">
        <v>0</v>
      </c>
      <c r="C2726">
        <v>402</v>
      </c>
      <c r="D2726" t="s">
        <v>88</v>
      </c>
      <c r="E2726" s="1">
        <v>44601.740277777775</v>
      </c>
    </row>
    <row r="2727" spans="1:5" x14ac:dyDescent="0.4">
      <c r="A2727">
        <v>2380</v>
      </c>
      <c r="B2727">
        <v>0</v>
      </c>
      <c r="C2727">
        <v>403</v>
      </c>
      <c r="D2727" t="s">
        <v>88</v>
      </c>
      <c r="E2727" s="1">
        <v>44601.740277777775</v>
      </c>
    </row>
    <row r="2728" spans="1:5" x14ac:dyDescent="0.4">
      <c r="A2728">
        <v>2381</v>
      </c>
      <c r="B2728">
        <v>0</v>
      </c>
      <c r="C2728">
        <v>404</v>
      </c>
      <c r="D2728" t="s">
        <v>88</v>
      </c>
      <c r="E2728" s="1">
        <v>44601.740277777775</v>
      </c>
    </row>
    <row r="2729" spans="1:5" x14ac:dyDescent="0.4">
      <c r="A2729">
        <v>2382</v>
      </c>
      <c r="B2729">
        <v>0</v>
      </c>
      <c r="C2729">
        <v>405</v>
      </c>
      <c r="D2729" t="s">
        <v>88</v>
      </c>
      <c r="E2729" s="1">
        <v>44601.740277777775</v>
      </c>
    </row>
    <row r="2730" spans="1:5" x14ac:dyDescent="0.4">
      <c r="A2730">
        <v>2383</v>
      </c>
      <c r="B2730">
        <v>0</v>
      </c>
      <c r="C2730">
        <v>406</v>
      </c>
      <c r="D2730" t="s">
        <v>88</v>
      </c>
      <c r="E2730" s="1">
        <v>44601.740277777775</v>
      </c>
    </row>
    <row r="2731" spans="1:5" x14ac:dyDescent="0.4">
      <c r="A2731">
        <v>2384</v>
      </c>
      <c r="B2731">
        <v>0</v>
      </c>
      <c r="C2731">
        <v>411</v>
      </c>
      <c r="D2731" t="s">
        <v>88</v>
      </c>
      <c r="E2731" s="1">
        <v>44601.740277777775</v>
      </c>
    </row>
    <row r="2732" spans="1:5" x14ac:dyDescent="0.4">
      <c r="A2732">
        <v>2385</v>
      </c>
      <c r="B2732">
        <v>0</v>
      </c>
      <c r="C2732">
        <v>412</v>
      </c>
      <c r="D2732" t="s">
        <v>88</v>
      </c>
      <c r="E2732" s="1">
        <v>44601.740277777775</v>
      </c>
    </row>
    <row r="2733" spans="1:5" x14ac:dyDescent="0.4">
      <c r="A2733">
        <v>2386</v>
      </c>
      <c r="B2733">
        <v>0</v>
      </c>
      <c r="C2733">
        <v>413</v>
      </c>
      <c r="D2733" t="s">
        <v>88</v>
      </c>
      <c r="E2733" s="1">
        <v>44601.740277777775</v>
      </c>
    </row>
    <row r="2734" spans="1:5" x14ac:dyDescent="0.4">
      <c r="A2734">
        <v>2387</v>
      </c>
      <c r="B2734">
        <v>0</v>
      </c>
      <c r="C2734">
        <v>414</v>
      </c>
      <c r="D2734" t="s">
        <v>88</v>
      </c>
      <c r="E2734" s="1">
        <v>44601.740277777775</v>
      </c>
    </row>
    <row r="2735" spans="1:5" x14ac:dyDescent="0.4">
      <c r="A2735">
        <v>2388</v>
      </c>
      <c r="B2735">
        <v>0</v>
      </c>
      <c r="C2735">
        <v>421</v>
      </c>
      <c r="D2735" t="s">
        <v>88</v>
      </c>
      <c r="E2735" s="1">
        <v>44601.740277777775</v>
      </c>
    </row>
    <row r="2736" spans="1:5" x14ac:dyDescent="0.4">
      <c r="A2736">
        <v>2389</v>
      </c>
      <c r="B2736">
        <v>0</v>
      </c>
      <c r="C2736">
        <v>422</v>
      </c>
      <c r="D2736" t="s">
        <v>88</v>
      </c>
      <c r="E2736" s="1">
        <v>44601.740277777775</v>
      </c>
    </row>
    <row r="2737" spans="1:5" x14ac:dyDescent="0.4">
      <c r="A2737">
        <v>2390</v>
      </c>
      <c r="B2737">
        <v>0</v>
      </c>
      <c r="C2737">
        <v>431</v>
      </c>
      <c r="D2737" t="s">
        <v>88</v>
      </c>
      <c r="E2737" s="1">
        <v>44601.740277777775</v>
      </c>
    </row>
    <row r="2738" spans="1:5" x14ac:dyDescent="0.4">
      <c r="A2738">
        <v>2391</v>
      </c>
      <c r="B2738">
        <v>0</v>
      </c>
      <c r="C2738">
        <v>432</v>
      </c>
      <c r="D2738" t="s">
        <v>88</v>
      </c>
      <c r="E2738" s="1">
        <v>44601.740277777775</v>
      </c>
    </row>
    <row r="2739" spans="1:5" x14ac:dyDescent="0.4">
      <c r="A2739">
        <v>2392</v>
      </c>
      <c r="B2739">
        <v>0</v>
      </c>
      <c r="C2739">
        <v>433</v>
      </c>
      <c r="D2739" t="s">
        <v>88</v>
      </c>
      <c r="E2739" s="1">
        <v>44601.740277777775</v>
      </c>
    </row>
    <row r="2740" spans="1:5" x14ac:dyDescent="0.4">
      <c r="A2740">
        <v>2393</v>
      </c>
      <c r="B2740">
        <v>1</v>
      </c>
      <c r="C2740">
        <v>1</v>
      </c>
      <c r="D2740" t="s">
        <v>88</v>
      </c>
      <c r="E2740" s="1">
        <v>44601.740277777775</v>
      </c>
    </row>
    <row r="2741" spans="1:5" x14ac:dyDescent="0.4">
      <c r="A2741">
        <v>2394</v>
      </c>
      <c r="B2741">
        <v>0</v>
      </c>
      <c r="C2741">
        <v>2</v>
      </c>
      <c r="D2741" t="s">
        <v>88</v>
      </c>
      <c r="E2741" s="1">
        <v>44601.740277777775</v>
      </c>
    </row>
    <row r="2742" spans="1:5" x14ac:dyDescent="0.4">
      <c r="A2742">
        <v>2395</v>
      </c>
      <c r="B2742">
        <v>0</v>
      </c>
      <c r="C2742">
        <v>3</v>
      </c>
      <c r="D2742" t="s">
        <v>88</v>
      </c>
      <c r="E2742" s="1">
        <v>44601.740277777775</v>
      </c>
    </row>
    <row r="2743" spans="1:5" x14ac:dyDescent="0.4">
      <c r="A2743">
        <v>2396</v>
      </c>
      <c r="B2743">
        <v>0</v>
      </c>
      <c r="C2743">
        <v>4</v>
      </c>
      <c r="D2743" t="s">
        <v>88</v>
      </c>
      <c r="E2743" s="1">
        <v>44601.740277777775</v>
      </c>
    </row>
    <row r="2744" spans="1:5" x14ac:dyDescent="0.4">
      <c r="A2744">
        <v>2397</v>
      </c>
      <c r="B2744">
        <v>0</v>
      </c>
      <c r="C2744">
        <v>5</v>
      </c>
      <c r="D2744" t="s">
        <v>88</v>
      </c>
      <c r="E2744" s="1">
        <v>44601.740277777775</v>
      </c>
    </row>
    <row r="2745" spans="1:5" x14ac:dyDescent="0.4">
      <c r="A2745">
        <v>2398</v>
      </c>
      <c r="B2745">
        <v>0</v>
      </c>
      <c r="C2745">
        <v>11</v>
      </c>
      <c r="D2745" t="s">
        <v>88</v>
      </c>
      <c r="E2745" s="1">
        <v>44601.740277777775</v>
      </c>
    </row>
    <row r="2746" spans="1:5" x14ac:dyDescent="0.4">
      <c r="A2746">
        <v>2399</v>
      </c>
      <c r="B2746">
        <v>0</v>
      </c>
      <c r="C2746">
        <v>12</v>
      </c>
      <c r="D2746" t="s">
        <v>88</v>
      </c>
      <c r="E2746" s="1">
        <v>44601.740277777775</v>
      </c>
    </row>
    <row r="2747" spans="1:5" x14ac:dyDescent="0.4">
      <c r="A2747">
        <v>2400</v>
      </c>
      <c r="B2747">
        <v>0</v>
      </c>
      <c r="C2747">
        <v>15</v>
      </c>
      <c r="D2747" t="s">
        <v>88</v>
      </c>
      <c r="E2747" s="1">
        <v>44601.740277777775</v>
      </c>
    </row>
    <row r="2748" spans="1:5" x14ac:dyDescent="0.4">
      <c r="A2748">
        <v>2401</v>
      </c>
      <c r="B2748">
        <v>0</v>
      </c>
      <c r="C2748">
        <v>16</v>
      </c>
      <c r="D2748" t="s">
        <v>88</v>
      </c>
      <c r="E2748" s="1">
        <v>44601.740277777775</v>
      </c>
    </row>
    <row r="2749" spans="1:5" x14ac:dyDescent="0.4">
      <c r="A2749">
        <v>2402</v>
      </c>
      <c r="B2749">
        <v>0</v>
      </c>
      <c r="C2749">
        <v>17</v>
      </c>
      <c r="D2749" t="s">
        <v>88</v>
      </c>
      <c r="E2749" s="1">
        <v>44601.740277777775</v>
      </c>
    </row>
    <row r="2750" spans="1:5" x14ac:dyDescent="0.4">
      <c r="A2750">
        <v>2403</v>
      </c>
      <c r="B2750">
        <v>0</v>
      </c>
      <c r="C2750">
        <v>21</v>
      </c>
      <c r="D2750" t="s">
        <v>88</v>
      </c>
      <c r="E2750" s="1">
        <v>44601.740277777775</v>
      </c>
    </row>
    <row r="2751" spans="1:5" x14ac:dyDescent="0.4">
      <c r="A2751">
        <v>2404</v>
      </c>
      <c r="B2751">
        <v>0</v>
      </c>
      <c r="C2751">
        <v>22</v>
      </c>
      <c r="D2751" t="s">
        <v>88</v>
      </c>
      <c r="E2751" s="1">
        <v>44601.740277777775</v>
      </c>
    </row>
    <row r="2752" spans="1:5" x14ac:dyDescent="0.4">
      <c r="A2752">
        <v>2405</v>
      </c>
      <c r="B2752">
        <v>0</v>
      </c>
      <c r="C2752">
        <v>23</v>
      </c>
      <c r="D2752" t="s">
        <v>88</v>
      </c>
      <c r="E2752" s="1">
        <v>44601.740277777775</v>
      </c>
    </row>
    <row r="2753" spans="1:5" x14ac:dyDescent="0.4">
      <c r="A2753">
        <v>2406</v>
      </c>
      <c r="B2753">
        <v>0</v>
      </c>
      <c r="C2753">
        <v>24</v>
      </c>
      <c r="D2753" t="s">
        <v>88</v>
      </c>
      <c r="E2753" s="1">
        <v>44601.740277777775</v>
      </c>
    </row>
    <row r="2754" spans="1:5" x14ac:dyDescent="0.4">
      <c r="A2754">
        <v>2407</v>
      </c>
      <c r="B2754">
        <v>0</v>
      </c>
      <c r="C2754">
        <v>25</v>
      </c>
      <c r="D2754" t="s">
        <v>88</v>
      </c>
      <c r="E2754" s="1">
        <v>44601.740277777775</v>
      </c>
    </row>
    <row r="2755" spans="1:5" x14ac:dyDescent="0.4">
      <c r="A2755">
        <v>2408</v>
      </c>
      <c r="B2755">
        <v>0</v>
      </c>
      <c r="C2755">
        <v>26</v>
      </c>
      <c r="D2755" t="s">
        <v>88</v>
      </c>
      <c r="E2755" s="1">
        <v>44601.740277777775</v>
      </c>
    </row>
    <row r="2756" spans="1:5" x14ac:dyDescent="0.4">
      <c r="A2756">
        <v>2409</v>
      </c>
      <c r="B2756">
        <v>0</v>
      </c>
      <c r="C2756">
        <v>27</v>
      </c>
      <c r="D2756" t="s">
        <v>88</v>
      </c>
      <c r="E2756" s="1">
        <v>44601.740277777775</v>
      </c>
    </row>
    <row r="2757" spans="1:5" x14ac:dyDescent="0.4">
      <c r="A2757">
        <v>2410</v>
      </c>
      <c r="B2757">
        <v>0</v>
      </c>
      <c r="C2757">
        <v>28</v>
      </c>
      <c r="D2757" t="s">
        <v>88</v>
      </c>
      <c r="E2757" s="1">
        <v>44601.740277777775</v>
      </c>
    </row>
    <row r="2758" spans="1:5" x14ac:dyDescent="0.4">
      <c r="A2758">
        <v>2411</v>
      </c>
      <c r="B2758">
        <v>0</v>
      </c>
      <c r="C2758">
        <v>29</v>
      </c>
      <c r="D2758" t="s">
        <v>88</v>
      </c>
      <c r="E2758" s="1">
        <v>44601.740277777775</v>
      </c>
    </row>
    <row r="2759" spans="1:5" x14ac:dyDescent="0.4">
      <c r="A2759">
        <v>2412</v>
      </c>
      <c r="B2759">
        <v>0</v>
      </c>
      <c r="C2759">
        <v>30</v>
      </c>
      <c r="D2759" t="s">
        <v>88</v>
      </c>
      <c r="E2759" s="1">
        <v>44601.740277777775</v>
      </c>
    </row>
    <row r="2760" spans="1:5" x14ac:dyDescent="0.4">
      <c r="A2760">
        <v>2413</v>
      </c>
      <c r="B2760">
        <v>0</v>
      </c>
      <c r="C2760">
        <v>31</v>
      </c>
      <c r="D2760" t="s">
        <v>88</v>
      </c>
      <c r="E2760" s="1">
        <v>44601.740277777775</v>
      </c>
    </row>
    <row r="2761" spans="1:5" x14ac:dyDescent="0.4">
      <c r="A2761">
        <v>2414</v>
      </c>
      <c r="B2761">
        <v>0</v>
      </c>
      <c r="C2761">
        <v>32</v>
      </c>
      <c r="D2761" t="s">
        <v>88</v>
      </c>
      <c r="E2761" s="1">
        <v>44601.740277777775</v>
      </c>
    </row>
    <row r="2762" spans="1:5" x14ac:dyDescent="0.4">
      <c r="A2762">
        <v>2415</v>
      </c>
      <c r="B2762">
        <v>0</v>
      </c>
      <c r="C2762">
        <v>33</v>
      </c>
      <c r="D2762" t="s">
        <v>88</v>
      </c>
      <c r="E2762" s="1">
        <v>44601.740277777775</v>
      </c>
    </row>
    <row r="2763" spans="1:5" x14ac:dyDescent="0.4">
      <c r="A2763">
        <v>2416</v>
      </c>
      <c r="B2763">
        <v>0</v>
      </c>
      <c r="C2763">
        <v>41</v>
      </c>
      <c r="D2763" t="s">
        <v>88</v>
      </c>
      <c r="E2763" s="1">
        <v>44601.740277777775</v>
      </c>
    </row>
    <row r="2764" spans="1:5" x14ac:dyDescent="0.4">
      <c r="A2764">
        <v>2417</v>
      </c>
      <c r="B2764">
        <v>0</v>
      </c>
      <c r="C2764">
        <v>42</v>
      </c>
      <c r="D2764" t="s">
        <v>88</v>
      </c>
      <c r="E2764" s="1">
        <v>44601.740277777775</v>
      </c>
    </row>
    <row r="2765" spans="1:5" x14ac:dyDescent="0.4">
      <c r="A2765">
        <v>2418</v>
      </c>
      <c r="B2765">
        <v>0</v>
      </c>
      <c r="C2765">
        <v>43</v>
      </c>
      <c r="D2765" t="s">
        <v>88</v>
      </c>
      <c r="E2765" s="1">
        <v>44601.740277777775</v>
      </c>
    </row>
    <row r="2766" spans="1:5" x14ac:dyDescent="0.4">
      <c r="A2766">
        <v>2419</v>
      </c>
      <c r="B2766">
        <v>0</v>
      </c>
      <c r="C2766">
        <v>44</v>
      </c>
      <c r="D2766" t="s">
        <v>88</v>
      </c>
      <c r="E2766" s="1">
        <v>44601.740277777775</v>
      </c>
    </row>
    <row r="2767" spans="1:5" x14ac:dyDescent="0.4">
      <c r="A2767">
        <v>2420</v>
      </c>
      <c r="B2767">
        <v>0</v>
      </c>
      <c r="C2767">
        <v>45</v>
      </c>
      <c r="D2767" t="s">
        <v>88</v>
      </c>
      <c r="E2767" s="1">
        <v>44601.740277777775</v>
      </c>
    </row>
    <row r="2768" spans="1:5" x14ac:dyDescent="0.4">
      <c r="A2768">
        <v>2421</v>
      </c>
      <c r="B2768">
        <v>0</v>
      </c>
      <c r="C2768">
        <v>46</v>
      </c>
      <c r="D2768" t="s">
        <v>88</v>
      </c>
      <c r="E2768" s="1">
        <v>44601.740277777775</v>
      </c>
    </row>
    <row r="2769" spans="1:5" x14ac:dyDescent="0.4">
      <c r="A2769">
        <v>2422</v>
      </c>
      <c r="B2769">
        <v>0</v>
      </c>
      <c r="C2769">
        <v>47</v>
      </c>
      <c r="D2769" t="s">
        <v>88</v>
      </c>
      <c r="E2769" s="1">
        <v>44601.740277777775</v>
      </c>
    </row>
    <row r="2770" spans="1:5" x14ac:dyDescent="0.4">
      <c r="A2770">
        <v>2423</v>
      </c>
      <c r="B2770">
        <v>0</v>
      </c>
      <c r="C2770">
        <v>48</v>
      </c>
      <c r="D2770" t="s">
        <v>88</v>
      </c>
      <c r="E2770" s="1">
        <v>44601.740277777775</v>
      </c>
    </row>
    <row r="2771" spans="1:5" x14ac:dyDescent="0.4">
      <c r="A2771">
        <v>2424</v>
      </c>
      <c r="B2771">
        <v>0</v>
      </c>
      <c r="C2771">
        <v>49</v>
      </c>
      <c r="D2771" t="s">
        <v>88</v>
      </c>
      <c r="E2771" s="1">
        <v>44601.740277777775</v>
      </c>
    </row>
    <row r="2772" spans="1:5" x14ac:dyDescent="0.4">
      <c r="A2772">
        <v>2425</v>
      </c>
      <c r="B2772">
        <v>0</v>
      </c>
      <c r="C2772">
        <v>50</v>
      </c>
      <c r="D2772" t="s">
        <v>88</v>
      </c>
      <c r="E2772" s="1">
        <v>44601.740277777775</v>
      </c>
    </row>
    <row r="2773" spans="1:5" x14ac:dyDescent="0.4">
      <c r="A2773">
        <v>2426</v>
      </c>
      <c r="B2773">
        <v>0</v>
      </c>
      <c r="C2773">
        <v>51</v>
      </c>
      <c r="D2773" t="s">
        <v>88</v>
      </c>
      <c r="E2773" s="1">
        <v>44601.740277777775</v>
      </c>
    </row>
    <row r="2774" spans="1:5" x14ac:dyDescent="0.4">
      <c r="A2774">
        <v>2427</v>
      </c>
      <c r="B2774">
        <v>0</v>
      </c>
      <c r="C2774">
        <v>52</v>
      </c>
      <c r="D2774" t="s">
        <v>88</v>
      </c>
      <c r="E2774" s="1">
        <v>44601.740277777775</v>
      </c>
    </row>
    <row r="2775" spans="1:5" x14ac:dyDescent="0.4">
      <c r="A2775">
        <v>2428</v>
      </c>
      <c r="B2775">
        <v>0</v>
      </c>
      <c r="C2775">
        <v>53</v>
      </c>
      <c r="D2775" t="s">
        <v>88</v>
      </c>
      <c r="E2775" s="1">
        <v>44601.740277777775</v>
      </c>
    </row>
    <row r="2776" spans="1:5" x14ac:dyDescent="0.4">
      <c r="A2776">
        <v>2429</v>
      </c>
      <c r="B2776">
        <v>0</v>
      </c>
      <c r="C2776">
        <v>54</v>
      </c>
      <c r="D2776" t="s">
        <v>88</v>
      </c>
      <c r="E2776" s="1">
        <v>44601.740277777775</v>
      </c>
    </row>
    <row r="2777" spans="1:5" x14ac:dyDescent="0.4">
      <c r="A2777">
        <v>2430</v>
      </c>
      <c r="B2777">
        <v>0</v>
      </c>
      <c r="C2777">
        <v>55</v>
      </c>
      <c r="D2777" t="s">
        <v>88</v>
      </c>
      <c r="E2777" s="1">
        <v>44601.740277777775</v>
      </c>
    </row>
    <row r="2778" spans="1:5" x14ac:dyDescent="0.4">
      <c r="A2778">
        <v>2431</v>
      </c>
      <c r="B2778">
        <v>0</v>
      </c>
      <c r="C2778">
        <v>61</v>
      </c>
      <c r="D2778" t="s">
        <v>88</v>
      </c>
      <c r="E2778" s="1">
        <v>44601.740277777775</v>
      </c>
    </row>
    <row r="2779" spans="1:5" x14ac:dyDescent="0.4">
      <c r="A2779">
        <v>2432</v>
      </c>
      <c r="B2779">
        <v>0</v>
      </c>
      <c r="C2779">
        <v>62</v>
      </c>
      <c r="D2779" t="s">
        <v>88</v>
      </c>
      <c r="E2779" s="1">
        <v>44601.740277777775</v>
      </c>
    </row>
    <row r="2780" spans="1:5" x14ac:dyDescent="0.4">
      <c r="A2780">
        <v>2433</v>
      </c>
      <c r="B2780">
        <v>0</v>
      </c>
      <c r="C2780">
        <v>63</v>
      </c>
      <c r="D2780" t="s">
        <v>88</v>
      </c>
      <c r="E2780" s="1">
        <v>44601.740277777775</v>
      </c>
    </row>
    <row r="2781" spans="1:5" x14ac:dyDescent="0.4">
      <c r="A2781">
        <v>2434</v>
      </c>
      <c r="B2781">
        <v>0</v>
      </c>
      <c r="C2781">
        <v>64</v>
      </c>
      <c r="D2781" t="s">
        <v>88</v>
      </c>
      <c r="E2781" s="1">
        <v>44601.740277777775</v>
      </c>
    </row>
    <row r="2782" spans="1:5" x14ac:dyDescent="0.4">
      <c r="A2782">
        <v>2435</v>
      </c>
      <c r="B2782">
        <v>0</v>
      </c>
      <c r="C2782">
        <v>65</v>
      </c>
      <c r="D2782" t="s">
        <v>88</v>
      </c>
      <c r="E2782" s="1">
        <v>44601.740277777775</v>
      </c>
    </row>
    <row r="2783" spans="1:5" x14ac:dyDescent="0.4">
      <c r="A2783">
        <v>2436</v>
      </c>
      <c r="B2783">
        <v>0</v>
      </c>
      <c r="C2783">
        <v>66</v>
      </c>
      <c r="D2783" t="s">
        <v>88</v>
      </c>
      <c r="E2783" s="1">
        <v>44601.740277777775</v>
      </c>
    </row>
    <row r="2784" spans="1:5" x14ac:dyDescent="0.4">
      <c r="A2784">
        <v>2437</v>
      </c>
      <c r="B2784">
        <v>0</v>
      </c>
      <c r="C2784">
        <v>67</v>
      </c>
      <c r="D2784" t="s">
        <v>88</v>
      </c>
      <c r="E2784" s="1">
        <v>44601.740277777775</v>
      </c>
    </row>
    <row r="2785" spans="1:5" x14ac:dyDescent="0.4">
      <c r="A2785">
        <v>2438</v>
      </c>
      <c r="B2785">
        <v>0</v>
      </c>
      <c r="C2785">
        <v>68</v>
      </c>
      <c r="D2785" t="s">
        <v>88</v>
      </c>
      <c r="E2785" s="1">
        <v>44601.740277777775</v>
      </c>
    </row>
    <row r="2786" spans="1:5" x14ac:dyDescent="0.4">
      <c r="A2786">
        <v>2439</v>
      </c>
      <c r="B2786">
        <v>0</v>
      </c>
      <c r="C2786">
        <v>69</v>
      </c>
      <c r="D2786" t="s">
        <v>88</v>
      </c>
      <c r="E2786" s="1">
        <v>44601.740277777775</v>
      </c>
    </row>
    <row r="2787" spans="1:5" x14ac:dyDescent="0.4">
      <c r="A2787">
        <v>2440</v>
      </c>
      <c r="B2787">
        <v>0</v>
      </c>
      <c r="C2787">
        <v>70</v>
      </c>
      <c r="D2787" t="s">
        <v>88</v>
      </c>
      <c r="E2787" s="1">
        <v>44601.740277777775</v>
      </c>
    </row>
    <row r="2788" spans="1:5" x14ac:dyDescent="0.4">
      <c r="A2788">
        <v>2441</v>
      </c>
      <c r="B2788">
        <v>0</v>
      </c>
      <c r="C2788">
        <v>71</v>
      </c>
      <c r="D2788" t="s">
        <v>88</v>
      </c>
      <c r="E2788" s="1">
        <v>44601.740277777775</v>
      </c>
    </row>
    <row r="2789" spans="1:5" x14ac:dyDescent="0.4">
      <c r="A2789">
        <v>2442</v>
      </c>
      <c r="B2789">
        <v>0</v>
      </c>
      <c r="C2789">
        <v>72</v>
      </c>
      <c r="D2789" t="s">
        <v>88</v>
      </c>
      <c r="E2789" s="1">
        <v>44601.740277777775</v>
      </c>
    </row>
    <row r="2790" spans="1:5" x14ac:dyDescent="0.4">
      <c r="A2790">
        <v>2443</v>
      </c>
      <c r="B2790">
        <v>0</v>
      </c>
      <c r="C2790">
        <v>73</v>
      </c>
      <c r="D2790" t="s">
        <v>88</v>
      </c>
      <c r="E2790" s="1">
        <v>44601.740277777775</v>
      </c>
    </row>
    <row r="2791" spans="1:5" x14ac:dyDescent="0.4">
      <c r="A2791">
        <v>2444</v>
      </c>
      <c r="B2791">
        <v>0</v>
      </c>
      <c r="C2791">
        <v>74</v>
      </c>
      <c r="D2791" t="s">
        <v>88</v>
      </c>
      <c r="E2791" s="1">
        <v>44601.740277777775</v>
      </c>
    </row>
    <row r="2792" spans="1:5" x14ac:dyDescent="0.4">
      <c r="A2792">
        <v>2445</v>
      </c>
      <c r="B2792">
        <v>0</v>
      </c>
      <c r="C2792">
        <v>75</v>
      </c>
      <c r="D2792" t="s">
        <v>88</v>
      </c>
      <c r="E2792" s="1">
        <v>44601.740277777775</v>
      </c>
    </row>
    <row r="2793" spans="1:5" x14ac:dyDescent="0.4">
      <c r="A2793">
        <v>2446</v>
      </c>
      <c r="B2793">
        <v>0</v>
      </c>
      <c r="C2793">
        <v>76</v>
      </c>
      <c r="D2793" t="s">
        <v>88</v>
      </c>
      <c r="E2793" s="1">
        <v>44601.740277777775</v>
      </c>
    </row>
    <row r="2794" spans="1:5" x14ac:dyDescent="0.4">
      <c r="A2794">
        <v>2447</v>
      </c>
      <c r="B2794">
        <v>0</v>
      </c>
      <c r="C2794">
        <v>77</v>
      </c>
      <c r="D2794" t="s">
        <v>88</v>
      </c>
      <c r="E2794" s="1">
        <v>44601.740277777775</v>
      </c>
    </row>
    <row r="2795" spans="1:5" x14ac:dyDescent="0.4">
      <c r="A2795">
        <v>2448</v>
      </c>
      <c r="B2795">
        <v>0</v>
      </c>
      <c r="C2795">
        <v>78</v>
      </c>
      <c r="D2795" t="s">
        <v>88</v>
      </c>
      <c r="E2795" s="1">
        <v>44601.740277777775</v>
      </c>
    </row>
    <row r="2796" spans="1:5" x14ac:dyDescent="0.4">
      <c r="A2796">
        <v>2449</v>
      </c>
      <c r="B2796">
        <v>0</v>
      </c>
      <c r="C2796">
        <v>79</v>
      </c>
      <c r="D2796" t="s">
        <v>88</v>
      </c>
      <c r="E2796" s="1">
        <v>44601.740277777775</v>
      </c>
    </row>
    <row r="2797" spans="1:5" x14ac:dyDescent="0.4">
      <c r="A2797">
        <v>2450</v>
      </c>
      <c r="B2797">
        <v>0</v>
      </c>
      <c r="C2797">
        <v>91</v>
      </c>
      <c r="D2797" t="s">
        <v>88</v>
      </c>
      <c r="E2797" s="1">
        <v>44601.740277777775</v>
      </c>
    </row>
    <row r="2798" spans="1:5" x14ac:dyDescent="0.4">
      <c r="A2798">
        <v>2451</v>
      </c>
      <c r="B2798">
        <v>0</v>
      </c>
      <c r="C2798">
        <v>92</v>
      </c>
      <c r="D2798" t="s">
        <v>88</v>
      </c>
      <c r="E2798" s="1">
        <v>44601.740277777775</v>
      </c>
    </row>
    <row r="2799" spans="1:5" x14ac:dyDescent="0.4">
      <c r="A2799">
        <v>2452</v>
      </c>
      <c r="B2799">
        <v>0</v>
      </c>
      <c r="C2799">
        <v>93</v>
      </c>
      <c r="D2799" t="s">
        <v>88</v>
      </c>
      <c r="E2799" s="1">
        <v>44601.740277777775</v>
      </c>
    </row>
    <row r="2800" spans="1:5" x14ac:dyDescent="0.4">
      <c r="A2800">
        <v>2453</v>
      </c>
      <c r="B2800">
        <v>0</v>
      </c>
      <c r="C2800">
        <v>94</v>
      </c>
      <c r="D2800" t="s">
        <v>88</v>
      </c>
      <c r="E2800" s="1">
        <v>44601.740277777775</v>
      </c>
    </row>
    <row r="2801" spans="1:5" x14ac:dyDescent="0.4">
      <c r="A2801">
        <v>2454</v>
      </c>
      <c r="B2801">
        <v>0</v>
      </c>
      <c r="C2801">
        <v>95</v>
      </c>
      <c r="D2801" t="s">
        <v>88</v>
      </c>
      <c r="E2801" s="1">
        <v>44601.740277777775</v>
      </c>
    </row>
    <row r="2802" spans="1:5" x14ac:dyDescent="0.4">
      <c r="A2802">
        <v>2455</v>
      </c>
      <c r="B2802">
        <v>0</v>
      </c>
      <c r="C2802">
        <v>96</v>
      </c>
      <c r="D2802" t="s">
        <v>88</v>
      </c>
      <c r="E2802" s="1">
        <v>44601.740277777775</v>
      </c>
    </row>
    <row r="2803" spans="1:5" x14ac:dyDescent="0.4">
      <c r="A2803">
        <v>2456</v>
      </c>
      <c r="B2803">
        <v>0</v>
      </c>
      <c r="C2803">
        <v>97</v>
      </c>
      <c r="D2803" t="s">
        <v>88</v>
      </c>
      <c r="E2803" s="1">
        <v>44601.740277777775</v>
      </c>
    </row>
    <row r="2804" spans="1:5" x14ac:dyDescent="0.4">
      <c r="A2804">
        <v>2457</v>
      </c>
      <c r="B2804">
        <v>0</v>
      </c>
      <c r="C2804">
        <v>98</v>
      </c>
      <c r="D2804" t="s">
        <v>88</v>
      </c>
      <c r="E2804" s="1">
        <v>44601.740277777775</v>
      </c>
    </row>
    <row r="2805" spans="1:5" x14ac:dyDescent="0.4">
      <c r="A2805">
        <v>2458</v>
      </c>
      <c r="B2805">
        <v>0</v>
      </c>
      <c r="C2805">
        <v>99</v>
      </c>
      <c r="D2805" t="s">
        <v>88</v>
      </c>
      <c r="E2805" s="1">
        <v>44601.740277777775</v>
      </c>
    </row>
    <row r="2806" spans="1:5" x14ac:dyDescent="0.4">
      <c r="A2806">
        <v>2459</v>
      </c>
      <c r="B2806">
        <v>0</v>
      </c>
      <c r="C2806">
        <v>100</v>
      </c>
      <c r="D2806" t="s">
        <v>88</v>
      </c>
      <c r="E2806" s="1">
        <v>44601.740277777775</v>
      </c>
    </row>
    <row r="2807" spans="1:5" x14ac:dyDescent="0.4">
      <c r="A2807">
        <v>2460</v>
      </c>
      <c r="B2807">
        <v>0</v>
      </c>
      <c r="C2807">
        <v>101</v>
      </c>
      <c r="D2807" t="s">
        <v>88</v>
      </c>
      <c r="E2807" s="1">
        <v>44601.740277777775</v>
      </c>
    </row>
    <row r="2808" spans="1:5" x14ac:dyDescent="0.4">
      <c r="A2808">
        <v>2461</v>
      </c>
      <c r="B2808">
        <v>0</v>
      </c>
      <c r="C2808">
        <v>102</v>
      </c>
      <c r="D2808" t="s">
        <v>88</v>
      </c>
      <c r="E2808" s="1">
        <v>44601.740277777775</v>
      </c>
    </row>
    <row r="2809" spans="1:5" x14ac:dyDescent="0.4">
      <c r="A2809">
        <v>2462</v>
      </c>
      <c r="B2809">
        <v>0</v>
      </c>
      <c r="C2809">
        <v>103</v>
      </c>
      <c r="D2809" t="s">
        <v>88</v>
      </c>
      <c r="E2809" s="1">
        <v>44601.740277777775</v>
      </c>
    </row>
    <row r="2810" spans="1:5" x14ac:dyDescent="0.4">
      <c r="A2810">
        <v>2463</v>
      </c>
      <c r="B2810">
        <v>0</v>
      </c>
      <c r="C2810">
        <v>104</v>
      </c>
      <c r="D2810" t="s">
        <v>88</v>
      </c>
      <c r="E2810" s="1">
        <v>44601.740277777775</v>
      </c>
    </row>
    <row r="2811" spans="1:5" x14ac:dyDescent="0.4">
      <c r="A2811">
        <v>2464</v>
      </c>
      <c r="B2811">
        <v>0</v>
      </c>
      <c r="C2811">
        <v>105</v>
      </c>
      <c r="D2811" t="s">
        <v>88</v>
      </c>
      <c r="E2811" s="1">
        <v>44601.740277777775</v>
      </c>
    </row>
    <row r="2812" spans="1:5" x14ac:dyDescent="0.4">
      <c r="A2812">
        <v>2465</v>
      </c>
      <c r="B2812">
        <v>0</v>
      </c>
      <c r="C2812">
        <v>106</v>
      </c>
      <c r="D2812" t="s">
        <v>88</v>
      </c>
      <c r="E2812" s="1">
        <v>44601.740277777775</v>
      </c>
    </row>
    <row r="2813" spans="1:5" x14ac:dyDescent="0.4">
      <c r="A2813">
        <v>2466</v>
      </c>
      <c r="B2813">
        <v>0</v>
      </c>
      <c r="C2813">
        <v>107</v>
      </c>
      <c r="D2813" t="s">
        <v>88</v>
      </c>
      <c r="E2813" s="1">
        <v>44601.740277777775</v>
      </c>
    </row>
    <row r="2814" spans="1:5" x14ac:dyDescent="0.4">
      <c r="A2814">
        <v>2467</v>
      </c>
      <c r="B2814">
        <v>0</v>
      </c>
      <c r="C2814">
        <v>108</v>
      </c>
      <c r="D2814" t="s">
        <v>88</v>
      </c>
      <c r="E2814" s="1">
        <v>44601.740277777775</v>
      </c>
    </row>
    <row r="2815" spans="1:5" x14ac:dyDescent="0.4">
      <c r="A2815">
        <v>2468</v>
      </c>
      <c r="B2815">
        <v>0</v>
      </c>
      <c r="C2815">
        <v>109</v>
      </c>
      <c r="D2815" t="s">
        <v>88</v>
      </c>
      <c r="E2815" s="1">
        <v>44601.740277777775</v>
      </c>
    </row>
    <row r="2816" spans="1:5" x14ac:dyDescent="0.4">
      <c r="A2816">
        <v>2469</v>
      </c>
      <c r="B2816">
        <v>0</v>
      </c>
      <c r="C2816">
        <v>110</v>
      </c>
      <c r="D2816" t="s">
        <v>88</v>
      </c>
      <c r="E2816" s="1">
        <v>44601.740277777775</v>
      </c>
    </row>
    <row r="2817" spans="1:5" x14ac:dyDescent="0.4">
      <c r="A2817">
        <v>2470</v>
      </c>
      <c r="B2817">
        <v>0</v>
      </c>
      <c r="C2817">
        <v>111</v>
      </c>
      <c r="D2817" t="s">
        <v>88</v>
      </c>
      <c r="E2817" s="1">
        <v>44601.740277777775</v>
      </c>
    </row>
    <row r="2818" spans="1:5" x14ac:dyDescent="0.4">
      <c r="A2818">
        <v>2471</v>
      </c>
      <c r="B2818">
        <v>0</v>
      </c>
      <c r="C2818">
        <v>112</v>
      </c>
      <c r="D2818" t="s">
        <v>88</v>
      </c>
      <c r="E2818" s="1">
        <v>44601.740277777775</v>
      </c>
    </row>
    <row r="2819" spans="1:5" x14ac:dyDescent="0.4">
      <c r="A2819">
        <v>2472</v>
      </c>
      <c r="B2819">
        <v>0</v>
      </c>
      <c r="C2819">
        <v>113</v>
      </c>
      <c r="D2819" t="s">
        <v>88</v>
      </c>
      <c r="E2819" s="1">
        <v>44601.740277777775</v>
      </c>
    </row>
    <row r="2820" spans="1:5" x14ac:dyDescent="0.4">
      <c r="A2820">
        <v>2473</v>
      </c>
      <c r="B2820">
        <v>0</v>
      </c>
      <c r="C2820">
        <v>114</v>
      </c>
      <c r="D2820" t="s">
        <v>88</v>
      </c>
      <c r="E2820" s="1">
        <v>44601.740277777775</v>
      </c>
    </row>
    <row r="2821" spans="1:5" x14ac:dyDescent="0.4">
      <c r="A2821">
        <v>2474</v>
      </c>
      <c r="B2821">
        <v>0</v>
      </c>
      <c r="C2821">
        <v>115</v>
      </c>
      <c r="D2821" t="s">
        <v>88</v>
      </c>
      <c r="E2821" s="1">
        <v>44601.740277777775</v>
      </c>
    </row>
    <row r="2822" spans="1:5" x14ac:dyDescent="0.4">
      <c r="A2822">
        <v>2475</v>
      </c>
      <c r="B2822">
        <v>0</v>
      </c>
      <c r="C2822">
        <v>116</v>
      </c>
      <c r="D2822" t="s">
        <v>88</v>
      </c>
      <c r="E2822" s="1">
        <v>44601.740277777775</v>
      </c>
    </row>
    <row r="2823" spans="1:5" x14ac:dyDescent="0.4">
      <c r="A2823">
        <v>2476</v>
      </c>
      <c r="B2823">
        <v>0</v>
      </c>
      <c r="C2823">
        <v>121</v>
      </c>
      <c r="D2823" t="s">
        <v>88</v>
      </c>
      <c r="E2823" s="1">
        <v>44601.740277777775</v>
      </c>
    </row>
    <row r="2824" spans="1:5" x14ac:dyDescent="0.4">
      <c r="A2824">
        <v>2477</v>
      </c>
      <c r="B2824">
        <v>0</v>
      </c>
      <c r="C2824">
        <v>122</v>
      </c>
      <c r="D2824" t="s">
        <v>88</v>
      </c>
      <c r="E2824" s="1">
        <v>44601.740277777775</v>
      </c>
    </row>
    <row r="2825" spans="1:5" x14ac:dyDescent="0.4">
      <c r="A2825">
        <v>2478</v>
      </c>
      <c r="B2825">
        <v>0</v>
      </c>
      <c r="C2825">
        <v>123</v>
      </c>
      <c r="D2825" t="s">
        <v>88</v>
      </c>
      <c r="E2825" s="1">
        <v>44601.740277777775</v>
      </c>
    </row>
    <row r="2826" spans="1:5" x14ac:dyDescent="0.4">
      <c r="A2826">
        <v>2479</v>
      </c>
      <c r="B2826">
        <v>0</v>
      </c>
      <c r="C2826">
        <v>124</v>
      </c>
      <c r="D2826" t="s">
        <v>88</v>
      </c>
      <c r="E2826" s="1">
        <v>44601.740277777775</v>
      </c>
    </row>
    <row r="2827" spans="1:5" x14ac:dyDescent="0.4">
      <c r="A2827">
        <v>2480</v>
      </c>
      <c r="B2827">
        <v>0</v>
      </c>
      <c r="C2827">
        <v>125</v>
      </c>
      <c r="D2827" t="s">
        <v>88</v>
      </c>
      <c r="E2827" s="1">
        <v>44601.740277777775</v>
      </c>
    </row>
    <row r="2828" spans="1:5" x14ac:dyDescent="0.4">
      <c r="A2828">
        <v>2481</v>
      </c>
      <c r="B2828">
        <v>0</v>
      </c>
      <c r="C2828">
        <v>126</v>
      </c>
      <c r="D2828" t="s">
        <v>88</v>
      </c>
      <c r="E2828" s="1">
        <v>44601.740277777775</v>
      </c>
    </row>
    <row r="2829" spans="1:5" x14ac:dyDescent="0.4">
      <c r="A2829">
        <v>2482</v>
      </c>
      <c r="B2829">
        <v>0</v>
      </c>
      <c r="C2829">
        <v>131</v>
      </c>
      <c r="D2829" t="s">
        <v>88</v>
      </c>
      <c r="E2829" s="1">
        <v>44601.740277777775</v>
      </c>
    </row>
    <row r="2830" spans="1:5" x14ac:dyDescent="0.4">
      <c r="A2830">
        <v>2483</v>
      </c>
      <c r="B2830">
        <v>0</v>
      </c>
      <c r="C2830">
        <v>141</v>
      </c>
      <c r="D2830" t="s">
        <v>88</v>
      </c>
      <c r="E2830" s="1">
        <v>44601.740277777775</v>
      </c>
    </row>
    <row r="2831" spans="1:5" x14ac:dyDescent="0.4">
      <c r="A2831">
        <v>2484</v>
      </c>
      <c r="B2831">
        <v>0</v>
      </c>
      <c r="C2831">
        <v>142</v>
      </c>
      <c r="D2831" t="s">
        <v>88</v>
      </c>
      <c r="E2831" s="1">
        <v>44601.740277777775</v>
      </c>
    </row>
    <row r="2832" spans="1:5" x14ac:dyDescent="0.4">
      <c r="A2832">
        <v>2485</v>
      </c>
      <c r="B2832">
        <v>0</v>
      </c>
      <c r="C2832">
        <v>143</v>
      </c>
      <c r="D2832" t="s">
        <v>88</v>
      </c>
      <c r="E2832" s="1">
        <v>44601.740277777775</v>
      </c>
    </row>
    <row r="2833" spans="1:5" x14ac:dyDescent="0.4">
      <c r="A2833">
        <v>2486</v>
      </c>
      <c r="B2833">
        <v>0</v>
      </c>
      <c r="C2833">
        <v>144</v>
      </c>
      <c r="D2833" t="s">
        <v>88</v>
      </c>
      <c r="E2833" s="1">
        <v>44601.740277777775</v>
      </c>
    </row>
    <row r="2834" spans="1:5" x14ac:dyDescent="0.4">
      <c r="A2834">
        <v>2487</v>
      </c>
      <c r="B2834">
        <v>0</v>
      </c>
      <c r="C2834">
        <v>145</v>
      </c>
      <c r="D2834" t="s">
        <v>88</v>
      </c>
      <c r="E2834" s="1">
        <v>44601.740277777775</v>
      </c>
    </row>
    <row r="2835" spans="1:5" x14ac:dyDescent="0.4">
      <c r="A2835">
        <v>2488</v>
      </c>
      <c r="B2835">
        <v>0</v>
      </c>
      <c r="C2835">
        <v>146</v>
      </c>
      <c r="D2835" t="s">
        <v>88</v>
      </c>
      <c r="E2835" s="1">
        <v>44601.740277777775</v>
      </c>
    </row>
    <row r="2836" spans="1:5" x14ac:dyDescent="0.4">
      <c r="A2836">
        <v>2489</v>
      </c>
      <c r="B2836">
        <v>0</v>
      </c>
      <c r="C2836">
        <v>147</v>
      </c>
      <c r="D2836" t="s">
        <v>88</v>
      </c>
      <c r="E2836" s="1">
        <v>44601.740277777775</v>
      </c>
    </row>
    <row r="2837" spans="1:5" x14ac:dyDescent="0.4">
      <c r="A2837">
        <v>2490</v>
      </c>
      <c r="B2837">
        <v>0</v>
      </c>
      <c r="C2837">
        <v>161</v>
      </c>
      <c r="D2837" t="s">
        <v>88</v>
      </c>
      <c r="E2837" s="1">
        <v>44601.740277777775</v>
      </c>
    </row>
    <row r="2838" spans="1:5" x14ac:dyDescent="0.4">
      <c r="A2838">
        <v>2491</v>
      </c>
      <c r="B2838">
        <v>0</v>
      </c>
      <c r="C2838">
        <v>162</v>
      </c>
      <c r="D2838" t="s">
        <v>88</v>
      </c>
      <c r="E2838" s="1">
        <v>44601.740277777775</v>
      </c>
    </row>
    <row r="2839" spans="1:5" x14ac:dyDescent="0.4">
      <c r="A2839">
        <v>2492</v>
      </c>
      <c r="B2839">
        <v>0</v>
      </c>
      <c r="C2839">
        <v>163</v>
      </c>
      <c r="D2839" t="s">
        <v>88</v>
      </c>
      <c r="E2839" s="1">
        <v>44601.740277777775</v>
      </c>
    </row>
    <row r="2840" spans="1:5" x14ac:dyDescent="0.4">
      <c r="A2840">
        <v>2493</v>
      </c>
      <c r="B2840">
        <v>0</v>
      </c>
      <c r="C2840">
        <v>164</v>
      </c>
      <c r="D2840" t="s">
        <v>88</v>
      </c>
      <c r="E2840" s="1">
        <v>44601.740277777775</v>
      </c>
    </row>
    <row r="2841" spans="1:5" x14ac:dyDescent="0.4">
      <c r="A2841">
        <v>2494</v>
      </c>
      <c r="B2841">
        <v>0</v>
      </c>
      <c r="C2841">
        <v>165</v>
      </c>
      <c r="D2841" t="s">
        <v>88</v>
      </c>
      <c r="E2841" s="1">
        <v>44601.740277777775</v>
      </c>
    </row>
    <row r="2842" spans="1:5" x14ac:dyDescent="0.4">
      <c r="A2842">
        <v>2495</v>
      </c>
      <c r="B2842">
        <v>0</v>
      </c>
      <c r="C2842">
        <v>166</v>
      </c>
      <c r="D2842" t="s">
        <v>88</v>
      </c>
      <c r="E2842" s="1">
        <v>44601.740277777775</v>
      </c>
    </row>
    <row r="2843" spans="1:5" x14ac:dyDescent="0.4">
      <c r="A2843">
        <v>2496</v>
      </c>
      <c r="B2843">
        <v>0</v>
      </c>
      <c r="C2843">
        <v>167</v>
      </c>
      <c r="D2843" t="s">
        <v>88</v>
      </c>
      <c r="E2843" s="1">
        <v>44601.740277777775</v>
      </c>
    </row>
    <row r="2844" spans="1:5" x14ac:dyDescent="0.4">
      <c r="A2844">
        <v>2497</v>
      </c>
      <c r="B2844">
        <v>0</v>
      </c>
      <c r="C2844">
        <v>168</v>
      </c>
      <c r="D2844" t="s">
        <v>88</v>
      </c>
      <c r="E2844" s="1">
        <v>44601.740277777775</v>
      </c>
    </row>
    <row r="2845" spans="1:5" x14ac:dyDescent="0.4">
      <c r="A2845">
        <v>2498</v>
      </c>
      <c r="B2845">
        <v>0</v>
      </c>
      <c r="C2845">
        <v>169</v>
      </c>
      <c r="D2845" t="s">
        <v>88</v>
      </c>
      <c r="E2845" s="1">
        <v>44601.740277777775</v>
      </c>
    </row>
    <row r="2846" spans="1:5" x14ac:dyDescent="0.4">
      <c r="A2846">
        <v>2499</v>
      </c>
      <c r="B2846">
        <v>0</v>
      </c>
      <c r="C2846">
        <v>170</v>
      </c>
      <c r="D2846" t="s">
        <v>88</v>
      </c>
      <c r="E2846" s="1">
        <v>44601.740277777775</v>
      </c>
    </row>
    <row r="2847" spans="1:5" x14ac:dyDescent="0.4">
      <c r="A2847">
        <v>2500</v>
      </c>
      <c r="B2847">
        <v>0</v>
      </c>
      <c r="C2847">
        <v>171</v>
      </c>
      <c r="D2847" t="s">
        <v>88</v>
      </c>
      <c r="E2847" s="1">
        <v>44601.740277777775</v>
      </c>
    </row>
    <row r="2848" spans="1:5" x14ac:dyDescent="0.4">
      <c r="A2848">
        <v>2501</v>
      </c>
      <c r="B2848">
        <v>0</v>
      </c>
      <c r="C2848">
        <v>172</v>
      </c>
      <c r="D2848" t="s">
        <v>88</v>
      </c>
      <c r="E2848" s="1">
        <v>44601.740277777775</v>
      </c>
    </row>
    <row r="2849" spans="1:5" x14ac:dyDescent="0.4">
      <c r="A2849">
        <v>2502</v>
      </c>
      <c r="B2849">
        <v>0</v>
      </c>
      <c r="C2849">
        <v>173</v>
      </c>
      <c r="D2849" t="s">
        <v>88</v>
      </c>
      <c r="E2849" s="1">
        <v>44601.740277777775</v>
      </c>
    </row>
    <row r="2850" spans="1:5" x14ac:dyDescent="0.4">
      <c r="A2850">
        <v>2503</v>
      </c>
      <c r="B2850">
        <v>0</v>
      </c>
      <c r="C2850">
        <v>174</v>
      </c>
      <c r="D2850" t="s">
        <v>88</v>
      </c>
      <c r="E2850" s="1">
        <v>44601.740277777775</v>
      </c>
    </row>
    <row r="2851" spans="1:5" x14ac:dyDescent="0.4">
      <c r="A2851">
        <v>2504</v>
      </c>
      <c r="B2851">
        <v>0</v>
      </c>
      <c r="C2851">
        <v>175</v>
      </c>
      <c r="D2851" t="s">
        <v>88</v>
      </c>
      <c r="E2851" s="1">
        <v>44601.740277777775</v>
      </c>
    </row>
    <row r="2852" spans="1:5" x14ac:dyDescent="0.4">
      <c r="A2852">
        <v>2505</v>
      </c>
      <c r="B2852">
        <v>0</v>
      </c>
      <c r="C2852">
        <v>181</v>
      </c>
      <c r="D2852" t="s">
        <v>88</v>
      </c>
      <c r="E2852" s="1">
        <v>44601.740277777775</v>
      </c>
    </row>
    <row r="2853" spans="1:5" x14ac:dyDescent="0.4">
      <c r="A2853">
        <v>2506</v>
      </c>
      <c r="B2853">
        <v>0</v>
      </c>
      <c r="C2853">
        <v>182</v>
      </c>
      <c r="D2853" t="s">
        <v>88</v>
      </c>
      <c r="E2853" s="1">
        <v>44601.740277777775</v>
      </c>
    </row>
    <row r="2854" spans="1:5" x14ac:dyDescent="0.4">
      <c r="A2854">
        <v>2507</v>
      </c>
      <c r="B2854">
        <v>0</v>
      </c>
      <c r="C2854">
        <v>183</v>
      </c>
      <c r="D2854" t="s">
        <v>88</v>
      </c>
      <c r="E2854" s="1">
        <v>44601.740277777775</v>
      </c>
    </row>
    <row r="2855" spans="1:5" x14ac:dyDescent="0.4">
      <c r="A2855">
        <v>2508</v>
      </c>
      <c r="B2855">
        <v>0</v>
      </c>
      <c r="C2855">
        <v>184</v>
      </c>
      <c r="D2855" t="s">
        <v>88</v>
      </c>
      <c r="E2855" s="1">
        <v>44601.740277777775</v>
      </c>
    </row>
    <row r="2856" spans="1:5" x14ac:dyDescent="0.4">
      <c r="A2856">
        <v>2509</v>
      </c>
      <c r="B2856">
        <v>0</v>
      </c>
      <c r="C2856">
        <v>185</v>
      </c>
      <c r="D2856" t="s">
        <v>88</v>
      </c>
      <c r="E2856" s="1">
        <v>44601.740277777775</v>
      </c>
    </row>
    <row r="2857" spans="1:5" x14ac:dyDescent="0.4">
      <c r="A2857">
        <v>2510</v>
      </c>
      <c r="B2857">
        <v>0</v>
      </c>
      <c r="C2857">
        <v>186</v>
      </c>
      <c r="D2857" t="s">
        <v>88</v>
      </c>
      <c r="E2857" s="1">
        <v>44601.740277777775</v>
      </c>
    </row>
    <row r="2858" spans="1:5" x14ac:dyDescent="0.4">
      <c r="A2858">
        <v>2511</v>
      </c>
      <c r="B2858">
        <v>0</v>
      </c>
      <c r="C2858">
        <v>190</v>
      </c>
      <c r="D2858" t="s">
        <v>88</v>
      </c>
      <c r="E2858" s="1">
        <v>44601.740277777775</v>
      </c>
    </row>
    <row r="2859" spans="1:5" x14ac:dyDescent="0.4">
      <c r="A2859">
        <v>2512</v>
      </c>
      <c r="B2859">
        <v>0</v>
      </c>
      <c r="C2859">
        <v>191</v>
      </c>
      <c r="D2859" t="s">
        <v>88</v>
      </c>
      <c r="E2859" s="1">
        <v>44601.740277777775</v>
      </c>
    </row>
    <row r="2860" spans="1:5" x14ac:dyDescent="0.4">
      <c r="A2860">
        <v>2513</v>
      </c>
      <c r="B2860">
        <v>0</v>
      </c>
      <c r="C2860">
        <v>192</v>
      </c>
      <c r="D2860" t="s">
        <v>88</v>
      </c>
      <c r="E2860" s="1">
        <v>44601.740277777775</v>
      </c>
    </row>
    <row r="2861" spans="1:5" x14ac:dyDescent="0.4">
      <c r="A2861">
        <v>2514</v>
      </c>
      <c r="B2861">
        <v>0</v>
      </c>
      <c r="C2861">
        <v>193</v>
      </c>
      <c r="D2861" t="s">
        <v>88</v>
      </c>
      <c r="E2861" s="1">
        <v>44601.740277777775</v>
      </c>
    </row>
    <row r="2862" spans="1:5" x14ac:dyDescent="0.4">
      <c r="A2862">
        <v>2515</v>
      </c>
      <c r="B2862">
        <v>0</v>
      </c>
      <c r="C2862">
        <v>194</v>
      </c>
      <c r="D2862" t="s">
        <v>88</v>
      </c>
      <c r="E2862" s="1">
        <v>44601.740277777775</v>
      </c>
    </row>
    <row r="2863" spans="1:5" x14ac:dyDescent="0.4">
      <c r="A2863">
        <v>2516</v>
      </c>
      <c r="B2863">
        <v>0</v>
      </c>
      <c r="C2863">
        <v>195</v>
      </c>
      <c r="D2863" t="s">
        <v>88</v>
      </c>
      <c r="E2863" s="1">
        <v>44601.740277777775</v>
      </c>
    </row>
    <row r="2864" spans="1:5" x14ac:dyDescent="0.4">
      <c r="A2864">
        <v>2517</v>
      </c>
      <c r="B2864">
        <v>0</v>
      </c>
      <c r="C2864">
        <v>301</v>
      </c>
      <c r="D2864" t="s">
        <v>88</v>
      </c>
      <c r="E2864" s="1">
        <v>44601.740277777775</v>
      </c>
    </row>
    <row r="2865" spans="1:5" x14ac:dyDescent="0.4">
      <c r="A2865">
        <v>2518</v>
      </c>
      <c r="B2865">
        <v>0</v>
      </c>
      <c r="C2865">
        <v>302</v>
      </c>
      <c r="D2865" t="s">
        <v>88</v>
      </c>
      <c r="E2865" s="1">
        <v>44601.740277777775</v>
      </c>
    </row>
    <row r="2866" spans="1:5" x14ac:dyDescent="0.4">
      <c r="A2866">
        <v>2519</v>
      </c>
      <c r="B2866">
        <v>0</v>
      </c>
      <c r="C2866">
        <v>321</v>
      </c>
      <c r="D2866" t="s">
        <v>88</v>
      </c>
      <c r="E2866" s="1">
        <v>44601.740277777775</v>
      </c>
    </row>
    <row r="2867" spans="1:5" x14ac:dyDescent="0.4">
      <c r="A2867">
        <v>2520</v>
      </c>
      <c r="B2867">
        <v>0</v>
      </c>
      <c r="C2867">
        <v>322</v>
      </c>
      <c r="D2867" t="s">
        <v>88</v>
      </c>
      <c r="E2867" s="1">
        <v>44601.740277777775</v>
      </c>
    </row>
    <row r="2868" spans="1:5" x14ac:dyDescent="0.4">
      <c r="A2868">
        <v>2521</v>
      </c>
      <c r="B2868">
        <v>0</v>
      </c>
      <c r="C2868">
        <v>323</v>
      </c>
      <c r="D2868" t="s">
        <v>88</v>
      </c>
      <c r="E2868" s="1">
        <v>44601.740277777775</v>
      </c>
    </row>
    <row r="2869" spans="1:5" x14ac:dyDescent="0.4">
      <c r="A2869">
        <v>2522</v>
      </c>
      <c r="B2869">
        <v>0</v>
      </c>
      <c r="C2869">
        <v>324</v>
      </c>
      <c r="D2869" t="s">
        <v>88</v>
      </c>
      <c r="E2869" s="1">
        <v>44601.740277777775</v>
      </c>
    </row>
    <row r="2870" spans="1:5" x14ac:dyDescent="0.4">
      <c r="A2870">
        <v>2523</v>
      </c>
      <c r="B2870">
        <v>0</v>
      </c>
      <c r="C2870">
        <v>325</v>
      </c>
      <c r="D2870" t="s">
        <v>88</v>
      </c>
      <c r="E2870" s="1">
        <v>44601.740277777775</v>
      </c>
    </row>
    <row r="2871" spans="1:5" x14ac:dyDescent="0.4">
      <c r="A2871">
        <v>2524</v>
      </c>
      <c r="B2871">
        <v>0</v>
      </c>
      <c r="C2871">
        <v>326</v>
      </c>
      <c r="D2871" t="s">
        <v>88</v>
      </c>
      <c r="E2871" s="1">
        <v>44601.740277777775</v>
      </c>
    </row>
    <row r="2872" spans="1:5" x14ac:dyDescent="0.4">
      <c r="A2872">
        <v>2525</v>
      </c>
      <c r="B2872">
        <v>0</v>
      </c>
      <c r="C2872">
        <v>327</v>
      </c>
      <c r="D2872" t="s">
        <v>88</v>
      </c>
      <c r="E2872" s="1">
        <v>44601.740277777775</v>
      </c>
    </row>
    <row r="2873" spans="1:5" x14ac:dyDescent="0.4">
      <c r="A2873">
        <v>2526</v>
      </c>
      <c r="B2873">
        <v>0</v>
      </c>
      <c r="C2873">
        <v>328</v>
      </c>
      <c r="D2873" t="s">
        <v>88</v>
      </c>
      <c r="E2873" s="1">
        <v>44601.740277777775</v>
      </c>
    </row>
    <row r="2874" spans="1:5" x14ac:dyDescent="0.4">
      <c r="A2874">
        <v>2527</v>
      </c>
      <c r="B2874">
        <v>0</v>
      </c>
      <c r="C2874">
        <v>329</v>
      </c>
      <c r="D2874" t="s">
        <v>88</v>
      </c>
      <c r="E2874" s="1">
        <v>44601.740277777775</v>
      </c>
    </row>
    <row r="2875" spans="1:5" x14ac:dyDescent="0.4">
      <c r="A2875">
        <v>2528</v>
      </c>
      <c r="B2875">
        <v>0</v>
      </c>
      <c r="C2875">
        <v>330</v>
      </c>
      <c r="D2875" t="s">
        <v>88</v>
      </c>
      <c r="E2875" s="1">
        <v>44601.740277777775</v>
      </c>
    </row>
    <row r="2876" spans="1:5" x14ac:dyDescent="0.4">
      <c r="A2876">
        <v>2529</v>
      </c>
      <c r="B2876">
        <v>0</v>
      </c>
      <c r="C2876">
        <v>331</v>
      </c>
      <c r="D2876" t="s">
        <v>88</v>
      </c>
      <c r="E2876" s="1">
        <v>44601.740277777775</v>
      </c>
    </row>
    <row r="2877" spans="1:5" x14ac:dyDescent="0.4">
      <c r="A2877">
        <v>2530</v>
      </c>
      <c r="B2877">
        <v>0</v>
      </c>
      <c r="C2877">
        <v>332</v>
      </c>
      <c r="D2877" t="s">
        <v>88</v>
      </c>
      <c r="E2877" s="1">
        <v>44601.740277777775</v>
      </c>
    </row>
    <row r="2878" spans="1:5" x14ac:dyDescent="0.4">
      <c r="A2878">
        <v>2531</v>
      </c>
      <c r="B2878">
        <v>0</v>
      </c>
      <c r="C2878">
        <v>333</v>
      </c>
      <c r="D2878" t="s">
        <v>88</v>
      </c>
      <c r="E2878" s="1">
        <v>44601.740277777775</v>
      </c>
    </row>
    <row r="2879" spans="1:5" x14ac:dyDescent="0.4">
      <c r="A2879">
        <v>2532</v>
      </c>
      <c r="B2879">
        <v>0</v>
      </c>
      <c r="C2879">
        <v>341</v>
      </c>
      <c r="D2879" t="s">
        <v>88</v>
      </c>
      <c r="E2879" s="1">
        <v>44601.740277777775</v>
      </c>
    </row>
    <row r="2880" spans="1:5" x14ac:dyDescent="0.4">
      <c r="A2880">
        <v>2533</v>
      </c>
      <c r="B2880">
        <v>0</v>
      </c>
      <c r="C2880">
        <v>342</v>
      </c>
      <c r="D2880" t="s">
        <v>88</v>
      </c>
      <c r="E2880" s="1">
        <v>44601.740277777775</v>
      </c>
    </row>
    <row r="2881" spans="1:5" x14ac:dyDescent="0.4">
      <c r="A2881">
        <v>2534</v>
      </c>
      <c r="B2881">
        <v>0</v>
      </c>
      <c r="C2881">
        <v>343</v>
      </c>
      <c r="D2881" t="s">
        <v>88</v>
      </c>
      <c r="E2881" s="1">
        <v>44601.740277777775</v>
      </c>
    </row>
    <row r="2882" spans="1:5" x14ac:dyDescent="0.4">
      <c r="A2882">
        <v>2535</v>
      </c>
      <c r="B2882">
        <v>0</v>
      </c>
      <c r="C2882">
        <v>344</v>
      </c>
      <c r="D2882" t="s">
        <v>88</v>
      </c>
      <c r="E2882" s="1">
        <v>44601.740277777775</v>
      </c>
    </row>
    <row r="2883" spans="1:5" x14ac:dyDescent="0.4">
      <c r="A2883">
        <v>2536</v>
      </c>
      <c r="B2883">
        <v>0</v>
      </c>
      <c r="C2883">
        <v>345</v>
      </c>
      <c r="D2883" t="s">
        <v>88</v>
      </c>
      <c r="E2883" s="1">
        <v>44601.740277777775</v>
      </c>
    </row>
    <row r="2884" spans="1:5" x14ac:dyDescent="0.4">
      <c r="A2884">
        <v>2537</v>
      </c>
      <c r="B2884">
        <v>0</v>
      </c>
      <c r="C2884">
        <v>346</v>
      </c>
      <c r="D2884" t="s">
        <v>88</v>
      </c>
      <c r="E2884" s="1">
        <v>44601.740277777775</v>
      </c>
    </row>
    <row r="2885" spans="1:5" x14ac:dyDescent="0.4">
      <c r="A2885">
        <v>2538</v>
      </c>
      <c r="B2885">
        <v>0</v>
      </c>
      <c r="C2885">
        <v>361</v>
      </c>
      <c r="D2885" t="s">
        <v>88</v>
      </c>
      <c r="E2885" s="1">
        <v>44601.740277777775</v>
      </c>
    </row>
    <row r="2886" spans="1:5" x14ac:dyDescent="0.4">
      <c r="A2886">
        <v>2539</v>
      </c>
      <c r="B2886">
        <v>0</v>
      </c>
      <c r="C2886">
        <v>362</v>
      </c>
      <c r="D2886" t="s">
        <v>88</v>
      </c>
      <c r="E2886" s="1">
        <v>44601.740277777775</v>
      </c>
    </row>
    <row r="2887" spans="1:5" x14ac:dyDescent="0.4">
      <c r="A2887">
        <v>2540</v>
      </c>
      <c r="B2887">
        <v>0</v>
      </c>
      <c r="C2887">
        <v>363</v>
      </c>
      <c r="D2887" t="s">
        <v>88</v>
      </c>
      <c r="E2887" s="1">
        <v>44601.740277777775</v>
      </c>
    </row>
    <row r="2888" spans="1:5" x14ac:dyDescent="0.4">
      <c r="A2888">
        <v>2541</v>
      </c>
      <c r="B2888">
        <v>0</v>
      </c>
      <c r="C2888">
        <v>364</v>
      </c>
      <c r="D2888" t="s">
        <v>88</v>
      </c>
      <c r="E2888" s="1">
        <v>44601.740277777775</v>
      </c>
    </row>
    <row r="2889" spans="1:5" x14ac:dyDescent="0.4">
      <c r="A2889">
        <v>2542</v>
      </c>
      <c r="B2889">
        <v>0</v>
      </c>
      <c r="C2889">
        <v>365</v>
      </c>
      <c r="D2889" t="s">
        <v>88</v>
      </c>
      <c r="E2889" s="1">
        <v>44601.740277777775</v>
      </c>
    </row>
    <row r="2890" spans="1:5" x14ac:dyDescent="0.4">
      <c r="A2890">
        <v>2543</v>
      </c>
      <c r="B2890">
        <v>0</v>
      </c>
      <c r="C2890">
        <v>366</v>
      </c>
      <c r="D2890" t="s">
        <v>88</v>
      </c>
      <c r="E2890" s="1">
        <v>44601.740277777775</v>
      </c>
    </row>
    <row r="2891" spans="1:5" x14ac:dyDescent="0.4">
      <c r="A2891">
        <v>2544</v>
      </c>
      <c r="B2891">
        <v>0</v>
      </c>
      <c r="C2891">
        <v>367</v>
      </c>
      <c r="D2891" t="s">
        <v>88</v>
      </c>
      <c r="E2891" s="1">
        <v>44601.740277777775</v>
      </c>
    </row>
    <row r="2892" spans="1:5" x14ac:dyDescent="0.4">
      <c r="A2892">
        <v>2545</v>
      </c>
      <c r="B2892">
        <v>0</v>
      </c>
      <c r="C2892">
        <v>368</v>
      </c>
      <c r="D2892" t="s">
        <v>88</v>
      </c>
      <c r="E2892" s="1">
        <v>44601.740277777775</v>
      </c>
    </row>
    <row r="2893" spans="1:5" x14ac:dyDescent="0.4">
      <c r="A2893">
        <v>2546</v>
      </c>
      <c r="B2893">
        <v>0</v>
      </c>
      <c r="C2893">
        <v>369</v>
      </c>
      <c r="D2893" t="s">
        <v>88</v>
      </c>
      <c r="E2893" s="1">
        <v>44601.740277777775</v>
      </c>
    </row>
    <row r="2894" spans="1:5" x14ac:dyDescent="0.4">
      <c r="A2894">
        <v>2547</v>
      </c>
      <c r="B2894">
        <v>0</v>
      </c>
      <c r="C2894">
        <v>370</v>
      </c>
      <c r="D2894" t="s">
        <v>88</v>
      </c>
      <c r="E2894" s="1">
        <v>44601.740277777775</v>
      </c>
    </row>
    <row r="2895" spans="1:5" x14ac:dyDescent="0.4">
      <c r="A2895">
        <v>2548</v>
      </c>
      <c r="B2895">
        <v>0</v>
      </c>
      <c r="C2895">
        <v>371</v>
      </c>
      <c r="D2895" t="s">
        <v>88</v>
      </c>
      <c r="E2895" s="1">
        <v>44601.740277777775</v>
      </c>
    </row>
    <row r="2896" spans="1:5" x14ac:dyDescent="0.4">
      <c r="A2896">
        <v>2549</v>
      </c>
      <c r="B2896">
        <v>0</v>
      </c>
      <c r="C2896">
        <v>372</v>
      </c>
      <c r="D2896" t="s">
        <v>88</v>
      </c>
      <c r="E2896" s="1">
        <v>44601.740277777775</v>
      </c>
    </row>
    <row r="2897" spans="1:5" x14ac:dyDescent="0.4">
      <c r="A2897">
        <v>2550</v>
      </c>
      <c r="B2897">
        <v>0</v>
      </c>
      <c r="C2897">
        <v>373</v>
      </c>
      <c r="D2897" t="s">
        <v>88</v>
      </c>
      <c r="E2897" s="1">
        <v>44601.740277777775</v>
      </c>
    </row>
    <row r="2898" spans="1:5" x14ac:dyDescent="0.4">
      <c r="A2898">
        <v>2551</v>
      </c>
      <c r="B2898">
        <v>0</v>
      </c>
      <c r="C2898">
        <v>381</v>
      </c>
      <c r="D2898" t="s">
        <v>88</v>
      </c>
      <c r="E2898" s="1">
        <v>44601.740277777775</v>
      </c>
    </row>
    <row r="2899" spans="1:5" x14ac:dyDescent="0.4">
      <c r="A2899">
        <v>2552</v>
      </c>
      <c r="B2899">
        <v>0</v>
      </c>
      <c r="C2899">
        <v>382</v>
      </c>
      <c r="D2899" t="s">
        <v>88</v>
      </c>
      <c r="E2899" s="1">
        <v>44601.740277777775</v>
      </c>
    </row>
    <row r="2900" spans="1:5" x14ac:dyDescent="0.4">
      <c r="A2900">
        <v>2553</v>
      </c>
      <c r="B2900">
        <v>0</v>
      </c>
      <c r="C2900">
        <v>383</v>
      </c>
      <c r="D2900" t="s">
        <v>88</v>
      </c>
      <c r="E2900" s="1">
        <v>44601.740277777775</v>
      </c>
    </row>
    <row r="2901" spans="1:5" x14ac:dyDescent="0.4">
      <c r="A2901">
        <v>2554</v>
      </c>
      <c r="B2901">
        <v>0</v>
      </c>
      <c r="C2901">
        <v>384</v>
      </c>
      <c r="D2901" t="s">
        <v>88</v>
      </c>
      <c r="E2901" s="1">
        <v>44601.740277777775</v>
      </c>
    </row>
    <row r="2902" spans="1:5" x14ac:dyDescent="0.4">
      <c r="A2902">
        <v>2555</v>
      </c>
      <c r="B2902">
        <v>0</v>
      </c>
      <c r="C2902">
        <v>385</v>
      </c>
      <c r="D2902" t="s">
        <v>88</v>
      </c>
      <c r="E2902" s="1">
        <v>44601.740277777775</v>
      </c>
    </row>
    <row r="2903" spans="1:5" x14ac:dyDescent="0.4">
      <c r="A2903">
        <v>2556</v>
      </c>
      <c r="B2903">
        <v>0</v>
      </c>
      <c r="C2903">
        <v>386</v>
      </c>
      <c r="D2903" t="s">
        <v>88</v>
      </c>
      <c r="E2903" s="1">
        <v>44601.740277777775</v>
      </c>
    </row>
    <row r="2904" spans="1:5" x14ac:dyDescent="0.4">
      <c r="A2904">
        <v>2557</v>
      </c>
      <c r="B2904">
        <v>0</v>
      </c>
      <c r="C2904">
        <v>391</v>
      </c>
      <c r="D2904" t="s">
        <v>88</v>
      </c>
      <c r="E2904" s="1">
        <v>44601.740277777775</v>
      </c>
    </row>
    <row r="2905" spans="1:5" x14ac:dyDescent="0.4">
      <c r="A2905">
        <v>2558</v>
      </c>
      <c r="B2905">
        <v>0</v>
      </c>
      <c r="C2905">
        <v>392</v>
      </c>
      <c r="D2905" t="s">
        <v>88</v>
      </c>
      <c r="E2905" s="1">
        <v>44601.740277777775</v>
      </c>
    </row>
    <row r="2906" spans="1:5" x14ac:dyDescent="0.4">
      <c r="A2906">
        <v>2559</v>
      </c>
      <c r="B2906">
        <v>0</v>
      </c>
      <c r="C2906">
        <v>393</v>
      </c>
      <c r="D2906" t="s">
        <v>88</v>
      </c>
      <c r="E2906" s="1">
        <v>44601.740277777775</v>
      </c>
    </row>
    <row r="2907" spans="1:5" x14ac:dyDescent="0.4">
      <c r="A2907">
        <v>2560</v>
      </c>
      <c r="B2907">
        <v>0</v>
      </c>
      <c r="C2907">
        <v>395</v>
      </c>
      <c r="D2907" t="s">
        <v>88</v>
      </c>
      <c r="E2907" s="1">
        <v>44601.740277777775</v>
      </c>
    </row>
    <row r="2908" spans="1:5" x14ac:dyDescent="0.4">
      <c r="A2908">
        <v>2561</v>
      </c>
      <c r="B2908">
        <v>0</v>
      </c>
      <c r="C2908">
        <v>396</v>
      </c>
      <c r="D2908" t="s">
        <v>88</v>
      </c>
      <c r="E2908" s="1">
        <v>44601.740277777775</v>
      </c>
    </row>
    <row r="2909" spans="1:5" x14ac:dyDescent="0.4">
      <c r="A2909">
        <v>2562</v>
      </c>
      <c r="B2909">
        <v>0</v>
      </c>
      <c r="C2909">
        <v>401</v>
      </c>
      <c r="D2909" t="s">
        <v>88</v>
      </c>
      <c r="E2909" s="1">
        <v>44601.740277777775</v>
      </c>
    </row>
    <row r="2910" spans="1:5" x14ac:dyDescent="0.4">
      <c r="A2910">
        <v>2563</v>
      </c>
      <c r="B2910">
        <v>0</v>
      </c>
      <c r="C2910">
        <v>402</v>
      </c>
      <c r="D2910" t="s">
        <v>88</v>
      </c>
      <c r="E2910" s="1">
        <v>44601.740277777775</v>
      </c>
    </row>
    <row r="2911" spans="1:5" x14ac:dyDescent="0.4">
      <c r="A2911">
        <v>2564</v>
      </c>
      <c r="B2911">
        <v>0</v>
      </c>
      <c r="C2911">
        <v>403</v>
      </c>
      <c r="D2911" t="s">
        <v>88</v>
      </c>
      <c r="E2911" s="1">
        <v>44601.740277777775</v>
      </c>
    </row>
    <row r="2912" spans="1:5" x14ac:dyDescent="0.4">
      <c r="A2912">
        <v>2565</v>
      </c>
      <c r="B2912">
        <v>0</v>
      </c>
      <c r="C2912">
        <v>404</v>
      </c>
      <c r="D2912" t="s">
        <v>88</v>
      </c>
      <c r="E2912" s="1">
        <v>44601.740277777775</v>
      </c>
    </row>
    <row r="2913" spans="1:5" x14ac:dyDescent="0.4">
      <c r="A2913">
        <v>2566</v>
      </c>
      <c r="B2913">
        <v>0</v>
      </c>
      <c r="C2913">
        <v>405</v>
      </c>
      <c r="D2913" t="s">
        <v>88</v>
      </c>
      <c r="E2913" s="1">
        <v>44601.740277777775</v>
      </c>
    </row>
    <row r="2914" spans="1:5" x14ac:dyDescent="0.4">
      <c r="A2914">
        <v>2567</v>
      </c>
      <c r="B2914">
        <v>0</v>
      </c>
      <c r="C2914">
        <v>406</v>
      </c>
      <c r="D2914" t="s">
        <v>88</v>
      </c>
      <c r="E2914" s="1">
        <v>44601.740277777775</v>
      </c>
    </row>
    <row r="2915" spans="1:5" x14ac:dyDescent="0.4">
      <c r="A2915">
        <v>2568</v>
      </c>
      <c r="B2915">
        <v>0</v>
      </c>
      <c r="C2915">
        <v>411</v>
      </c>
      <c r="D2915" t="s">
        <v>88</v>
      </c>
      <c r="E2915" s="1">
        <v>44601.740277777775</v>
      </c>
    </row>
    <row r="2916" spans="1:5" x14ac:dyDescent="0.4">
      <c r="A2916">
        <v>2569</v>
      </c>
      <c r="B2916">
        <v>0</v>
      </c>
      <c r="C2916">
        <v>412</v>
      </c>
      <c r="D2916" t="s">
        <v>88</v>
      </c>
      <c r="E2916" s="1">
        <v>44601.740277777775</v>
      </c>
    </row>
    <row r="2917" spans="1:5" x14ac:dyDescent="0.4">
      <c r="A2917">
        <v>2570</v>
      </c>
      <c r="B2917">
        <v>0</v>
      </c>
      <c r="C2917">
        <v>413</v>
      </c>
      <c r="D2917" t="s">
        <v>88</v>
      </c>
      <c r="E2917" s="1">
        <v>44601.740277777775</v>
      </c>
    </row>
    <row r="2918" spans="1:5" x14ac:dyDescent="0.4">
      <c r="A2918">
        <v>2571</v>
      </c>
      <c r="B2918">
        <v>0</v>
      </c>
      <c r="C2918">
        <v>414</v>
      </c>
      <c r="D2918" t="s">
        <v>88</v>
      </c>
      <c r="E2918" s="1">
        <v>44601.740277777775</v>
      </c>
    </row>
    <row r="2919" spans="1:5" x14ac:dyDescent="0.4">
      <c r="A2919">
        <v>2572</v>
      </c>
      <c r="B2919">
        <v>0</v>
      </c>
      <c r="C2919">
        <v>421</v>
      </c>
      <c r="D2919" t="s">
        <v>88</v>
      </c>
      <c r="E2919" s="1">
        <v>44601.740277777775</v>
      </c>
    </row>
    <row r="2920" spans="1:5" x14ac:dyDescent="0.4">
      <c r="A2920">
        <v>2573</v>
      </c>
      <c r="B2920">
        <v>0</v>
      </c>
      <c r="C2920">
        <v>422</v>
      </c>
      <c r="D2920" t="s">
        <v>88</v>
      </c>
      <c r="E2920" s="1">
        <v>44601.740277777775</v>
      </c>
    </row>
    <row r="2921" spans="1:5" x14ac:dyDescent="0.4">
      <c r="A2921">
        <v>2574</v>
      </c>
      <c r="B2921">
        <v>0</v>
      </c>
      <c r="C2921">
        <v>431</v>
      </c>
      <c r="D2921" t="s">
        <v>88</v>
      </c>
      <c r="E2921" s="1">
        <v>44601.740277777775</v>
      </c>
    </row>
    <row r="2922" spans="1:5" x14ac:dyDescent="0.4">
      <c r="A2922">
        <v>2575</v>
      </c>
      <c r="B2922">
        <v>0</v>
      </c>
      <c r="C2922">
        <v>432</v>
      </c>
      <c r="D2922" t="s">
        <v>88</v>
      </c>
      <c r="E2922" s="1">
        <v>44601.740277777775</v>
      </c>
    </row>
    <row r="2923" spans="1:5" x14ac:dyDescent="0.4">
      <c r="A2923">
        <v>2576</v>
      </c>
      <c r="B2923">
        <v>0</v>
      </c>
      <c r="C2923">
        <v>433</v>
      </c>
      <c r="D2923" t="s">
        <v>88</v>
      </c>
      <c r="E2923" s="1">
        <v>44601.740277777775</v>
      </c>
    </row>
    <row r="2924" spans="1:5" x14ac:dyDescent="0.4">
      <c r="A2924">
        <v>2577</v>
      </c>
      <c r="B2924">
        <v>1</v>
      </c>
      <c r="C2924">
        <v>1</v>
      </c>
      <c r="D2924" t="s">
        <v>88</v>
      </c>
      <c r="E2924" s="1">
        <v>44601.740277777775</v>
      </c>
    </row>
    <row r="2925" spans="1:5" x14ac:dyDescent="0.4">
      <c r="A2925">
        <v>2578</v>
      </c>
      <c r="B2925">
        <v>0</v>
      </c>
      <c r="C2925">
        <v>2</v>
      </c>
      <c r="D2925" t="s">
        <v>88</v>
      </c>
      <c r="E2925" s="1">
        <v>44601.740277777775</v>
      </c>
    </row>
    <row r="2926" spans="1:5" x14ac:dyDescent="0.4">
      <c r="A2926">
        <v>2579</v>
      </c>
      <c r="B2926">
        <v>0</v>
      </c>
      <c r="C2926">
        <v>3</v>
      </c>
      <c r="D2926" t="s">
        <v>88</v>
      </c>
      <c r="E2926" s="1">
        <v>44601.740277777775</v>
      </c>
    </row>
    <row r="2927" spans="1:5" x14ac:dyDescent="0.4">
      <c r="A2927">
        <v>2580</v>
      </c>
      <c r="B2927">
        <v>0</v>
      </c>
      <c r="C2927">
        <v>4</v>
      </c>
      <c r="D2927" t="s">
        <v>88</v>
      </c>
      <c r="E2927" s="1">
        <v>44601.740277777775</v>
      </c>
    </row>
    <row r="2928" spans="1:5" x14ac:dyDescent="0.4">
      <c r="A2928">
        <v>2581</v>
      </c>
      <c r="B2928">
        <v>0</v>
      </c>
      <c r="C2928">
        <v>5</v>
      </c>
      <c r="D2928" t="s">
        <v>88</v>
      </c>
      <c r="E2928" s="1">
        <v>44601.740277777775</v>
      </c>
    </row>
    <row r="2929" spans="1:5" x14ac:dyDescent="0.4">
      <c r="A2929">
        <v>2582</v>
      </c>
      <c r="B2929">
        <v>0</v>
      </c>
      <c r="C2929">
        <v>11</v>
      </c>
      <c r="D2929" t="s">
        <v>88</v>
      </c>
      <c r="E2929" s="1">
        <v>44601.740277777775</v>
      </c>
    </row>
    <row r="2930" spans="1:5" x14ac:dyDescent="0.4">
      <c r="A2930">
        <v>2583</v>
      </c>
      <c r="B2930">
        <v>0</v>
      </c>
      <c r="C2930">
        <v>12</v>
      </c>
      <c r="D2930" t="s">
        <v>88</v>
      </c>
      <c r="E2930" s="1">
        <v>44601.740277777775</v>
      </c>
    </row>
    <row r="2931" spans="1:5" x14ac:dyDescent="0.4">
      <c r="A2931">
        <v>2584</v>
      </c>
      <c r="B2931">
        <v>0</v>
      </c>
      <c r="C2931">
        <v>15</v>
      </c>
      <c r="D2931" t="s">
        <v>88</v>
      </c>
      <c r="E2931" s="1">
        <v>44601.740277777775</v>
      </c>
    </row>
    <row r="2932" spans="1:5" x14ac:dyDescent="0.4">
      <c r="A2932">
        <v>2585</v>
      </c>
      <c r="B2932">
        <v>0</v>
      </c>
      <c r="C2932">
        <v>16</v>
      </c>
      <c r="D2932" t="s">
        <v>88</v>
      </c>
      <c r="E2932" s="1">
        <v>44601.740277777775</v>
      </c>
    </row>
    <row r="2933" spans="1:5" x14ac:dyDescent="0.4">
      <c r="A2933">
        <v>2586</v>
      </c>
      <c r="B2933">
        <v>0</v>
      </c>
      <c r="C2933">
        <v>17</v>
      </c>
      <c r="D2933" t="s">
        <v>88</v>
      </c>
      <c r="E2933" s="1">
        <v>44601.740277777775</v>
      </c>
    </row>
    <row r="2934" spans="1:5" x14ac:dyDescent="0.4">
      <c r="A2934">
        <v>2587</v>
      </c>
      <c r="B2934">
        <v>0</v>
      </c>
      <c r="C2934">
        <v>21</v>
      </c>
      <c r="D2934" t="s">
        <v>88</v>
      </c>
      <c r="E2934" s="1">
        <v>44601.740277777775</v>
      </c>
    </row>
    <row r="2935" spans="1:5" x14ac:dyDescent="0.4">
      <c r="A2935">
        <v>2588</v>
      </c>
      <c r="B2935">
        <v>0</v>
      </c>
      <c r="C2935">
        <v>22</v>
      </c>
      <c r="D2935" t="s">
        <v>88</v>
      </c>
      <c r="E2935" s="1">
        <v>44601.740277777775</v>
      </c>
    </row>
    <row r="2936" spans="1:5" x14ac:dyDescent="0.4">
      <c r="A2936">
        <v>2589</v>
      </c>
      <c r="B2936">
        <v>0</v>
      </c>
      <c r="C2936">
        <v>23</v>
      </c>
      <c r="D2936" t="s">
        <v>88</v>
      </c>
      <c r="E2936" s="1">
        <v>44601.740277777775</v>
      </c>
    </row>
    <row r="2937" spans="1:5" x14ac:dyDescent="0.4">
      <c r="A2937">
        <v>2590</v>
      </c>
      <c r="B2937">
        <v>0</v>
      </c>
      <c r="C2937">
        <v>24</v>
      </c>
      <c r="D2937" t="s">
        <v>88</v>
      </c>
      <c r="E2937" s="1">
        <v>44601.740277777775</v>
      </c>
    </row>
    <row r="2938" spans="1:5" x14ac:dyDescent="0.4">
      <c r="A2938">
        <v>2591</v>
      </c>
      <c r="B2938">
        <v>0</v>
      </c>
      <c r="C2938">
        <v>25</v>
      </c>
      <c r="D2938" t="s">
        <v>88</v>
      </c>
      <c r="E2938" s="1">
        <v>44601.740277777775</v>
      </c>
    </row>
    <row r="2939" spans="1:5" x14ac:dyDescent="0.4">
      <c r="A2939">
        <v>2592</v>
      </c>
      <c r="B2939">
        <v>0</v>
      </c>
      <c r="C2939">
        <v>26</v>
      </c>
      <c r="D2939" t="s">
        <v>88</v>
      </c>
      <c r="E2939" s="1">
        <v>44601.740277777775</v>
      </c>
    </row>
    <row r="2940" spans="1:5" x14ac:dyDescent="0.4">
      <c r="A2940">
        <v>2593</v>
      </c>
      <c r="B2940">
        <v>0</v>
      </c>
      <c r="C2940">
        <v>27</v>
      </c>
      <c r="D2940" t="s">
        <v>88</v>
      </c>
      <c r="E2940" s="1">
        <v>44601.740277777775</v>
      </c>
    </row>
    <row r="2941" spans="1:5" x14ac:dyDescent="0.4">
      <c r="A2941">
        <v>2594</v>
      </c>
      <c r="B2941">
        <v>0</v>
      </c>
      <c r="C2941">
        <v>28</v>
      </c>
      <c r="D2941" t="s">
        <v>88</v>
      </c>
      <c r="E2941" s="1">
        <v>44601.740277777775</v>
      </c>
    </row>
    <row r="2942" spans="1:5" x14ac:dyDescent="0.4">
      <c r="A2942">
        <v>2595</v>
      </c>
      <c r="B2942">
        <v>0</v>
      </c>
      <c r="C2942">
        <v>29</v>
      </c>
      <c r="D2942" t="s">
        <v>88</v>
      </c>
      <c r="E2942" s="1">
        <v>44601.740277777775</v>
      </c>
    </row>
    <row r="2943" spans="1:5" x14ac:dyDescent="0.4">
      <c r="A2943">
        <v>2596</v>
      </c>
      <c r="B2943">
        <v>0</v>
      </c>
      <c r="C2943">
        <v>30</v>
      </c>
      <c r="D2943" t="s">
        <v>88</v>
      </c>
      <c r="E2943" s="1">
        <v>44601.740277777775</v>
      </c>
    </row>
    <row r="2944" spans="1:5" x14ac:dyDescent="0.4">
      <c r="A2944">
        <v>2597</v>
      </c>
      <c r="B2944">
        <v>0</v>
      </c>
      <c r="C2944">
        <v>31</v>
      </c>
      <c r="D2944" t="s">
        <v>88</v>
      </c>
      <c r="E2944" s="1">
        <v>44601.740277777775</v>
      </c>
    </row>
    <row r="2945" spans="1:5" x14ac:dyDescent="0.4">
      <c r="A2945">
        <v>2598</v>
      </c>
      <c r="B2945">
        <v>0</v>
      </c>
      <c r="C2945">
        <v>32</v>
      </c>
      <c r="D2945" t="s">
        <v>88</v>
      </c>
      <c r="E2945" s="1">
        <v>44601.740277777775</v>
      </c>
    </row>
    <row r="2946" spans="1:5" x14ac:dyDescent="0.4">
      <c r="A2946">
        <v>2599</v>
      </c>
      <c r="B2946">
        <v>0</v>
      </c>
      <c r="C2946">
        <v>33</v>
      </c>
      <c r="D2946" t="s">
        <v>88</v>
      </c>
      <c r="E2946" s="1">
        <v>44601.740277777775</v>
      </c>
    </row>
    <row r="2947" spans="1:5" x14ac:dyDescent="0.4">
      <c r="A2947">
        <v>2600</v>
      </c>
      <c r="B2947">
        <v>0</v>
      </c>
      <c r="C2947">
        <v>41</v>
      </c>
      <c r="D2947" t="s">
        <v>88</v>
      </c>
      <c r="E2947" s="1">
        <v>44601.740277777775</v>
      </c>
    </row>
    <row r="2948" spans="1:5" x14ac:dyDescent="0.4">
      <c r="A2948">
        <v>2601</v>
      </c>
      <c r="B2948">
        <v>0</v>
      </c>
      <c r="C2948">
        <v>42</v>
      </c>
      <c r="D2948" t="s">
        <v>88</v>
      </c>
      <c r="E2948" s="1">
        <v>44601.740277777775</v>
      </c>
    </row>
    <row r="2949" spans="1:5" x14ac:dyDescent="0.4">
      <c r="A2949">
        <v>2602</v>
      </c>
      <c r="B2949">
        <v>0</v>
      </c>
      <c r="C2949">
        <v>43</v>
      </c>
      <c r="D2949" t="s">
        <v>88</v>
      </c>
      <c r="E2949" s="1">
        <v>44601.740277777775</v>
      </c>
    </row>
    <row r="2950" spans="1:5" x14ac:dyDescent="0.4">
      <c r="A2950">
        <v>2603</v>
      </c>
      <c r="B2950">
        <v>0</v>
      </c>
      <c r="C2950">
        <v>44</v>
      </c>
      <c r="D2950" t="s">
        <v>88</v>
      </c>
      <c r="E2950" s="1">
        <v>44601.740277777775</v>
      </c>
    </row>
    <row r="2951" spans="1:5" x14ac:dyDescent="0.4">
      <c r="A2951">
        <v>2604</v>
      </c>
      <c r="B2951">
        <v>0</v>
      </c>
      <c r="C2951">
        <v>45</v>
      </c>
      <c r="D2951" t="s">
        <v>88</v>
      </c>
      <c r="E2951" s="1">
        <v>44601.740277777775</v>
      </c>
    </row>
    <row r="2952" spans="1:5" x14ac:dyDescent="0.4">
      <c r="A2952">
        <v>2605</v>
      </c>
      <c r="B2952">
        <v>0</v>
      </c>
      <c r="C2952">
        <v>46</v>
      </c>
      <c r="D2952" t="s">
        <v>88</v>
      </c>
      <c r="E2952" s="1">
        <v>44601.740277777775</v>
      </c>
    </row>
    <row r="2953" spans="1:5" x14ac:dyDescent="0.4">
      <c r="A2953">
        <v>2606</v>
      </c>
      <c r="B2953">
        <v>0</v>
      </c>
      <c r="C2953">
        <v>47</v>
      </c>
      <c r="D2953" t="s">
        <v>88</v>
      </c>
      <c r="E2953" s="1">
        <v>44601.740277777775</v>
      </c>
    </row>
    <row r="2954" spans="1:5" x14ac:dyDescent="0.4">
      <c r="A2954">
        <v>2607</v>
      </c>
      <c r="B2954">
        <v>0</v>
      </c>
      <c r="C2954">
        <v>48</v>
      </c>
      <c r="D2954" t="s">
        <v>88</v>
      </c>
      <c r="E2954" s="1">
        <v>44601.740277777775</v>
      </c>
    </row>
    <row r="2955" spans="1:5" x14ac:dyDescent="0.4">
      <c r="A2955">
        <v>2608</v>
      </c>
      <c r="B2955">
        <v>0</v>
      </c>
      <c r="C2955">
        <v>49</v>
      </c>
      <c r="D2955" t="s">
        <v>88</v>
      </c>
      <c r="E2955" s="1">
        <v>44601.740277777775</v>
      </c>
    </row>
    <row r="2956" spans="1:5" x14ac:dyDescent="0.4">
      <c r="A2956">
        <v>2609</v>
      </c>
      <c r="B2956">
        <v>0</v>
      </c>
      <c r="C2956">
        <v>50</v>
      </c>
      <c r="D2956" t="s">
        <v>88</v>
      </c>
      <c r="E2956" s="1">
        <v>44601.740277777775</v>
      </c>
    </row>
    <row r="2957" spans="1:5" x14ac:dyDescent="0.4">
      <c r="A2957">
        <v>2610</v>
      </c>
      <c r="B2957">
        <v>0</v>
      </c>
      <c r="C2957">
        <v>51</v>
      </c>
      <c r="D2957" t="s">
        <v>88</v>
      </c>
      <c r="E2957" s="1">
        <v>44601.740277777775</v>
      </c>
    </row>
    <row r="2958" spans="1:5" x14ac:dyDescent="0.4">
      <c r="A2958">
        <v>2611</v>
      </c>
      <c r="B2958">
        <v>0</v>
      </c>
      <c r="C2958">
        <v>52</v>
      </c>
      <c r="D2958" t="s">
        <v>88</v>
      </c>
      <c r="E2958" s="1">
        <v>44601.740277777775</v>
      </c>
    </row>
    <row r="2959" spans="1:5" x14ac:dyDescent="0.4">
      <c r="A2959">
        <v>2612</v>
      </c>
      <c r="B2959">
        <v>0</v>
      </c>
      <c r="C2959">
        <v>53</v>
      </c>
      <c r="D2959" t="s">
        <v>88</v>
      </c>
      <c r="E2959" s="1">
        <v>44601.740277777775</v>
      </c>
    </row>
    <row r="2960" spans="1:5" x14ac:dyDescent="0.4">
      <c r="A2960">
        <v>2613</v>
      </c>
      <c r="B2960">
        <v>0</v>
      </c>
      <c r="C2960">
        <v>54</v>
      </c>
      <c r="D2960" t="s">
        <v>88</v>
      </c>
      <c r="E2960" s="1">
        <v>44601.740277777775</v>
      </c>
    </row>
    <row r="2961" spans="1:5" x14ac:dyDescent="0.4">
      <c r="A2961">
        <v>2614</v>
      </c>
      <c r="B2961">
        <v>0</v>
      </c>
      <c r="C2961">
        <v>55</v>
      </c>
      <c r="D2961" t="s">
        <v>88</v>
      </c>
      <c r="E2961" s="1">
        <v>44601.740277777775</v>
      </c>
    </row>
    <row r="2962" spans="1:5" x14ac:dyDescent="0.4">
      <c r="A2962">
        <v>2615</v>
      </c>
      <c r="B2962">
        <v>0</v>
      </c>
      <c r="C2962">
        <v>61</v>
      </c>
      <c r="D2962" t="s">
        <v>88</v>
      </c>
      <c r="E2962" s="1">
        <v>44601.740277777775</v>
      </c>
    </row>
    <row r="2963" spans="1:5" x14ac:dyDescent="0.4">
      <c r="A2963">
        <v>2616</v>
      </c>
      <c r="B2963">
        <v>0</v>
      </c>
      <c r="C2963">
        <v>62</v>
      </c>
      <c r="D2963" t="s">
        <v>88</v>
      </c>
      <c r="E2963" s="1">
        <v>44601.740277777775</v>
      </c>
    </row>
    <row r="2964" spans="1:5" x14ac:dyDescent="0.4">
      <c r="A2964">
        <v>2617</v>
      </c>
      <c r="B2964">
        <v>0</v>
      </c>
      <c r="C2964">
        <v>63</v>
      </c>
      <c r="D2964" t="s">
        <v>88</v>
      </c>
      <c r="E2964" s="1">
        <v>44601.740277777775</v>
      </c>
    </row>
    <row r="2965" spans="1:5" x14ac:dyDescent="0.4">
      <c r="A2965">
        <v>2618</v>
      </c>
      <c r="B2965">
        <v>0</v>
      </c>
      <c r="C2965">
        <v>64</v>
      </c>
      <c r="D2965" t="s">
        <v>88</v>
      </c>
      <c r="E2965" s="1">
        <v>44601.740277777775</v>
      </c>
    </row>
    <row r="2966" spans="1:5" x14ac:dyDescent="0.4">
      <c r="A2966">
        <v>2619</v>
      </c>
      <c r="B2966">
        <v>0</v>
      </c>
      <c r="C2966">
        <v>65</v>
      </c>
      <c r="D2966" t="s">
        <v>88</v>
      </c>
      <c r="E2966" s="1">
        <v>44601.740277777775</v>
      </c>
    </row>
    <row r="2967" spans="1:5" x14ac:dyDescent="0.4">
      <c r="A2967">
        <v>2620</v>
      </c>
      <c r="B2967">
        <v>0</v>
      </c>
      <c r="C2967">
        <v>66</v>
      </c>
      <c r="D2967" t="s">
        <v>88</v>
      </c>
      <c r="E2967" s="1">
        <v>44601.740277777775</v>
      </c>
    </row>
    <row r="2968" spans="1:5" x14ac:dyDescent="0.4">
      <c r="A2968">
        <v>2621</v>
      </c>
      <c r="B2968">
        <v>0</v>
      </c>
      <c r="C2968">
        <v>67</v>
      </c>
      <c r="D2968" t="s">
        <v>88</v>
      </c>
      <c r="E2968" s="1">
        <v>44601.740277777775</v>
      </c>
    </row>
    <row r="2969" spans="1:5" x14ac:dyDescent="0.4">
      <c r="A2969">
        <v>2622</v>
      </c>
      <c r="B2969">
        <v>0</v>
      </c>
      <c r="C2969">
        <v>68</v>
      </c>
      <c r="D2969" t="s">
        <v>88</v>
      </c>
      <c r="E2969" s="1">
        <v>44601.740277777775</v>
      </c>
    </row>
    <row r="2970" spans="1:5" x14ac:dyDescent="0.4">
      <c r="A2970">
        <v>2623</v>
      </c>
      <c r="B2970">
        <v>0</v>
      </c>
      <c r="C2970">
        <v>69</v>
      </c>
      <c r="D2970" t="s">
        <v>88</v>
      </c>
      <c r="E2970" s="1">
        <v>44601.740277777775</v>
      </c>
    </row>
    <row r="2971" spans="1:5" x14ac:dyDescent="0.4">
      <c r="A2971">
        <v>2624</v>
      </c>
      <c r="B2971">
        <v>0</v>
      </c>
      <c r="C2971">
        <v>70</v>
      </c>
      <c r="D2971" t="s">
        <v>88</v>
      </c>
      <c r="E2971" s="1">
        <v>44601.740277777775</v>
      </c>
    </row>
    <row r="2972" spans="1:5" x14ac:dyDescent="0.4">
      <c r="A2972">
        <v>2625</v>
      </c>
      <c r="B2972">
        <v>0</v>
      </c>
      <c r="C2972">
        <v>71</v>
      </c>
      <c r="D2972" t="s">
        <v>88</v>
      </c>
      <c r="E2972" s="1">
        <v>44601.740277777775</v>
      </c>
    </row>
    <row r="2973" spans="1:5" x14ac:dyDescent="0.4">
      <c r="A2973">
        <v>2626</v>
      </c>
      <c r="B2973">
        <v>0</v>
      </c>
      <c r="C2973">
        <v>72</v>
      </c>
      <c r="D2973" t="s">
        <v>88</v>
      </c>
      <c r="E2973" s="1">
        <v>44601.740277777775</v>
      </c>
    </row>
    <row r="2974" spans="1:5" x14ac:dyDescent="0.4">
      <c r="A2974">
        <v>2627</v>
      </c>
      <c r="B2974">
        <v>0</v>
      </c>
      <c r="C2974">
        <v>73</v>
      </c>
      <c r="D2974" t="s">
        <v>88</v>
      </c>
      <c r="E2974" s="1">
        <v>44601.740277777775</v>
      </c>
    </row>
    <row r="2975" spans="1:5" x14ac:dyDescent="0.4">
      <c r="A2975">
        <v>2628</v>
      </c>
      <c r="B2975">
        <v>0</v>
      </c>
      <c r="C2975">
        <v>74</v>
      </c>
      <c r="D2975" t="s">
        <v>88</v>
      </c>
      <c r="E2975" s="1">
        <v>44601.740277777775</v>
      </c>
    </row>
    <row r="2976" spans="1:5" x14ac:dyDescent="0.4">
      <c r="A2976">
        <v>2629</v>
      </c>
      <c r="B2976">
        <v>0</v>
      </c>
      <c r="C2976">
        <v>75</v>
      </c>
      <c r="D2976" t="s">
        <v>88</v>
      </c>
      <c r="E2976" s="1">
        <v>44601.740277777775</v>
      </c>
    </row>
    <row r="2977" spans="1:5" x14ac:dyDescent="0.4">
      <c r="A2977">
        <v>2630</v>
      </c>
      <c r="B2977">
        <v>0</v>
      </c>
      <c r="C2977">
        <v>76</v>
      </c>
      <c r="D2977" t="s">
        <v>88</v>
      </c>
      <c r="E2977" s="1">
        <v>44601.740277777775</v>
      </c>
    </row>
    <row r="2978" spans="1:5" x14ac:dyDescent="0.4">
      <c r="A2978">
        <v>2631</v>
      </c>
      <c r="B2978">
        <v>0</v>
      </c>
      <c r="C2978">
        <v>77</v>
      </c>
      <c r="D2978" t="s">
        <v>88</v>
      </c>
      <c r="E2978" s="1">
        <v>44601.740277777775</v>
      </c>
    </row>
    <row r="2979" spans="1:5" x14ac:dyDescent="0.4">
      <c r="A2979">
        <v>2632</v>
      </c>
      <c r="B2979">
        <v>0</v>
      </c>
      <c r="C2979">
        <v>78</v>
      </c>
      <c r="D2979" t="s">
        <v>88</v>
      </c>
      <c r="E2979" s="1">
        <v>44601.740277777775</v>
      </c>
    </row>
    <row r="2980" spans="1:5" x14ac:dyDescent="0.4">
      <c r="A2980">
        <v>2633</v>
      </c>
      <c r="B2980">
        <v>0</v>
      </c>
      <c r="C2980">
        <v>79</v>
      </c>
      <c r="D2980" t="s">
        <v>88</v>
      </c>
      <c r="E2980" s="1">
        <v>44601.740277777775</v>
      </c>
    </row>
    <row r="2981" spans="1:5" x14ac:dyDescent="0.4">
      <c r="A2981">
        <v>2634</v>
      </c>
      <c r="B2981">
        <v>0</v>
      </c>
      <c r="C2981">
        <v>91</v>
      </c>
      <c r="D2981" t="s">
        <v>88</v>
      </c>
      <c r="E2981" s="1">
        <v>44601.740277777775</v>
      </c>
    </row>
    <row r="2982" spans="1:5" x14ac:dyDescent="0.4">
      <c r="A2982">
        <v>2635</v>
      </c>
      <c r="B2982">
        <v>0</v>
      </c>
      <c r="C2982">
        <v>92</v>
      </c>
      <c r="D2982" t="s">
        <v>88</v>
      </c>
      <c r="E2982" s="1">
        <v>44601.740277777775</v>
      </c>
    </row>
    <row r="2983" spans="1:5" x14ac:dyDescent="0.4">
      <c r="A2983">
        <v>2636</v>
      </c>
      <c r="B2983">
        <v>0</v>
      </c>
      <c r="C2983">
        <v>93</v>
      </c>
      <c r="D2983" t="s">
        <v>88</v>
      </c>
      <c r="E2983" s="1">
        <v>44601.740277777775</v>
      </c>
    </row>
    <row r="2984" spans="1:5" x14ac:dyDescent="0.4">
      <c r="A2984">
        <v>2637</v>
      </c>
      <c r="B2984">
        <v>0</v>
      </c>
      <c r="C2984">
        <v>94</v>
      </c>
      <c r="D2984" t="s">
        <v>88</v>
      </c>
      <c r="E2984" s="1">
        <v>44601.740277777775</v>
      </c>
    </row>
    <row r="2985" spans="1:5" x14ac:dyDescent="0.4">
      <c r="A2985">
        <v>2638</v>
      </c>
      <c r="B2985">
        <v>0</v>
      </c>
      <c r="C2985">
        <v>95</v>
      </c>
      <c r="D2985" t="s">
        <v>88</v>
      </c>
      <c r="E2985" s="1">
        <v>44601.740277777775</v>
      </c>
    </row>
    <row r="2986" spans="1:5" x14ac:dyDescent="0.4">
      <c r="A2986">
        <v>2639</v>
      </c>
      <c r="B2986">
        <v>0</v>
      </c>
      <c r="C2986">
        <v>96</v>
      </c>
      <c r="D2986" t="s">
        <v>88</v>
      </c>
      <c r="E2986" s="1">
        <v>44601.740277777775</v>
      </c>
    </row>
    <row r="2987" spans="1:5" x14ac:dyDescent="0.4">
      <c r="A2987">
        <v>2640</v>
      </c>
      <c r="B2987">
        <v>0</v>
      </c>
      <c r="C2987">
        <v>97</v>
      </c>
      <c r="D2987" t="s">
        <v>88</v>
      </c>
      <c r="E2987" s="1">
        <v>44601.740277777775</v>
      </c>
    </row>
    <row r="2988" spans="1:5" x14ac:dyDescent="0.4">
      <c r="A2988">
        <v>2641</v>
      </c>
      <c r="B2988">
        <v>0</v>
      </c>
      <c r="C2988">
        <v>98</v>
      </c>
      <c r="D2988" t="s">
        <v>88</v>
      </c>
      <c r="E2988" s="1">
        <v>44601.740277777775</v>
      </c>
    </row>
    <row r="2989" spans="1:5" x14ac:dyDescent="0.4">
      <c r="A2989">
        <v>2642</v>
      </c>
      <c r="B2989">
        <v>0</v>
      </c>
      <c r="C2989">
        <v>99</v>
      </c>
      <c r="D2989" t="s">
        <v>88</v>
      </c>
      <c r="E2989" s="1">
        <v>44601.740277777775</v>
      </c>
    </row>
    <row r="2990" spans="1:5" x14ac:dyDescent="0.4">
      <c r="A2990">
        <v>2643</v>
      </c>
      <c r="B2990">
        <v>0</v>
      </c>
      <c r="C2990">
        <v>100</v>
      </c>
      <c r="D2990" t="s">
        <v>88</v>
      </c>
      <c r="E2990" s="1">
        <v>44601.740277777775</v>
      </c>
    </row>
    <row r="2991" spans="1:5" x14ac:dyDescent="0.4">
      <c r="A2991">
        <v>2644</v>
      </c>
      <c r="B2991">
        <v>0</v>
      </c>
      <c r="C2991">
        <v>101</v>
      </c>
      <c r="D2991" t="s">
        <v>88</v>
      </c>
      <c r="E2991" s="1">
        <v>44601.740277777775</v>
      </c>
    </row>
    <row r="2992" spans="1:5" x14ac:dyDescent="0.4">
      <c r="A2992">
        <v>2645</v>
      </c>
      <c r="B2992">
        <v>0</v>
      </c>
      <c r="C2992">
        <v>102</v>
      </c>
      <c r="D2992" t="s">
        <v>88</v>
      </c>
      <c r="E2992" s="1">
        <v>44601.740277777775</v>
      </c>
    </row>
    <row r="2993" spans="1:5" x14ac:dyDescent="0.4">
      <c r="A2993">
        <v>2646</v>
      </c>
      <c r="B2993">
        <v>0</v>
      </c>
      <c r="C2993">
        <v>103</v>
      </c>
      <c r="D2993" t="s">
        <v>88</v>
      </c>
      <c r="E2993" s="1">
        <v>44601.740277777775</v>
      </c>
    </row>
    <row r="2994" spans="1:5" x14ac:dyDescent="0.4">
      <c r="A2994">
        <v>2647</v>
      </c>
      <c r="B2994">
        <v>0</v>
      </c>
      <c r="C2994">
        <v>104</v>
      </c>
      <c r="D2994" t="s">
        <v>88</v>
      </c>
      <c r="E2994" s="1">
        <v>44601.740277777775</v>
      </c>
    </row>
    <row r="2995" spans="1:5" x14ac:dyDescent="0.4">
      <c r="A2995">
        <v>2648</v>
      </c>
      <c r="B2995">
        <v>0</v>
      </c>
      <c r="C2995">
        <v>105</v>
      </c>
      <c r="D2995" t="s">
        <v>88</v>
      </c>
      <c r="E2995" s="1">
        <v>44601.740277777775</v>
      </c>
    </row>
    <row r="2996" spans="1:5" x14ac:dyDescent="0.4">
      <c r="A2996">
        <v>2649</v>
      </c>
      <c r="B2996">
        <v>0</v>
      </c>
      <c r="C2996">
        <v>106</v>
      </c>
      <c r="D2996" t="s">
        <v>88</v>
      </c>
      <c r="E2996" s="1">
        <v>44601.740277777775</v>
      </c>
    </row>
    <row r="2997" spans="1:5" x14ac:dyDescent="0.4">
      <c r="A2997">
        <v>2650</v>
      </c>
      <c r="B2997">
        <v>0</v>
      </c>
      <c r="C2997">
        <v>107</v>
      </c>
      <c r="D2997" t="s">
        <v>88</v>
      </c>
      <c r="E2997" s="1">
        <v>44601.740277777775</v>
      </c>
    </row>
    <row r="2998" spans="1:5" x14ac:dyDescent="0.4">
      <c r="A2998">
        <v>2651</v>
      </c>
      <c r="B2998">
        <v>0</v>
      </c>
      <c r="C2998">
        <v>108</v>
      </c>
      <c r="D2998" t="s">
        <v>88</v>
      </c>
      <c r="E2998" s="1">
        <v>44601.740277777775</v>
      </c>
    </row>
    <row r="2999" spans="1:5" x14ac:dyDescent="0.4">
      <c r="A2999">
        <v>2652</v>
      </c>
      <c r="B2999">
        <v>0</v>
      </c>
      <c r="C2999">
        <v>109</v>
      </c>
      <c r="D2999" t="s">
        <v>88</v>
      </c>
      <c r="E2999" s="1">
        <v>44601.740277777775</v>
      </c>
    </row>
    <row r="3000" spans="1:5" x14ac:dyDescent="0.4">
      <c r="A3000">
        <v>2653</v>
      </c>
      <c r="B3000">
        <v>0</v>
      </c>
      <c r="C3000">
        <v>110</v>
      </c>
      <c r="D3000" t="s">
        <v>88</v>
      </c>
      <c r="E3000" s="1">
        <v>44601.740277777775</v>
      </c>
    </row>
    <row r="3001" spans="1:5" x14ac:dyDescent="0.4">
      <c r="A3001">
        <v>2654</v>
      </c>
      <c r="B3001">
        <v>0</v>
      </c>
      <c r="C3001">
        <v>111</v>
      </c>
      <c r="D3001" t="s">
        <v>88</v>
      </c>
      <c r="E3001" s="1">
        <v>44601.740277777775</v>
      </c>
    </row>
    <row r="3002" spans="1:5" x14ac:dyDescent="0.4">
      <c r="A3002">
        <v>2655</v>
      </c>
      <c r="B3002">
        <v>0</v>
      </c>
      <c r="C3002">
        <v>112</v>
      </c>
      <c r="D3002" t="s">
        <v>88</v>
      </c>
      <c r="E3002" s="1">
        <v>44601.740277777775</v>
      </c>
    </row>
    <row r="3003" spans="1:5" x14ac:dyDescent="0.4">
      <c r="A3003">
        <v>2656</v>
      </c>
      <c r="B3003">
        <v>0</v>
      </c>
      <c r="C3003">
        <v>113</v>
      </c>
      <c r="D3003" t="s">
        <v>88</v>
      </c>
      <c r="E3003" s="1">
        <v>44601.740277777775</v>
      </c>
    </row>
    <row r="3004" spans="1:5" x14ac:dyDescent="0.4">
      <c r="A3004">
        <v>2657</v>
      </c>
      <c r="B3004">
        <v>0</v>
      </c>
      <c r="C3004">
        <v>114</v>
      </c>
      <c r="D3004" t="s">
        <v>88</v>
      </c>
      <c r="E3004" s="1">
        <v>44601.740277777775</v>
      </c>
    </row>
    <row r="3005" spans="1:5" x14ac:dyDescent="0.4">
      <c r="A3005">
        <v>2658</v>
      </c>
      <c r="B3005">
        <v>0</v>
      </c>
      <c r="C3005">
        <v>115</v>
      </c>
      <c r="D3005" t="s">
        <v>88</v>
      </c>
      <c r="E3005" s="1">
        <v>44601.740277777775</v>
      </c>
    </row>
    <row r="3006" spans="1:5" x14ac:dyDescent="0.4">
      <c r="A3006">
        <v>2659</v>
      </c>
      <c r="B3006">
        <v>0</v>
      </c>
      <c r="C3006">
        <v>116</v>
      </c>
      <c r="D3006" t="s">
        <v>88</v>
      </c>
      <c r="E3006" s="1">
        <v>44601.740277777775</v>
      </c>
    </row>
    <row r="3007" spans="1:5" x14ac:dyDescent="0.4">
      <c r="A3007">
        <v>2660</v>
      </c>
      <c r="B3007">
        <v>0</v>
      </c>
      <c r="C3007">
        <v>121</v>
      </c>
      <c r="D3007" t="s">
        <v>88</v>
      </c>
      <c r="E3007" s="1">
        <v>44601.740277777775</v>
      </c>
    </row>
    <row r="3008" spans="1:5" x14ac:dyDescent="0.4">
      <c r="A3008">
        <v>2661</v>
      </c>
      <c r="B3008">
        <v>0</v>
      </c>
      <c r="C3008">
        <v>122</v>
      </c>
      <c r="D3008" t="s">
        <v>88</v>
      </c>
      <c r="E3008" s="1">
        <v>44601.740277777775</v>
      </c>
    </row>
    <row r="3009" spans="1:5" x14ac:dyDescent="0.4">
      <c r="A3009">
        <v>2662</v>
      </c>
      <c r="B3009">
        <v>0</v>
      </c>
      <c r="C3009">
        <v>123</v>
      </c>
      <c r="D3009" t="s">
        <v>88</v>
      </c>
      <c r="E3009" s="1">
        <v>44601.740277777775</v>
      </c>
    </row>
    <row r="3010" spans="1:5" x14ac:dyDescent="0.4">
      <c r="A3010">
        <v>2663</v>
      </c>
      <c r="B3010">
        <v>0</v>
      </c>
      <c r="C3010">
        <v>124</v>
      </c>
      <c r="D3010" t="s">
        <v>88</v>
      </c>
      <c r="E3010" s="1">
        <v>44601.740277777775</v>
      </c>
    </row>
    <row r="3011" spans="1:5" x14ac:dyDescent="0.4">
      <c r="A3011">
        <v>2664</v>
      </c>
      <c r="B3011">
        <v>0</v>
      </c>
      <c r="C3011">
        <v>125</v>
      </c>
      <c r="D3011" t="s">
        <v>88</v>
      </c>
      <c r="E3011" s="1">
        <v>44601.740277777775</v>
      </c>
    </row>
    <row r="3012" spans="1:5" x14ac:dyDescent="0.4">
      <c r="A3012">
        <v>2665</v>
      </c>
      <c r="B3012">
        <v>0</v>
      </c>
      <c r="C3012">
        <v>126</v>
      </c>
      <c r="D3012" t="s">
        <v>88</v>
      </c>
      <c r="E3012" s="1">
        <v>44601.740277777775</v>
      </c>
    </row>
    <row r="3013" spans="1:5" x14ac:dyDescent="0.4">
      <c r="A3013">
        <v>2666</v>
      </c>
      <c r="B3013">
        <v>0</v>
      </c>
      <c r="C3013">
        <v>131</v>
      </c>
      <c r="D3013" t="s">
        <v>88</v>
      </c>
      <c r="E3013" s="1">
        <v>44601.740277777775</v>
      </c>
    </row>
    <row r="3014" spans="1:5" x14ac:dyDescent="0.4">
      <c r="A3014">
        <v>2667</v>
      </c>
      <c r="B3014">
        <v>0</v>
      </c>
      <c r="C3014">
        <v>141</v>
      </c>
      <c r="D3014" t="s">
        <v>88</v>
      </c>
      <c r="E3014" s="1">
        <v>44601.740277777775</v>
      </c>
    </row>
    <row r="3015" spans="1:5" x14ac:dyDescent="0.4">
      <c r="A3015">
        <v>2668</v>
      </c>
      <c r="B3015">
        <v>0</v>
      </c>
      <c r="C3015">
        <v>142</v>
      </c>
      <c r="D3015" t="s">
        <v>88</v>
      </c>
      <c r="E3015" s="1">
        <v>44601.740277777775</v>
      </c>
    </row>
    <row r="3016" spans="1:5" x14ac:dyDescent="0.4">
      <c r="A3016">
        <v>2669</v>
      </c>
      <c r="B3016">
        <v>0</v>
      </c>
      <c r="C3016">
        <v>143</v>
      </c>
      <c r="D3016" t="s">
        <v>88</v>
      </c>
      <c r="E3016" s="1">
        <v>44601.740277777775</v>
      </c>
    </row>
    <row r="3017" spans="1:5" x14ac:dyDescent="0.4">
      <c r="A3017">
        <v>2670</v>
      </c>
      <c r="B3017">
        <v>0</v>
      </c>
      <c r="C3017">
        <v>144</v>
      </c>
      <c r="D3017" t="s">
        <v>88</v>
      </c>
      <c r="E3017" s="1">
        <v>44601.740277777775</v>
      </c>
    </row>
    <row r="3018" spans="1:5" x14ac:dyDescent="0.4">
      <c r="A3018">
        <v>2671</v>
      </c>
      <c r="B3018">
        <v>0</v>
      </c>
      <c r="C3018">
        <v>145</v>
      </c>
      <c r="D3018" t="s">
        <v>88</v>
      </c>
      <c r="E3018" s="1">
        <v>44601.740277777775</v>
      </c>
    </row>
    <row r="3019" spans="1:5" x14ac:dyDescent="0.4">
      <c r="A3019">
        <v>2672</v>
      </c>
      <c r="B3019">
        <v>0</v>
      </c>
      <c r="C3019">
        <v>146</v>
      </c>
      <c r="D3019" t="s">
        <v>88</v>
      </c>
      <c r="E3019" s="1">
        <v>44601.740277777775</v>
      </c>
    </row>
    <row r="3020" spans="1:5" x14ac:dyDescent="0.4">
      <c r="A3020">
        <v>2673</v>
      </c>
      <c r="B3020">
        <v>0</v>
      </c>
      <c r="C3020">
        <v>147</v>
      </c>
      <c r="D3020" t="s">
        <v>88</v>
      </c>
      <c r="E3020" s="1">
        <v>44601.740277777775</v>
      </c>
    </row>
    <row r="3021" spans="1:5" x14ac:dyDescent="0.4">
      <c r="A3021">
        <v>2674</v>
      </c>
      <c r="B3021">
        <v>0</v>
      </c>
      <c r="C3021">
        <v>161</v>
      </c>
      <c r="D3021" t="s">
        <v>88</v>
      </c>
      <c r="E3021" s="1">
        <v>44601.740277777775</v>
      </c>
    </row>
    <row r="3022" spans="1:5" x14ac:dyDescent="0.4">
      <c r="A3022">
        <v>2675</v>
      </c>
      <c r="B3022">
        <v>0</v>
      </c>
      <c r="C3022">
        <v>162</v>
      </c>
      <c r="D3022" t="s">
        <v>88</v>
      </c>
      <c r="E3022" s="1">
        <v>44601.740277777775</v>
      </c>
    </row>
    <row r="3023" spans="1:5" x14ac:dyDescent="0.4">
      <c r="A3023">
        <v>2676</v>
      </c>
      <c r="B3023">
        <v>0</v>
      </c>
      <c r="C3023">
        <v>163</v>
      </c>
      <c r="D3023" t="s">
        <v>88</v>
      </c>
      <c r="E3023" s="1">
        <v>44601.740277777775</v>
      </c>
    </row>
    <row r="3024" spans="1:5" x14ac:dyDescent="0.4">
      <c r="A3024">
        <v>2677</v>
      </c>
      <c r="B3024">
        <v>0</v>
      </c>
      <c r="C3024">
        <v>164</v>
      </c>
      <c r="D3024" t="s">
        <v>88</v>
      </c>
      <c r="E3024" s="1">
        <v>44601.740277777775</v>
      </c>
    </row>
    <row r="3025" spans="1:5" x14ac:dyDescent="0.4">
      <c r="A3025">
        <v>2678</v>
      </c>
      <c r="B3025">
        <v>0</v>
      </c>
      <c r="C3025">
        <v>165</v>
      </c>
      <c r="D3025" t="s">
        <v>88</v>
      </c>
      <c r="E3025" s="1">
        <v>44601.740277777775</v>
      </c>
    </row>
    <row r="3026" spans="1:5" x14ac:dyDescent="0.4">
      <c r="A3026">
        <v>2679</v>
      </c>
      <c r="B3026">
        <v>0</v>
      </c>
      <c r="C3026">
        <v>166</v>
      </c>
      <c r="D3026" t="s">
        <v>88</v>
      </c>
      <c r="E3026" s="1">
        <v>44601.740277777775</v>
      </c>
    </row>
    <row r="3027" spans="1:5" x14ac:dyDescent="0.4">
      <c r="A3027">
        <v>2680</v>
      </c>
      <c r="B3027">
        <v>0</v>
      </c>
      <c r="C3027">
        <v>167</v>
      </c>
      <c r="D3027" t="s">
        <v>88</v>
      </c>
      <c r="E3027" s="1">
        <v>44601.740277777775</v>
      </c>
    </row>
    <row r="3028" spans="1:5" x14ac:dyDescent="0.4">
      <c r="A3028">
        <v>2681</v>
      </c>
      <c r="B3028">
        <v>0</v>
      </c>
      <c r="C3028">
        <v>168</v>
      </c>
      <c r="D3028" t="s">
        <v>88</v>
      </c>
      <c r="E3028" s="1">
        <v>44601.740277777775</v>
      </c>
    </row>
    <row r="3029" spans="1:5" x14ac:dyDescent="0.4">
      <c r="A3029">
        <v>2682</v>
      </c>
      <c r="B3029">
        <v>0</v>
      </c>
      <c r="C3029">
        <v>169</v>
      </c>
      <c r="D3029" t="s">
        <v>88</v>
      </c>
      <c r="E3029" s="1">
        <v>44601.740277777775</v>
      </c>
    </row>
    <row r="3030" spans="1:5" x14ac:dyDescent="0.4">
      <c r="A3030">
        <v>2683</v>
      </c>
      <c r="B3030">
        <v>0</v>
      </c>
      <c r="C3030">
        <v>170</v>
      </c>
      <c r="D3030" t="s">
        <v>88</v>
      </c>
      <c r="E3030" s="1">
        <v>44601.740277777775</v>
      </c>
    </row>
    <row r="3031" spans="1:5" x14ac:dyDescent="0.4">
      <c r="A3031">
        <v>2684</v>
      </c>
      <c r="B3031">
        <v>0</v>
      </c>
      <c r="C3031">
        <v>171</v>
      </c>
      <c r="D3031" t="s">
        <v>88</v>
      </c>
      <c r="E3031" s="1">
        <v>44601.740277777775</v>
      </c>
    </row>
    <row r="3032" spans="1:5" x14ac:dyDescent="0.4">
      <c r="A3032">
        <v>2685</v>
      </c>
      <c r="B3032">
        <v>0</v>
      </c>
      <c r="C3032">
        <v>172</v>
      </c>
      <c r="D3032" t="s">
        <v>88</v>
      </c>
      <c r="E3032" s="1">
        <v>44601.740277777775</v>
      </c>
    </row>
    <row r="3033" spans="1:5" x14ac:dyDescent="0.4">
      <c r="A3033">
        <v>2686</v>
      </c>
      <c r="B3033">
        <v>0</v>
      </c>
      <c r="C3033">
        <v>173</v>
      </c>
      <c r="D3033" t="s">
        <v>88</v>
      </c>
      <c r="E3033" s="1">
        <v>44601.740277777775</v>
      </c>
    </row>
    <row r="3034" spans="1:5" x14ac:dyDescent="0.4">
      <c r="A3034">
        <v>2687</v>
      </c>
      <c r="B3034">
        <v>0</v>
      </c>
      <c r="C3034">
        <v>174</v>
      </c>
      <c r="D3034" t="s">
        <v>88</v>
      </c>
      <c r="E3034" s="1">
        <v>44601.740277777775</v>
      </c>
    </row>
    <row r="3035" spans="1:5" x14ac:dyDescent="0.4">
      <c r="A3035">
        <v>2688</v>
      </c>
      <c r="B3035">
        <v>0</v>
      </c>
      <c r="C3035">
        <v>175</v>
      </c>
      <c r="D3035" t="s">
        <v>88</v>
      </c>
      <c r="E3035" s="1">
        <v>44601.740277777775</v>
      </c>
    </row>
    <row r="3036" spans="1:5" x14ac:dyDescent="0.4">
      <c r="A3036">
        <v>2689</v>
      </c>
      <c r="B3036">
        <v>0</v>
      </c>
      <c r="C3036">
        <v>181</v>
      </c>
      <c r="D3036" t="s">
        <v>88</v>
      </c>
      <c r="E3036" s="1">
        <v>44601.740277777775</v>
      </c>
    </row>
    <row r="3037" spans="1:5" x14ac:dyDescent="0.4">
      <c r="A3037">
        <v>2690</v>
      </c>
      <c r="B3037">
        <v>0</v>
      </c>
      <c r="C3037">
        <v>182</v>
      </c>
      <c r="D3037" t="s">
        <v>88</v>
      </c>
      <c r="E3037" s="1">
        <v>44601.740277777775</v>
      </c>
    </row>
    <row r="3038" spans="1:5" x14ac:dyDescent="0.4">
      <c r="A3038">
        <v>2691</v>
      </c>
      <c r="B3038">
        <v>0</v>
      </c>
      <c r="C3038">
        <v>183</v>
      </c>
      <c r="D3038" t="s">
        <v>88</v>
      </c>
      <c r="E3038" s="1">
        <v>44601.740277777775</v>
      </c>
    </row>
    <row r="3039" spans="1:5" x14ac:dyDescent="0.4">
      <c r="A3039">
        <v>2692</v>
      </c>
      <c r="B3039">
        <v>0</v>
      </c>
      <c r="C3039">
        <v>184</v>
      </c>
      <c r="D3039" t="s">
        <v>88</v>
      </c>
      <c r="E3039" s="1">
        <v>44601.740277777775</v>
      </c>
    </row>
    <row r="3040" spans="1:5" x14ac:dyDescent="0.4">
      <c r="A3040">
        <v>2693</v>
      </c>
      <c r="B3040">
        <v>0</v>
      </c>
      <c r="C3040">
        <v>185</v>
      </c>
      <c r="D3040" t="s">
        <v>88</v>
      </c>
      <c r="E3040" s="1">
        <v>44601.740277777775</v>
      </c>
    </row>
    <row r="3041" spans="1:5" x14ac:dyDescent="0.4">
      <c r="A3041">
        <v>2694</v>
      </c>
      <c r="B3041">
        <v>0</v>
      </c>
      <c r="C3041">
        <v>186</v>
      </c>
      <c r="D3041" t="s">
        <v>88</v>
      </c>
      <c r="E3041" s="1">
        <v>44601.740277777775</v>
      </c>
    </row>
    <row r="3042" spans="1:5" x14ac:dyDescent="0.4">
      <c r="A3042">
        <v>2695</v>
      </c>
      <c r="B3042">
        <v>0</v>
      </c>
      <c r="C3042">
        <v>190</v>
      </c>
      <c r="D3042" t="s">
        <v>88</v>
      </c>
      <c r="E3042" s="1">
        <v>44601.740277777775</v>
      </c>
    </row>
    <row r="3043" spans="1:5" x14ac:dyDescent="0.4">
      <c r="A3043">
        <v>2696</v>
      </c>
      <c r="B3043">
        <v>0</v>
      </c>
      <c r="C3043">
        <v>191</v>
      </c>
      <c r="D3043" t="s">
        <v>88</v>
      </c>
      <c r="E3043" s="1">
        <v>44601.740277777775</v>
      </c>
    </row>
    <row r="3044" spans="1:5" x14ac:dyDescent="0.4">
      <c r="A3044">
        <v>2697</v>
      </c>
      <c r="B3044">
        <v>0</v>
      </c>
      <c r="C3044">
        <v>192</v>
      </c>
      <c r="D3044" t="s">
        <v>88</v>
      </c>
      <c r="E3044" s="1">
        <v>44601.740277777775</v>
      </c>
    </row>
    <row r="3045" spans="1:5" x14ac:dyDescent="0.4">
      <c r="A3045">
        <v>2698</v>
      </c>
      <c r="B3045">
        <v>0</v>
      </c>
      <c r="C3045">
        <v>193</v>
      </c>
      <c r="D3045" t="s">
        <v>88</v>
      </c>
      <c r="E3045" s="1">
        <v>44601.740277777775</v>
      </c>
    </row>
    <row r="3046" spans="1:5" x14ac:dyDescent="0.4">
      <c r="A3046">
        <v>2699</v>
      </c>
      <c r="B3046">
        <v>0</v>
      </c>
      <c r="C3046">
        <v>194</v>
      </c>
      <c r="D3046" t="s">
        <v>88</v>
      </c>
      <c r="E3046" s="1">
        <v>44601.740277777775</v>
      </c>
    </row>
    <row r="3047" spans="1:5" x14ac:dyDescent="0.4">
      <c r="A3047">
        <v>2700</v>
      </c>
      <c r="B3047">
        <v>0</v>
      </c>
      <c r="C3047">
        <v>195</v>
      </c>
      <c r="D3047" t="s">
        <v>88</v>
      </c>
      <c r="E3047" s="1">
        <v>44601.740277777775</v>
      </c>
    </row>
    <row r="3048" spans="1:5" x14ac:dyDescent="0.4">
      <c r="A3048">
        <v>2701</v>
      </c>
      <c r="B3048">
        <v>0</v>
      </c>
      <c r="C3048">
        <v>301</v>
      </c>
      <c r="D3048" t="s">
        <v>88</v>
      </c>
      <c r="E3048" s="1">
        <v>44601.740277777775</v>
      </c>
    </row>
    <row r="3049" spans="1:5" x14ac:dyDescent="0.4">
      <c r="A3049">
        <v>2702</v>
      </c>
      <c r="B3049">
        <v>0</v>
      </c>
      <c r="C3049">
        <v>302</v>
      </c>
      <c r="D3049" t="s">
        <v>88</v>
      </c>
      <c r="E3049" s="1">
        <v>44601.740277777775</v>
      </c>
    </row>
    <row r="3050" spans="1:5" x14ac:dyDescent="0.4">
      <c r="A3050">
        <v>2703</v>
      </c>
      <c r="B3050">
        <v>0</v>
      </c>
      <c r="C3050">
        <v>321</v>
      </c>
      <c r="D3050" t="s">
        <v>88</v>
      </c>
      <c r="E3050" s="1">
        <v>44601.740277777775</v>
      </c>
    </row>
    <row r="3051" spans="1:5" x14ac:dyDescent="0.4">
      <c r="A3051">
        <v>2704</v>
      </c>
      <c r="B3051">
        <v>0</v>
      </c>
      <c r="C3051">
        <v>322</v>
      </c>
      <c r="D3051" t="s">
        <v>88</v>
      </c>
      <c r="E3051" s="1">
        <v>44601.740277777775</v>
      </c>
    </row>
    <row r="3052" spans="1:5" x14ac:dyDescent="0.4">
      <c r="A3052">
        <v>2705</v>
      </c>
      <c r="B3052">
        <v>0</v>
      </c>
      <c r="C3052">
        <v>323</v>
      </c>
      <c r="D3052" t="s">
        <v>88</v>
      </c>
      <c r="E3052" s="1">
        <v>44601.740277777775</v>
      </c>
    </row>
    <row r="3053" spans="1:5" x14ac:dyDescent="0.4">
      <c r="A3053">
        <v>2706</v>
      </c>
      <c r="B3053">
        <v>0</v>
      </c>
      <c r="C3053">
        <v>324</v>
      </c>
      <c r="D3053" t="s">
        <v>88</v>
      </c>
      <c r="E3053" s="1">
        <v>44601.740277777775</v>
      </c>
    </row>
    <row r="3054" spans="1:5" x14ac:dyDescent="0.4">
      <c r="A3054">
        <v>2707</v>
      </c>
      <c r="B3054">
        <v>0</v>
      </c>
      <c r="C3054">
        <v>325</v>
      </c>
      <c r="D3054" t="s">
        <v>88</v>
      </c>
      <c r="E3054" s="1">
        <v>44601.740277777775</v>
      </c>
    </row>
    <row r="3055" spans="1:5" x14ac:dyDescent="0.4">
      <c r="A3055">
        <v>2708</v>
      </c>
      <c r="B3055">
        <v>0</v>
      </c>
      <c r="C3055">
        <v>326</v>
      </c>
      <c r="D3055" t="s">
        <v>88</v>
      </c>
      <c r="E3055" s="1">
        <v>44601.740277777775</v>
      </c>
    </row>
    <row r="3056" spans="1:5" x14ac:dyDescent="0.4">
      <c r="A3056">
        <v>2709</v>
      </c>
      <c r="B3056">
        <v>0</v>
      </c>
      <c r="C3056">
        <v>327</v>
      </c>
      <c r="D3056" t="s">
        <v>88</v>
      </c>
      <c r="E3056" s="1">
        <v>44601.740277777775</v>
      </c>
    </row>
    <row r="3057" spans="1:5" x14ac:dyDescent="0.4">
      <c r="A3057">
        <v>2710</v>
      </c>
      <c r="B3057">
        <v>0</v>
      </c>
      <c r="C3057">
        <v>328</v>
      </c>
      <c r="D3057" t="s">
        <v>88</v>
      </c>
      <c r="E3057" s="1">
        <v>44601.740277777775</v>
      </c>
    </row>
    <row r="3058" spans="1:5" x14ac:dyDescent="0.4">
      <c r="A3058">
        <v>2711</v>
      </c>
      <c r="B3058">
        <v>0</v>
      </c>
      <c r="C3058">
        <v>329</v>
      </c>
      <c r="D3058" t="s">
        <v>88</v>
      </c>
      <c r="E3058" s="1">
        <v>44601.740277777775</v>
      </c>
    </row>
    <row r="3059" spans="1:5" x14ac:dyDescent="0.4">
      <c r="A3059">
        <v>2712</v>
      </c>
      <c r="B3059">
        <v>0</v>
      </c>
      <c r="C3059">
        <v>330</v>
      </c>
      <c r="D3059" t="s">
        <v>88</v>
      </c>
      <c r="E3059" s="1">
        <v>44601.740277777775</v>
      </c>
    </row>
    <row r="3060" spans="1:5" x14ac:dyDescent="0.4">
      <c r="A3060">
        <v>2713</v>
      </c>
      <c r="B3060">
        <v>0</v>
      </c>
      <c r="C3060">
        <v>331</v>
      </c>
      <c r="D3060" t="s">
        <v>88</v>
      </c>
      <c r="E3060" s="1">
        <v>44601.740277777775</v>
      </c>
    </row>
    <row r="3061" spans="1:5" x14ac:dyDescent="0.4">
      <c r="A3061">
        <v>2714</v>
      </c>
      <c r="B3061">
        <v>0</v>
      </c>
      <c r="C3061">
        <v>332</v>
      </c>
      <c r="D3061" t="s">
        <v>88</v>
      </c>
      <c r="E3061" s="1">
        <v>44601.740277777775</v>
      </c>
    </row>
    <row r="3062" spans="1:5" x14ac:dyDescent="0.4">
      <c r="A3062">
        <v>2715</v>
      </c>
      <c r="B3062">
        <v>0</v>
      </c>
      <c r="C3062">
        <v>333</v>
      </c>
      <c r="D3062" t="s">
        <v>88</v>
      </c>
      <c r="E3062" s="1">
        <v>44601.740277777775</v>
      </c>
    </row>
    <row r="3063" spans="1:5" x14ac:dyDescent="0.4">
      <c r="A3063">
        <v>2716</v>
      </c>
      <c r="B3063">
        <v>0</v>
      </c>
      <c r="C3063">
        <v>341</v>
      </c>
      <c r="D3063" t="s">
        <v>88</v>
      </c>
      <c r="E3063" s="1">
        <v>44601.740277777775</v>
      </c>
    </row>
    <row r="3064" spans="1:5" x14ac:dyDescent="0.4">
      <c r="A3064">
        <v>2717</v>
      </c>
      <c r="B3064">
        <v>0</v>
      </c>
      <c r="C3064">
        <v>342</v>
      </c>
      <c r="D3064" t="s">
        <v>88</v>
      </c>
      <c r="E3064" s="1">
        <v>44601.740277777775</v>
      </c>
    </row>
    <row r="3065" spans="1:5" x14ac:dyDescent="0.4">
      <c r="A3065">
        <v>2718</v>
      </c>
      <c r="B3065">
        <v>0</v>
      </c>
      <c r="C3065">
        <v>343</v>
      </c>
      <c r="D3065" t="s">
        <v>88</v>
      </c>
      <c r="E3065" s="1">
        <v>44601.740277777775</v>
      </c>
    </row>
    <row r="3066" spans="1:5" x14ac:dyDescent="0.4">
      <c r="A3066">
        <v>2719</v>
      </c>
      <c r="B3066">
        <v>0</v>
      </c>
      <c r="C3066">
        <v>344</v>
      </c>
      <c r="D3066" t="s">
        <v>88</v>
      </c>
      <c r="E3066" s="1">
        <v>44601.740277777775</v>
      </c>
    </row>
    <row r="3067" spans="1:5" x14ac:dyDescent="0.4">
      <c r="A3067">
        <v>2720</v>
      </c>
      <c r="B3067">
        <v>0</v>
      </c>
      <c r="C3067">
        <v>345</v>
      </c>
      <c r="D3067" t="s">
        <v>88</v>
      </c>
      <c r="E3067" s="1">
        <v>44601.740277777775</v>
      </c>
    </row>
    <row r="3068" spans="1:5" x14ac:dyDescent="0.4">
      <c r="A3068">
        <v>2721</v>
      </c>
      <c r="B3068">
        <v>0</v>
      </c>
      <c r="C3068">
        <v>346</v>
      </c>
      <c r="D3068" t="s">
        <v>88</v>
      </c>
      <c r="E3068" s="1">
        <v>44601.740277777775</v>
      </c>
    </row>
    <row r="3069" spans="1:5" x14ac:dyDescent="0.4">
      <c r="A3069">
        <v>2722</v>
      </c>
      <c r="B3069">
        <v>0</v>
      </c>
      <c r="C3069">
        <v>361</v>
      </c>
      <c r="D3069" t="s">
        <v>88</v>
      </c>
      <c r="E3069" s="1">
        <v>44601.740277777775</v>
      </c>
    </row>
    <row r="3070" spans="1:5" x14ac:dyDescent="0.4">
      <c r="A3070">
        <v>2723</v>
      </c>
      <c r="B3070">
        <v>0</v>
      </c>
      <c r="C3070">
        <v>362</v>
      </c>
      <c r="D3070" t="s">
        <v>88</v>
      </c>
      <c r="E3070" s="1">
        <v>44601.740277777775</v>
      </c>
    </row>
    <row r="3071" spans="1:5" x14ac:dyDescent="0.4">
      <c r="A3071">
        <v>2724</v>
      </c>
      <c r="B3071">
        <v>0</v>
      </c>
      <c r="C3071">
        <v>363</v>
      </c>
      <c r="D3071" t="s">
        <v>88</v>
      </c>
      <c r="E3071" s="1">
        <v>44601.740277777775</v>
      </c>
    </row>
    <row r="3072" spans="1:5" x14ac:dyDescent="0.4">
      <c r="A3072">
        <v>2725</v>
      </c>
      <c r="B3072">
        <v>0</v>
      </c>
      <c r="C3072">
        <v>364</v>
      </c>
      <c r="D3072" t="s">
        <v>88</v>
      </c>
      <c r="E3072" s="1">
        <v>44601.740277777775</v>
      </c>
    </row>
    <row r="3073" spans="1:5" x14ac:dyDescent="0.4">
      <c r="A3073">
        <v>2726</v>
      </c>
      <c r="B3073">
        <v>0</v>
      </c>
      <c r="C3073">
        <v>365</v>
      </c>
      <c r="D3073" t="s">
        <v>88</v>
      </c>
      <c r="E3073" s="1">
        <v>44601.740277777775</v>
      </c>
    </row>
    <row r="3074" spans="1:5" x14ac:dyDescent="0.4">
      <c r="A3074">
        <v>2727</v>
      </c>
      <c r="B3074">
        <v>0</v>
      </c>
      <c r="C3074">
        <v>366</v>
      </c>
      <c r="D3074" t="s">
        <v>88</v>
      </c>
      <c r="E3074" s="1">
        <v>44601.740277777775</v>
      </c>
    </row>
    <row r="3075" spans="1:5" x14ac:dyDescent="0.4">
      <c r="A3075">
        <v>2728</v>
      </c>
      <c r="B3075">
        <v>0</v>
      </c>
      <c r="C3075">
        <v>367</v>
      </c>
      <c r="D3075" t="s">
        <v>88</v>
      </c>
      <c r="E3075" s="1">
        <v>44601.740277777775</v>
      </c>
    </row>
    <row r="3076" spans="1:5" x14ac:dyDescent="0.4">
      <c r="A3076">
        <v>2729</v>
      </c>
      <c r="B3076">
        <v>0</v>
      </c>
      <c r="C3076">
        <v>368</v>
      </c>
      <c r="D3076" t="s">
        <v>88</v>
      </c>
      <c r="E3076" s="1">
        <v>44601.740277777775</v>
      </c>
    </row>
    <row r="3077" spans="1:5" x14ac:dyDescent="0.4">
      <c r="A3077">
        <v>2730</v>
      </c>
      <c r="B3077">
        <v>0</v>
      </c>
      <c r="C3077">
        <v>369</v>
      </c>
      <c r="D3077" t="s">
        <v>88</v>
      </c>
      <c r="E3077" s="1">
        <v>44601.740277777775</v>
      </c>
    </row>
    <row r="3078" spans="1:5" x14ac:dyDescent="0.4">
      <c r="A3078">
        <v>2731</v>
      </c>
      <c r="B3078">
        <v>0</v>
      </c>
      <c r="C3078">
        <v>370</v>
      </c>
      <c r="D3078" t="s">
        <v>88</v>
      </c>
      <c r="E3078" s="1">
        <v>44601.740277777775</v>
      </c>
    </row>
    <row r="3079" spans="1:5" x14ac:dyDescent="0.4">
      <c r="A3079">
        <v>2732</v>
      </c>
      <c r="B3079">
        <v>0</v>
      </c>
      <c r="C3079">
        <v>371</v>
      </c>
      <c r="D3079" t="s">
        <v>88</v>
      </c>
      <c r="E3079" s="1">
        <v>44601.740277777775</v>
      </c>
    </row>
    <row r="3080" spans="1:5" x14ac:dyDescent="0.4">
      <c r="A3080">
        <v>2733</v>
      </c>
      <c r="B3080">
        <v>0</v>
      </c>
      <c r="C3080">
        <v>372</v>
      </c>
      <c r="D3080" t="s">
        <v>88</v>
      </c>
      <c r="E3080" s="1">
        <v>44601.740277777775</v>
      </c>
    </row>
    <row r="3081" spans="1:5" x14ac:dyDescent="0.4">
      <c r="A3081">
        <v>2734</v>
      </c>
      <c r="B3081">
        <v>0</v>
      </c>
      <c r="C3081">
        <v>373</v>
      </c>
      <c r="D3081" t="s">
        <v>88</v>
      </c>
      <c r="E3081" s="1">
        <v>44601.740277777775</v>
      </c>
    </row>
    <row r="3082" spans="1:5" x14ac:dyDescent="0.4">
      <c r="A3082">
        <v>2735</v>
      </c>
      <c r="B3082">
        <v>0</v>
      </c>
      <c r="C3082">
        <v>381</v>
      </c>
      <c r="D3082" t="s">
        <v>88</v>
      </c>
      <c r="E3082" s="1">
        <v>44601.740277777775</v>
      </c>
    </row>
    <row r="3083" spans="1:5" x14ac:dyDescent="0.4">
      <c r="A3083">
        <v>2736</v>
      </c>
      <c r="B3083">
        <v>0</v>
      </c>
      <c r="C3083">
        <v>382</v>
      </c>
      <c r="D3083" t="s">
        <v>88</v>
      </c>
      <c r="E3083" s="1">
        <v>44601.740277777775</v>
      </c>
    </row>
    <row r="3084" spans="1:5" x14ac:dyDescent="0.4">
      <c r="A3084">
        <v>2737</v>
      </c>
      <c r="B3084">
        <v>0</v>
      </c>
      <c r="C3084">
        <v>383</v>
      </c>
      <c r="D3084" t="s">
        <v>88</v>
      </c>
      <c r="E3084" s="1">
        <v>44601.740277777775</v>
      </c>
    </row>
    <row r="3085" spans="1:5" x14ac:dyDescent="0.4">
      <c r="A3085">
        <v>2738</v>
      </c>
      <c r="B3085">
        <v>0</v>
      </c>
      <c r="C3085">
        <v>384</v>
      </c>
      <c r="D3085" t="s">
        <v>88</v>
      </c>
      <c r="E3085" s="1">
        <v>44601.740277777775</v>
      </c>
    </row>
    <row r="3086" spans="1:5" x14ac:dyDescent="0.4">
      <c r="A3086">
        <v>2739</v>
      </c>
      <c r="B3086">
        <v>0</v>
      </c>
      <c r="C3086">
        <v>385</v>
      </c>
      <c r="D3086" t="s">
        <v>88</v>
      </c>
      <c r="E3086" s="1">
        <v>44601.740277777775</v>
      </c>
    </row>
    <row r="3087" spans="1:5" x14ac:dyDescent="0.4">
      <c r="A3087">
        <v>2740</v>
      </c>
      <c r="B3087">
        <v>0</v>
      </c>
      <c r="C3087">
        <v>386</v>
      </c>
      <c r="D3087" t="s">
        <v>88</v>
      </c>
      <c r="E3087" s="1">
        <v>44601.740277777775</v>
      </c>
    </row>
    <row r="3088" spans="1:5" x14ac:dyDescent="0.4">
      <c r="A3088">
        <v>2741</v>
      </c>
      <c r="B3088">
        <v>0</v>
      </c>
      <c r="C3088">
        <v>391</v>
      </c>
      <c r="D3088" t="s">
        <v>88</v>
      </c>
      <c r="E3088" s="1">
        <v>44601.740277777775</v>
      </c>
    </row>
    <row r="3089" spans="1:5" x14ac:dyDescent="0.4">
      <c r="A3089">
        <v>2742</v>
      </c>
      <c r="B3089">
        <v>0</v>
      </c>
      <c r="C3089">
        <v>392</v>
      </c>
      <c r="D3089" t="s">
        <v>88</v>
      </c>
      <c r="E3089" s="1">
        <v>44601.740277777775</v>
      </c>
    </row>
    <row r="3090" spans="1:5" x14ac:dyDescent="0.4">
      <c r="A3090">
        <v>2743</v>
      </c>
      <c r="B3090">
        <v>0</v>
      </c>
      <c r="C3090">
        <v>393</v>
      </c>
      <c r="D3090" t="s">
        <v>88</v>
      </c>
      <c r="E3090" s="1">
        <v>44601.740277777775</v>
      </c>
    </row>
    <row r="3091" spans="1:5" x14ac:dyDescent="0.4">
      <c r="A3091">
        <v>2744</v>
      </c>
      <c r="B3091">
        <v>0</v>
      </c>
      <c r="C3091">
        <v>395</v>
      </c>
      <c r="D3091" t="s">
        <v>88</v>
      </c>
      <c r="E3091" s="1">
        <v>44601.740277777775</v>
      </c>
    </row>
    <row r="3092" spans="1:5" x14ac:dyDescent="0.4">
      <c r="A3092">
        <v>2745</v>
      </c>
      <c r="B3092">
        <v>0</v>
      </c>
      <c r="C3092">
        <v>396</v>
      </c>
      <c r="D3092" t="s">
        <v>88</v>
      </c>
      <c r="E3092" s="1">
        <v>44601.740277777775</v>
      </c>
    </row>
    <row r="3093" spans="1:5" x14ac:dyDescent="0.4">
      <c r="A3093">
        <v>2746</v>
      </c>
      <c r="B3093">
        <v>0</v>
      </c>
      <c r="C3093">
        <v>401</v>
      </c>
      <c r="D3093" t="s">
        <v>88</v>
      </c>
      <c r="E3093" s="1">
        <v>44601.740277777775</v>
      </c>
    </row>
    <row r="3094" spans="1:5" x14ac:dyDescent="0.4">
      <c r="A3094">
        <v>2747</v>
      </c>
      <c r="B3094">
        <v>0</v>
      </c>
      <c r="C3094">
        <v>402</v>
      </c>
      <c r="D3094" t="s">
        <v>88</v>
      </c>
      <c r="E3094" s="1">
        <v>44601.740277777775</v>
      </c>
    </row>
    <row r="3095" spans="1:5" x14ac:dyDescent="0.4">
      <c r="A3095">
        <v>2748</v>
      </c>
      <c r="B3095">
        <v>0</v>
      </c>
      <c r="C3095">
        <v>403</v>
      </c>
      <c r="D3095" t="s">
        <v>88</v>
      </c>
      <c r="E3095" s="1">
        <v>44601.740277777775</v>
      </c>
    </row>
    <row r="3096" spans="1:5" x14ac:dyDescent="0.4">
      <c r="A3096">
        <v>2749</v>
      </c>
      <c r="B3096">
        <v>0</v>
      </c>
      <c r="C3096">
        <v>404</v>
      </c>
      <c r="D3096" t="s">
        <v>88</v>
      </c>
      <c r="E3096" s="1">
        <v>44601.740277777775</v>
      </c>
    </row>
    <row r="3097" spans="1:5" x14ac:dyDescent="0.4">
      <c r="A3097">
        <v>2750</v>
      </c>
      <c r="B3097">
        <v>0</v>
      </c>
      <c r="C3097">
        <v>405</v>
      </c>
      <c r="D3097" t="s">
        <v>88</v>
      </c>
      <c r="E3097" s="1">
        <v>44601.740277777775</v>
      </c>
    </row>
    <row r="3098" spans="1:5" x14ac:dyDescent="0.4">
      <c r="A3098">
        <v>2751</v>
      </c>
      <c r="B3098">
        <v>0</v>
      </c>
      <c r="C3098">
        <v>406</v>
      </c>
      <c r="D3098" t="s">
        <v>88</v>
      </c>
      <c r="E3098" s="1">
        <v>44601.740277777775</v>
      </c>
    </row>
    <row r="3099" spans="1:5" x14ac:dyDescent="0.4">
      <c r="A3099">
        <v>2752</v>
      </c>
      <c r="B3099">
        <v>0</v>
      </c>
      <c r="C3099">
        <v>411</v>
      </c>
      <c r="D3099" t="s">
        <v>88</v>
      </c>
      <c r="E3099" s="1">
        <v>44601.740277777775</v>
      </c>
    </row>
    <row r="3100" spans="1:5" x14ac:dyDescent="0.4">
      <c r="A3100">
        <v>2753</v>
      </c>
      <c r="B3100">
        <v>0</v>
      </c>
      <c r="C3100">
        <v>412</v>
      </c>
      <c r="D3100" t="s">
        <v>88</v>
      </c>
      <c r="E3100" s="1">
        <v>44601.740277777775</v>
      </c>
    </row>
    <row r="3101" spans="1:5" x14ac:dyDescent="0.4">
      <c r="A3101">
        <v>2754</v>
      </c>
      <c r="B3101">
        <v>0</v>
      </c>
      <c r="C3101">
        <v>413</v>
      </c>
      <c r="D3101" t="s">
        <v>88</v>
      </c>
      <c r="E3101" s="1">
        <v>44601.740277777775</v>
      </c>
    </row>
    <row r="3102" spans="1:5" x14ac:dyDescent="0.4">
      <c r="A3102">
        <v>2755</v>
      </c>
      <c r="B3102">
        <v>0</v>
      </c>
      <c r="C3102">
        <v>414</v>
      </c>
      <c r="D3102" t="s">
        <v>88</v>
      </c>
      <c r="E3102" s="1">
        <v>44601.740277777775</v>
      </c>
    </row>
    <row r="3103" spans="1:5" x14ac:dyDescent="0.4">
      <c r="A3103">
        <v>2756</v>
      </c>
      <c r="B3103">
        <v>0</v>
      </c>
      <c r="C3103">
        <v>421</v>
      </c>
      <c r="D3103" t="s">
        <v>88</v>
      </c>
      <c r="E3103" s="1">
        <v>44601.740277777775</v>
      </c>
    </row>
    <row r="3104" spans="1:5" x14ac:dyDescent="0.4">
      <c r="A3104">
        <v>2757</v>
      </c>
      <c r="B3104">
        <v>0</v>
      </c>
      <c r="C3104">
        <v>422</v>
      </c>
      <c r="D3104" t="s">
        <v>88</v>
      </c>
      <c r="E3104" s="1">
        <v>44601.740277777775</v>
      </c>
    </row>
    <row r="3105" spans="1:5" x14ac:dyDescent="0.4">
      <c r="A3105">
        <v>2758</v>
      </c>
      <c r="B3105">
        <v>0</v>
      </c>
      <c r="C3105">
        <v>431</v>
      </c>
      <c r="D3105" t="s">
        <v>88</v>
      </c>
      <c r="E3105" s="1">
        <v>44601.740277777775</v>
      </c>
    </row>
    <row r="3106" spans="1:5" x14ac:dyDescent="0.4">
      <c r="A3106">
        <v>2759</v>
      </c>
      <c r="B3106">
        <v>0</v>
      </c>
      <c r="C3106">
        <v>432</v>
      </c>
      <c r="D3106" t="s">
        <v>88</v>
      </c>
      <c r="E3106" s="1">
        <v>44601.740277777775</v>
      </c>
    </row>
    <row r="3107" spans="1:5" x14ac:dyDescent="0.4">
      <c r="A3107">
        <v>2760</v>
      </c>
      <c r="B3107">
        <v>0</v>
      </c>
      <c r="C3107">
        <v>433</v>
      </c>
      <c r="D3107" t="s">
        <v>88</v>
      </c>
      <c r="E3107" s="1">
        <v>44601.740277777775</v>
      </c>
    </row>
    <row r="3108" spans="1:5" x14ac:dyDescent="0.4">
      <c r="A3108">
        <v>2761</v>
      </c>
      <c r="B3108">
        <v>1</v>
      </c>
      <c r="C3108">
        <v>1</v>
      </c>
      <c r="D3108" t="s">
        <v>88</v>
      </c>
      <c r="E3108" s="1">
        <v>44601.748993055553</v>
      </c>
    </row>
    <row r="3109" spans="1:5" x14ac:dyDescent="0.4">
      <c r="A3109">
        <v>2762</v>
      </c>
      <c r="B3109">
        <v>0</v>
      </c>
      <c r="C3109">
        <v>2</v>
      </c>
      <c r="D3109" t="s">
        <v>88</v>
      </c>
      <c r="E3109" s="1">
        <v>44601.748993055553</v>
      </c>
    </row>
    <row r="3110" spans="1:5" x14ac:dyDescent="0.4">
      <c r="A3110">
        <v>2763</v>
      </c>
      <c r="B3110">
        <v>0</v>
      </c>
      <c r="C3110">
        <v>3</v>
      </c>
      <c r="D3110" t="s">
        <v>88</v>
      </c>
      <c r="E3110" s="1">
        <v>44601.748993055553</v>
      </c>
    </row>
    <row r="3111" spans="1:5" x14ac:dyDescent="0.4">
      <c r="A3111">
        <v>2764</v>
      </c>
      <c r="B3111">
        <v>0</v>
      </c>
      <c r="C3111">
        <v>4</v>
      </c>
      <c r="D3111" t="s">
        <v>88</v>
      </c>
      <c r="E3111" s="1">
        <v>44601.748993055553</v>
      </c>
    </row>
    <row r="3112" spans="1:5" x14ac:dyDescent="0.4">
      <c r="A3112">
        <v>2765</v>
      </c>
      <c r="B3112">
        <v>0</v>
      </c>
      <c r="C3112">
        <v>5</v>
      </c>
      <c r="D3112" t="s">
        <v>88</v>
      </c>
      <c r="E3112" s="1">
        <v>44601.748993055553</v>
      </c>
    </row>
    <row r="3113" spans="1:5" x14ac:dyDescent="0.4">
      <c r="A3113">
        <v>2766</v>
      </c>
      <c r="B3113">
        <v>0</v>
      </c>
      <c r="C3113">
        <v>11</v>
      </c>
      <c r="D3113" t="s">
        <v>88</v>
      </c>
      <c r="E3113" s="1">
        <v>44601.748993055553</v>
      </c>
    </row>
    <row r="3114" spans="1:5" x14ac:dyDescent="0.4">
      <c r="A3114">
        <v>2767</v>
      </c>
      <c r="B3114">
        <v>0</v>
      </c>
      <c r="C3114">
        <v>12</v>
      </c>
      <c r="D3114" t="s">
        <v>88</v>
      </c>
      <c r="E3114" s="1">
        <v>44601.748993055553</v>
      </c>
    </row>
    <row r="3115" spans="1:5" x14ac:dyDescent="0.4">
      <c r="A3115">
        <v>2768</v>
      </c>
      <c r="B3115">
        <v>0</v>
      </c>
      <c r="C3115">
        <v>15</v>
      </c>
      <c r="D3115" t="s">
        <v>88</v>
      </c>
      <c r="E3115" s="1">
        <v>44601.748993055553</v>
      </c>
    </row>
    <row r="3116" spans="1:5" x14ac:dyDescent="0.4">
      <c r="A3116">
        <v>2769</v>
      </c>
      <c r="B3116">
        <v>0</v>
      </c>
      <c r="C3116">
        <v>16</v>
      </c>
      <c r="D3116" t="s">
        <v>88</v>
      </c>
      <c r="E3116" s="1">
        <v>44601.748993055553</v>
      </c>
    </row>
    <row r="3117" spans="1:5" x14ac:dyDescent="0.4">
      <c r="A3117">
        <v>2770</v>
      </c>
      <c r="B3117">
        <v>0</v>
      </c>
      <c r="C3117">
        <v>17</v>
      </c>
      <c r="D3117" t="s">
        <v>88</v>
      </c>
      <c r="E3117" s="1">
        <v>44601.748993055553</v>
      </c>
    </row>
    <row r="3118" spans="1:5" x14ac:dyDescent="0.4">
      <c r="A3118">
        <v>2771</v>
      </c>
      <c r="B3118">
        <v>0</v>
      </c>
      <c r="C3118">
        <v>21</v>
      </c>
      <c r="D3118" t="s">
        <v>88</v>
      </c>
      <c r="E3118" s="1">
        <v>44601.748993055553</v>
      </c>
    </row>
    <row r="3119" spans="1:5" x14ac:dyDescent="0.4">
      <c r="A3119">
        <v>2772</v>
      </c>
      <c r="B3119">
        <v>0</v>
      </c>
      <c r="C3119">
        <v>22</v>
      </c>
      <c r="D3119" t="s">
        <v>88</v>
      </c>
      <c r="E3119" s="1">
        <v>44601.748993055553</v>
      </c>
    </row>
    <row r="3120" spans="1:5" x14ac:dyDescent="0.4">
      <c r="A3120">
        <v>2773</v>
      </c>
      <c r="B3120">
        <v>0</v>
      </c>
      <c r="C3120">
        <v>23</v>
      </c>
      <c r="D3120" t="s">
        <v>88</v>
      </c>
      <c r="E3120" s="1">
        <v>44601.748993055553</v>
      </c>
    </row>
    <row r="3121" spans="1:5" x14ac:dyDescent="0.4">
      <c r="A3121">
        <v>2774</v>
      </c>
      <c r="B3121">
        <v>0</v>
      </c>
      <c r="C3121">
        <v>24</v>
      </c>
      <c r="D3121" t="s">
        <v>88</v>
      </c>
      <c r="E3121" s="1">
        <v>44601.748993055553</v>
      </c>
    </row>
    <row r="3122" spans="1:5" x14ac:dyDescent="0.4">
      <c r="A3122">
        <v>2775</v>
      </c>
      <c r="B3122">
        <v>0</v>
      </c>
      <c r="C3122">
        <v>25</v>
      </c>
      <c r="D3122" t="s">
        <v>88</v>
      </c>
      <c r="E3122" s="1">
        <v>44601.748993055553</v>
      </c>
    </row>
    <row r="3123" spans="1:5" x14ac:dyDescent="0.4">
      <c r="A3123">
        <v>2776</v>
      </c>
      <c r="B3123">
        <v>0</v>
      </c>
      <c r="C3123">
        <v>26</v>
      </c>
      <c r="D3123" t="s">
        <v>88</v>
      </c>
      <c r="E3123" s="1">
        <v>44601.748993055553</v>
      </c>
    </row>
    <row r="3124" spans="1:5" x14ac:dyDescent="0.4">
      <c r="A3124">
        <v>2777</v>
      </c>
      <c r="B3124">
        <v>0</v>
      </c>
      <c r="C3124">
        <v>27</v>
      </c>
      <c r="D3124" t="s">
        <v>88</v>
      </c>
      <c r="E3124" s="1">
        <v>44601.748993055553</v>
      </c>
    </row>
    <row r="3125" spans="1:5" x14ac:dyDescent="0.4">
      <c r="A3125">
        <v>2778</v>
      </c>
      <c r="B3125">
        <v>0</v>
      </c>
      <c r="C3125">
        <v>28</v>
      </c>
      <c r="D3125" t="s">
        <v>88</v>
      </c>
      <c r="E3125" s="1">
        <v>44601.748993055553</v>
      </c>
    </row>
    <row r="3126" spans="1:5" x14ac:dyDescent="0.4">
      <c r="A3126">
        <v>2779</v>
      </c>
      <c r="B3126">
        <v>0</v>
      </c>
      <c r="C3126">
        <v>29</v>
      </c>
      <c r="D3126" t="s">
        <v>88</v>
      </c>
      <c r="E3126" s="1">
        <v>44601.748993055553</v>
      </c>
    </row>
    <row r="3127" spans="1:5" x14ac:dyDescent="0.4">
      <c r="A3127">
        <v>2780</v>
      </c>
      <c r="B3127">
        <v>0</v>
      </c>
      <c r="C3127">
        <v>30</v>
      </c>
      <c r="D3127" t="s">
        <v>88</v>
      </c>
      <c r="E3127" s="1">
        <v>44601.748993055553</v>
      </c>
    </row>
    <row r="3128" spans="1:5" x14ac:dyDescent="0.4">
      <c r="A3128">
        <v>2781</v>
      </c>
      <c r="B3128">
        <v>0</v>
      </c>
      <c r="C3128">
        <v>31</v>
      </c>
      <c r="D3128" t="s">
        <v>88</v>
      </c>
      <c r="E3128" s="1">
        <v>44601.748993055553</v>
      </c>
    </row>
    <row r="3129" spans="1:5" x14ac:dyDescent="0.4">
      <c r="A3129">
        <v>2782</v>
      </c>
      <c r="B3129">
        <v>0</v>
      </c>
      <c r="C3129">
        <v>32</v>
      </c>
      <c r="D3129" t="s">
        <v>88</v>
      </c>
      <c r="E3129" s="1">
        <v>44601.748993055553</v>
      </c>
    </row>
    <row r="3130" spans="1:5" x14ac:dyDescent="0.4">
      <c r="A3130">
        <v>2783</v>
      </c>
      <c r="B3130">
        <v>0</v>
      </c>
      <c r="C3130">
        <v>33</v>
      </c>
      <c r="D3130" t="s">
        <v>88</v>
      </c>
      <c r="E3130" s="1">
        <v>44601.748993055553</v>
      </c>
    </row>
    <row r="3131" spans="1:5" x14ac:dyDescent="0.4">
      <c r="A3131">
        <v>2784</v>
      </c>
      <c r="B3131">
        <v>0</v>
      </c>
      <c r="C3131">
        <v>41</v>
      </c>
      <c r="D3131" t="s">
        <v>88</v>
      </c>
      <c r="E3131" s="1">
        <v>44601.748993055553</v>
      </c>
    </row>
    <row r="3132" spans="1:5" x14ac:dyDescent="0.4">
      <c r="A3132">
        <v>2785</v>
      </c>
      <c r="B3132">
        <v>0</v>
      </c>
      <c r="C3132">
        <v>42</v>
      </c>
      <c r="D3132" t="s">
        <v>88</v>
      </c>
      <c r="E3132" s="1">
        <v>44601.748993055553</v>
      </c>
    </row>
    <row r="3133" spans="1:5" x14ac:dyDescent="0.4">
      <c r="A3133">
        <v>2786</v>
      </c>
      <c r="B3133">
        <v>0</v>
      </c>
      <c r="C3133">
        <v>43</v>
      </c>
      <c r="D3133" t="s">
        <v>88</v>
      </c>
      <c r="E3133" s="1">
        <v>44601.748993055553</v>
      </c>
    </row>
    <row r="3134" spans="1:5" x14ac:dyDescent="0.4">
      <c r="A3134">
        <v>2787</v>
      </c>
      <c r="B3134">
        <v>0</v>
      </c>
      <c r="C3134">
        <v>44</v>
      </c>
      <c r="D3134" t="s">
        <v>88</v>
      </c>
      <c r="E3134" s="1">
        <v>44601.748993055553</v>
      </c>
    </row>
    <row r="3135" spans="1:5" x14ac:dyDescent="0.4">
      <c r="A3135">
        <v>2788</v>
      </c>
      <c r="B3135">
        <v>0</v>
      </c>
      <c r="C3135">
        <v>45</v>
      </c>
      <c r="D3135" t="s">
        <v>88</v>
      </c>
      <c r="E3135" s="1">
        <v>44601.748993055553</v>
      </c>
    </row>
    <row r="3136" spans="1:5" x14ac:dyDescent="0.4">
      <c r="A3136">
        <v>2789</v>
      </c>
      <c r="B3136">
        <v>0</v>
      </c>
      <c r="C3136">
        <v>46</v>
      </c>
      <c r="D3136" t="s">
        <v>88</v>
      </c>
      <c r="E3136" s="1">
        <v>44601.748993055553</v>
      </c>
    </row>
    <row r="3137" spans="1:5" x14ac:dyDescent="0.4">
      <c r="A3137">
        <v>2790</v>
      </c>
      <c r="B3137">
        <v>0</v>
      </c>
      <c r="C3137">
        <v>47</v>
      </c>
      <c r="D3137" t="s">
        <v>88</v>
      </c>
      <c r="E3137" s="1">
        <v>44601.748993055553</v>
      </c>
    </row>
    <row r="3138" spans="1:5" x14ac:dyDescent="0.4">
      <c r="A3138">
        <v>2791</v>
      </c>
      <c r="B3138">
        <v>0</v>
      </c>
      <c r="C3138">
        <v>48</v>
      </c>
      <c r="D3138" t="s">
        <v>88</v>
      </c>
      <c r="E3138" s="1">
        <v>44601.748993055553</v>
      </c>
    </row>
    <row r="3139" spans="1:5" x14ac:dyDescent="0.4">
      <c r="A3139">
        <v>2792</v>
      </c>
      <c r="B3139">
        <v>0</v>
      </c>
      <c r="C3139">
        <v>49</v>
      </c>
      <c r="D3139" t="s">
        <v>88</v>
      </c>
      <c r="E3139" s="1">
        <v>44601.748993055553</v>
      </c>
    </row>
    <row r="3140" spans="1:5" x14ac:dyDescent="0.4">
      <c r="A3140">
        <v>2793</v>
      </c>
      <c r="B3140">
        <v>0</v>
      </c>
      <c r="C3140">
        <v>50</v>
      </c>
      <c r="D3140" t="s">
        <v>88</v>
      </c>
      <c r="E3140" s="1">
        <v>44601.748993055553</v>
      </c>
    </row>
    <row r="3141" spans="1:5" x14ac:dyDescent="0.4">
      <c r="A3141">
        <v>2794</v>
      </c>
      <c r="B3141">
        <v>0</v>
      </c>
      <c r="C3141">
        <v>51</v>
      </c>
      <c r="D3141" t="s">
        <v>88</v>
      </c>
      <c r="E3141" s="1">
        <v>44601.748993055553</v>
      </c>
    </row>
    <row r="3142" spans="1:5" x14ac:dyDescent="0.4">
      <c r="A3142">
        <v>2795</v>
      </c>
      <c r="B3142">
        <v>0</v>
      </c>
      <c r="C3142">
        <v>52</v>
      </c>
      <c r="D3142" t="s">
        <v>88</v>
      </c>
      <c r="E3142" s="1">
        <v>44601.748993055553</v>
      </c>
    </row>
    <row r="3143" spans="1:5" x14ac:dyDescent="0.4">
      <c r="A3143">
        <v>2796</v>
      </c>
      <c r="B3143">
        <v>0</v>
      </c>
      <c r="C3143">
        <v>53</v>
      </c>
      <c r="D3143" t="s">
        <v>88</v>
      </c>
      <c r="E3143" s="1">
        <v>44601.748993055553</v>
      </c>
    </row>
    <row r="3144" spans="1:5" x14ac:dyDescent="0.4">
      <c r="A3144">
        <v>2797</v>
      </c>
      <c r="B3144">
        <v>0</v>
      </c>
      <c r="C3144">
        <v>54</v>
      </c>
      <c r="D3144" t="s">
        <v>88</v>
      </c>
      <c r="E3144" s="1">
        <v>44601.748993055553</v>
      </c>
    </row>
    <row r="3145" spans="1:5" x14ac:dyDescent="0.4">
      <c r="A3145">
        <v>2798</v>
      </c>
      <c r="B3145">
        <v>0</v>
      </c>
      <c r="C3145">
        <v>55</v>
      </c>
      <c r="D3145" t="s">
        <v>88</v>
      </c>
      <c r="E3145" s="1">
        <v>44601.748993055553</v>
      </c>
    </row>
    <row r="3146" spans="1:5" x14ac:dyDescent="0.4">
      <c r="A3146">
        <v>2799</v>
      </c>
      <c r="B3146">
        <v>0</v>
      </c>
      <c r="C3146">
        <v>61</v>
      </c>
      <c r="D3146" t="s">
        <v>88</v>
      </c>
      <c r="E3146" s="1">
        <v>44601.748993055553</v>
      </c>
    </row>
    <row r="3147" spans="1:5" x14ac:dyDescent="0.4">
      <c r="A3147">
        <v>2800</v>
      </c>
      <c r="B3147">
        <v>0</v>
      </c>
      <c r="C3147">
        <v>62</v>
      </c>
      <c r="D3147" t="s">
        <v>88</v>
      </c>
      <c r="E3147" s="1">
        <v>44601.748993055553</v>
      </c>
    </row>
    <row r="3148" spans="1:5" x14ac:dyDescent="0.4">
      <c r="A3148">
        <v>2801</v>
      </c>
      <c r="B3148">
        <v>0</v>
      </c>
      <c r="C3148">
        <v>63</v>
      </c>
      <c r="D3148" t="s">
        <v>88</v>
      </c>
      <c r="E3148" s="1">
        <v>44601.748993055553</v>
      </c>
    </row>
    <row r="3149" spans="1:5" x14ac:dyDescent="0.4">
      <c r="A3149">
        <v>2802</v>
      </c>
      <c r="B3149">
        <v>0</v>
      </c>
      <c r="C3149">
        <v>64</v>
      </c>
      <c r="D3149" t="s">
        <v>88</v>
      </c>
      <c r="E3149" s="1">
        <v>44601.748993055553</v>
      </c>
    </row>
    <row r="3150" spans="1:5" x14ac:dyDescent="0.4">
      <c r="A3150">
        <v>2803</v>
      </c>
      <c r="B3150">
        <v>0</v>
      </c>
      <c r="C3150">
        <v>65</v>
      </c>
      <c r="D3150" t="s">
        <v>88</v>
      </c>
      <c r="E3150" s="1">
        <v>44601.748993055553</v>
      </c>
    </row>
    <row r="3151" spans="1:5" x14ac:dyDescent="0.4">
      <c r="A3151">
        <v>2804</v>
      </c>
      <c r="B3151">
        <v>0</v>
      </c>
      <c r="C3151">
        <v>66</v>
      </c>
      <c r="D3151" t="s">
        <v>88</v>
      </c>
      <c r="E3151" s="1">
        <v>44601.748993055553</v>
      </c>
    </row>
    <row r="3152" spans="1:5" x14ac:dyDescent="0.4">
      <c r="A3152">
        <v>2805</v>
      </c>
      <c r="B3152">
        <v>0</v>
      </c>
      <c r="C3152">
        <v>67</v>
      </c>
      <c r="D3152" t="s">
        <v>88</v>
      </c>
      <c r="E3152" s="1">
        <v>44601.748993055553</v>
      </c>
    </row>
    <row r="3153" spans="1:5" x14ac:dyDescent="0.4">
      <c r="A3153">
        <v>2806</v>
      </c>
      <c r="B3153">
        <v>0</v>
      </c>
      <c r="C3153">
        <v>68</v>
      </c>
      <c r="D3153" t="s">
        <v>88</v>
      </c>
      <c r="E3153" s="1">
        <v>44601.748993055553</v>
      </c>
    </row>
    <row r="3154" spans="1:5" x14ac:dyDescent="0.4">
      <c r="A3154">
        <v>2807</v>
      </c>
      <c r="B3154">
        <v>0</v>
      </c>
      <c r="C3154">
        <v>69</v>
      </c>
      <c r="D3154" t="s">
        <v>88</v>
      </c>
      <c r="E3154" s="1">
        <v>44601.748993055553</v>
      </c>
    </row>
    <row r="3155" spans="1:5" x14ac:dyDescent="0.4">
      <c r="A3155">
        <v>2808</v>
      </c>
      <c r="B3155">
        <v>0</v>
      </c>
      <c r="C3155">
        <v>70</v>
      </c>
      <c r="D3155" t="s">
        <v>88</v>
      </c>
      <c r="E3155" s="1">
        <v>44601.748993055553</v>
      </c>
    </row>
    <row r="3156" spans="1:5" x14ac:dyDescent="0.4">
      <c r="A3156">
        <v>2809</v>
      </c>
      <c r="B3156">
        <v>0</v>
      </c>
      <c r="C3156">
        <v>71</v>
      </c>
      <c r="D3156" t="s">
        <v>88</v>
      </c>
      <c r="E3156" s="1">
        <v>44601.748993055553</v>
      </c>
    </row>
    <row r="3157" spans="1:5" x14ac:dyDescent="0.4">
      <c r="A3157">
        <v>2810</v>
      </c>
      <c r="B3157">
        <v>0</v>
      </c>
      <c r="C3157">
        <v>72</v>
      </c>
      <c r="D3157" t="s">
        <v>88</v>
      </c>
      <c r="E3157" s="1">
        <v>44601.748993055553</v>
      </c>
    </row>
    <row r="3158" spans="1:5" x14ac:dyDescent="0.4">
      <c r="A3158">
        <v>2811</v>
      </c>
      <c r="B3158">
        <v>0</v>
      </c>
      <c r="C3158">
        <v>73</v>
      </c>
      <c r="D3158" t="s">
        <v>88</v>
      </c>
      <c r="E3158" s="1">
        <v>44601.748993055553</v>
      </c>
    </row>
    <row r="3159" spans="1:5" x14ac:dyDescent="0.4">
      <c r="A3159">
        <v>2812</v>
      </c>
      <c r="B3159">
        <v>0</v>
      </c>
      <c r="C3159">
        <v>74</v>
      </c>
      <c r="D3159" t="s">
        <v>88</v>
      </c>
      <c r="E3159" s="1">
        <v>44601.748993055553</v>
      </c>
    </row>
    <row r="3160" spans="1:5" x14ac:dyDescent="0.4">
      <c r="A3160">
        <v>2813</v>
      </c>
      <c r="B3160">
        <v>0</v>
      </c>
      <c r="C3160">
        <v>75</v>
      </c>
      <c r="D3160" t="s">
        <v>88</v>
      </c>
      <c r="E3160" s="1">
        <v>44601.748993055553</v>
      </c>
    </row>
    <row r="3161" spans="1:5" x14ac:dyDescent="0.4">
      <c r="A3161">
        <v>2814</v>
      </c>
      <c r="B3161">
        <v>0</v>
      </c>
      <c r="C3161">
        <v>76</v>
      </c>
      <c r="D3161" t="s">
        <v>88</v>
      </c>
      <c r="E3161" s="1">
        <v>44601.748993055553</v>
      </c>
    </row>
    <row r="3162" spans="1:5" x14ac:dyDescent="0.4">
      <c r="A3162">
        <v>2815</v>
      </c>
      <c r="B3162">
        <v>0</v>
      </c>
      <c r="C3162">
        <v>77</v>
      </c>
      <c r="D3162" t="s">
        <v>88</v>
      </c>
      <c r="E3162" s="1">
        <v>44601.748993055553</v>
      </c>
    </row>
    <row r="3163" spans="1:5" x14ac:dyDescent="0.4">
      <c r="A3163">
        <v>2816</v>
      </c>
      <c r="B3163">
        <v>0</v>
      </c>
      <c r="C3163">
        <v>78</v>
      </c>
      <c r="D3163" t="s">
        <v>88</v>
      </c>
      <c r="E3163" s="1">
        <v>44601.748993055553</v>
      </c>
    </row>
    <row r="3164" spans="1:5" x14ac:dyDescent="0.4">
      <c r="A3164">
        <v>2817</v>
      </c>
      <c r="B3164">
        <v>0</v>
      </c>
      <c r="C3164">
        <v>79</v>
      </c>
      <c r="D3164" t="s">
        <v>88</v>
      </c>
      <c r="E3164" s="1">
        <v>44601.748993055553</v>
      </c>
    </row>
    <row r="3165" spans="1:5" x14ac:dyDescent="0.4">
      <c r="A3165">
        <v>2818</v>
      </c>
      <c r="B3165">
        <v>0</v>
      </c>
      <c r="C3165">
        <v>91</v>
      </c>
      <c r="D3165" t="s">
        <v>88</v>
      </c>
      <c r="E3165" s="1">
        <v>44601.748993055553</v>
      </c>
    </row>
    <row r="3166" spans="1:5" x14ac:dyDescent="0.4">
      <c r="A3166">
        <v>2819</v>
      </c>
      <c r="B3166">
        <v>0</v>
      </c>
      <c r="C3166">
        <v>92</v>
      </c>
      <c r="D3166" t="s">
        <v>88</v>
      </c>
      <c r="E3166" s="1">
        <v>44601.748993055553</v>
      </c>
    </row>
    <row r="3167" spans="1:5" x14ac:dyDescent="0.4">
      <c r="A3167">
        <v>2820</v>
      </c>
      <c r="B3167">
        <v>0</v>
      </c>
      <c r="C3167">
        <v>93</v>
      </c>
      <c r="D3167" t="s">
        <v>88</v>
      </c>
      <c r="E3167" s="1">
        <v>44601.748993055553</v>
      </c>
    </row>
    <row r="3168" spans="1:5" x14ac:dyDescent="0.4">
      <c r="A3168">
        <v>2821</v>
      </c>
      <c r="B3168">
        <v>0</v>
      </c>
      <c r="C3168">
        <v>94</v>
      </c>
      <c r="D3168" t="s">
        <v>88</v>
      </c>
      <c r="E3168" s="1">
        <v>44601.748993055553</v>
      </c>
    </row>
    <row r="3169" spans="1:5" x14ac:dyDescent="0.4">
      <c r="A3169">
        <v>2822</v>
      </c>
      <c r="B3169">
        <v>0</v>
      </c>
      <c r="C3169">
        <v>95</v>
      </c>
      <c r="D3169" t="s">
        <v>88</v>
      </c>
      <c r="E3169" s="1">
        <v>44601.748993055553</v>
      </c>
    </row>
    <row r="3170" spans="1:5" x14ac:dyDescent="0.4">
      <c r="A3170">
        <v>2823</v>
      </c>
      <c r="B3170">
        <v>0</v>
      </c>
      <c r="C3170">
        <v>96</v>
      </c>
      <c r="D3170" t="s">
        <v>88</v>
      </c>
      <c r="E3170" s="1">
        <v>44601.748993055553</v>
      </c>
    </row>
    <row r="3171" spans="1:5" x14ac:dyDescent="0.4">
      <c r="A3171">
        <v>2824</v>
      </c>
      <c r="B3171">
        <v>0</v>
      </c>
      <c r="C3171">
        <v>97</v>
      </c>
      <c r="D3171" t="s">
        <v>88</v>
      </c>
      <c r="E3171" s="1">
        <v>44601.748993055553</v>
      </c>
    </row>
    <row r="3172" spans="1:5" x14ac:dyDescent="0.4">
      <c r="A3172">
        <v>2825</v>
      </c>
      <c r="B3172">
        <v>0</v>
      </c>
      <c r="C3172">
        <v>98</v>
      </c>
      <c r="D3172" t="s">
        <v>88</v>
      </c>
      <c r="E3172" s="1">
        <v>44601.748993055553</v>
      </c>
    </row>
    <row r="3173" spans="1:5" x14ac:dyDescent="0.4">
      <c r="A3173">
        <v>2826</v>
      </c>
      <c r="B3173">
        <v>0</v>
      </c>
      <c r="C3173">
        <v>99</v>
      </c>
      <c r="D3173" t="s">
        <v>88</v>
      </c>
      <c r="E3173" s="1">
        <v>44601.748993055553</v>
      </c>
    </row>
    <row r="3174" spans="1:5" x14ac:dyDescent="0.4">
      <c r="A3174">
        <v>2827</v>
      </c>
      <c r="B3174">
        <v>0</v>
      </c>
      <c r="C3174">
        <v>100</v>
      </c>
      <c r="D3174" t="s">
        <v>88</v>
      </c>
      <c r="E3174" s="1">
        <v>44601.748993055553</v>
      </c>
    </row>
    <row r="3175" spans="1:5" x14ac:dyDescent="0.4">
      <c r="A3175">
        <v>2828</v>
      </c>
      <c r="B3175">
        <v>0</v>
      </c>
      <c r="C3175">
        <v>101</v>
      </c>
      <c r="D3175" t="s">
        <v>88</v>
      </c>
      <c r="E3175" s="1">
        <v>44601.748993055553</v>
      </c>
    </row>
    <row r="3176" spans="1:5" x14ac:dyDescent="0.4">
      <c r="A3176">
        <v>2829</v>
      </c>
      <c r="B3176">
        <v>0</v>
      </c>
      <c r="C3176">
        <v>102</v>
      </c>
      <c r="D3176" t="s">
        <v>88</v>
      </c>
      <c r="E3176" s="1">
        <v>44601.748993055553</v>
      </c>
    </row>
    <row r="3177" spans="1:5" x14ac:dyDescent="0.4">
      <c r="A3177">
        <v>2830</v>
      </c>
      <c r="B3177">
        <v>0</v>
      </c>
      <c r="C3177">
        <v>103</v>
      </c>
      <c r="D3177" t="s">
        <v>88</v>
      </c>
      <c r="E3177" s="1">
        <v>44601.748993055553</v>
      </c>
    </row>
    <row r="3178" spans="1:5" x14ac:dyDescent="0.4">
      <c r="A3178">
        <v>2831</v>
      </c>
      <c r="B3178">
        <v>0</v>
      </c>
      <c r="C3178">
        <v>104</v>
      </c>
      <c r="D3178" t="s">
        <v>88</v>
      </c>
      <c r="E3178" s="1">
        <v>44601.748993055553</v>
      </c>
    </row>
    <row r="3179" spans="1:5" x14ac:dyDescent="0.4">
      <c r="A3179">
        <v>2832</v>
      </c>
      <c r="B3179">
        <v>0</v>
      </c>
      <c r="C3179">
        <v>105</v>
      </c>
      <c r="D3179" t="s">
        <v>88</v>
      </c>
      <c r="E3179" s="1">
        <v>44601.748993055553</v>
      </c>
    </row>
    <row r="3180" spans="1:5" x14ac:dyDescent="0.4">
      <c r="A3180">
        <v>2833</v>
      </c>
      <c r="B3180">
        <v>0</v>
      </c>
      <c r="C3180">
        <v>106</v>
      </c>
      <c r="D3180" t="s">
        <v>88</v>
      </c>
      <c r="E3180" s="1">
        <v>44601.748993055553</v>
      </c>
    </row>
    <row r="3181" spans="1:5" x14ac:dyDescent="0.4">
      <c r="A3181">
        <v>2834</v>
      </c>
      <c r="B3181">
        <v>0</v>
      </c>
      <c r="C3181">
        <v>107</v>
      </c>
      <c r="D3181" t="s">
        <v>88</v>
      </c>
      <c r="E3181" s="1">
        <v>44601.748993055553</v>
      </c>
    </row>
    <row r="3182" spans="1:5" x14ac:dyDescent="0.4">
      <c r="A3182">
        <v>2835</v>
      </c>
      <c r="B3182">
        <v>0</v>
      </c>
      <c r="C3182">
        <v>108</v>
      </c>
      <c r="D3182" t="s">
        <v>88</v>
      </c>
      <c r="E3182" s="1">
        <v>44601.748993055553</v>
      </c>
    </row>
    <row r="3183" spans="1:5" x14ac:dyDescent="0.4">
      <c r="A3183">
        <v>2836</v>
      </c>
      <c r="B3183">
        <v>0</v>
      </c>
      <c r="C3183">
        <v>109</v>
      </c>
      <c r="D3183" t="s">
        <v>88</v>
      </c>
      <c r="E3183" s="1">
        <v>44601.748993055553</v>
      </c>
    </row>
    <row r="3184" spans="1:5" x14ac:dyDescent="0.4">
      <c r="A3184">
        <v>2837</v>
      </c>
      <c r="B3184">
        <v>0</v>
      </c>
      <c r="C3184">
        <v>110</v>
      </c>
      <c r="D3184" t="s">
        <v>88</v>
      </c>
      <c r="E3184" s="1">
        <v>44601.748993055553</v>
      </c>
    </row>
    <row r="3185" spans="1:5" x14ac:dyDescent="0.4">
      <c r="A3185">
        <v>2838</v>
      </c>
      <c r="B3185">
        <v>0</v>
      </c>
      <c r="C3185">
        <v>111</v>
      </c>
      <c r="D3185" t="s">
        <v>88</v>
      </c>
      <c r="E3185" s="1">
        <v>44601.748993055553</v>
      </c>
    </row>
    <row r="3186" spans="1:5" x14ac:dyDescent="0.4">
      <c r="A3186">
        <v>2839</v>
      </c>
      <c r="B3186">
        <v>0</v>
      </c>
      <c r="C3186">
        <v>112</v>
      </c>
      <c r="D3186" t="s">
        <v>88</v>
      </c>
      <c r="E3186" s="1">
        <v>44601.748993055553</v>
      </c>
    </row>
    <row r="3187" spans="1:5" x14ac:dyDescent="0.4">
      <c r="A3187">
        <v>2840</v>
      </c>
      <c r="B3187">
        <v>0</v>
      </c>
      <c r="C3187">
        <v>113</v>
      </c>
      <c r="D3187" t="s">
        <v>88</v>
      </c>
      <c r="E3187" s="1">
        <v>44601.748993055553</v>
      </c>
    </row>
    <row r="3188" spans="1:5" x14ac:dyDescent="0.4">
      <c r="A3188">
        <v>2841</v>
      </c>
      <c r="B3188">
        <v>0</v>
      </c>
      <c r="C3188">
        <v>114</v>
      </c>
      <c r="D3188" t="s">
        <v>88</v>
      </c>
      <c r="E3188" s="1">
        <v>44601.748993055553</v>
      </c>
    </row>
    <row r="3189" spans="1:5" x14ac:dyDescent="0.4">
      <c r="A3189">
        <v>2842</v>
      </c>
      <c r="B3189">
        <v>0</v>
      </c>
      <c r="C3189">
        <v>115</v>
      </c>
      <c r="D3189" t="s">
        <v>88</v>
      </c>
      <c r="E3189" s="1">
        <v>44601.748993055553</v>
      </c>
    </row>
    <row r="3190" spans="1:5" x14ac:dyDescent="0.4">
      <c r="A3190">
        <v>2843</v>
      </c>
      <c r="B3190">
        <v>0</v>
      </c>
      <c r="C3190">
        <v>116</v>
      </c>
      <c r="D3190" t="s">
        <v>88</v>
      </c>
      <c r="E3190" s="1">
        <v>44601.748993055553</v>
      </c>
    </row>
    <row r="3191" spans="1:5" x14ac:dyDescent="0.4">
      <c r="A3191">
        <v>2844</v>
      </c>
      <c r="B3191">
        <v>0</v>
      </c>
      <c r="C3191">
        <v>121</v>
      </c>
      <c r="D3191" t="s">
        <v>88</v>
      </c>
      <c r="E3191" s="1">
        <v>44601.748993055553</v>
      </c>
    </row>
    <row r="3192" spans="1:5" x14ac:dyDescent="0.4">
      <c r="A3192">
        <v>2845</v>
      </c>
      <c r="B3192">
        <v>0</v>
      </c>
      <c r="C3192">
        <v>122</v>
      </c>
      <c r="D3192" t="s">
        <v>88</v>
      </c>
      <c r="E3192" s="1">
        <v>44601.748993055553</v>
      </c>
    </row>
    <row r="3193" spans="1:5" x14ac:dyDescent="0.4">
      <c r="A3193">
        <v>2846</v>
      </c>
      <c r="B3193">
        <v>0</v>
      </c>
      <c r="C3193">
        <v>123</v>
      </c>
      <c r="D3193" t="s">
        <v>88</v>
      </c>
      <c r="E3193" s="1">
        <v>44601.748993055553</v>
      </c>
    </row>
    <row r="3194" spans="1:5" x14ac:dyDescent="0.4">
      <c r="A3194">
        <v>2847</v>
      </c>
      <c r="B3194">
        <v>0</v>
      </c>
      <c r="C3194">
        <v>124</v>
      </c>
      <c r="D3194" t="s">
        <v>88</v>
      </c>
      <c r="E3194" s="1">
        <v>44601.748993055553</v>
      </c>
    </row>
    <row r="3195" spans="1:5" x14ac:dyDescent="0.4">
      <c r="A3195">
        <v>2848</v>
      </c>
      <c r="B3195">
        <v>0</v>
      </c>
      <c r="C3195">
        <v>125</v>
      </c>
      <c r="D3195" t="s">
        <v>88</v>
      </c>
      <c r="E3195" s="1">
        <v>44601.748993055553</v>
      </c>
    </row>
    <row r="3196" spans="1:5" x14ac:dyDescent="0.4">
      <c r="A3196">
        <v>2849</v>
      </c>
      <c r="B3196">
        <v>0</v>
      </c>
      <c r="C3196">
        <v>126</v>
      </c>
      <c r="D3196" t="s">
        <v>88</v>
      </c>
      <c r="E3196" s="1">
        <v>44601.748993055553</v>
      </c>
    </row>
    <row r="3197" spans="1:5" x14ac:dyDescent="0.4">
      <c r="A3197">
        <v>2850</v>
      </c>
      <c r="B3197">
        <v>0</v>
      </c>
      <c r="C3197">
        <v>131</v>
      </c>
      <c r="D3197" t="s">
        <v>88</v>
      </c>
      <c r="E3197" s="1">
        <v>44601.748993055553</v>
      </c>
    </row>
    <row r="3198" spans="1:5" x14ac:dyDescent="0.4">
      <c r="A3198">
        <v>2851</v>
      </c>
      <c r="B3198">
        <v>0</v>
      </c>
      <c r="C3198">
        <v>141</v>
      </c>
      <c r="D3198" t="s">
        <v>88</v>
      </c>
      <c r="E3198" s="1">
        <v>44601.748993055553</v>
      </c>
    </row>
    <row r="3199" spans="1:5" x14ac:dyDescent="0.4">
      <c r="A3199">
        <v>2852</v>
      </c>
      <c r="B3199">
        <v>0</v>
      </c>
      <c r="C3199">
        <v>142</v>
      </c>
      <c r="D3199" t="s">
        <v>88</v>
      </c>
      <c r="E3199" s="1">
        <v>44601.748993055553</v>
      </c>
    </row>
    <row r="3200" spans="1:5" x14ac:dyDescent="0.4">
      <c r="A3200">
        <v>2853</v>
      </c>
      <c r="B3200">
        <v>0</v>
      </c>
      <c r="C3200">
        <v>143</v>
      </c>
      <c r="D3200" t="s">
        <v>88</v>
      </c>
      <c r="E3200" s="1">
        <v>44601.748993055553</v>
      </c>
    </row>
    <row r="3201" spans="1:5" x14ac:dyDescent="0.4">
      <c r="A3201">
        <v>2854</v>
      </c>
      <c r="B3201">
        <v>0</v>
      </c>
      <c r="C3201">
        <v>144</v>
      </c>
      <c r="D3201" t="s">
        <v>88</v>
      </c>
      <c r="E3201" s="1">
        <v>44601.748993055553</v>
      </c>
    </row>
    <row r="3202" spans="1:5" x14ac:dyDescent="0.4">
      <c r="A3202">
        <v>2855</v>
      </c>
      <c r="B3202">
        <v>0</v>
      </c>
      <c r="C3202">
        <v>145</v>
      </c>
      <c r="D3202" t="s">
        <v>88</v>
      </c>
      <c r="E3202" s="1">
        <v>44601.748993055553</v>
      </c>
    </row>
    <row r="3203" spans="1:5" x14ac:dyDescent="0.4">
      <c r="A3203">
        <v>2856</v>
      </c>
      <c r="B3203">
        <v>0</v>
      </c>
      <c r="C3203">
        <v>146</v>
      </c>
      <c r="D3203" t="s">
        <v>88</v>
      </c>
      <c r="E3203" s="1">
        <v>44601.748993055553</v>
      </c>
    </row>
    <row r="3204" spans="1:5" x14ac:dyDescent="0.4">
      <c r="A3204">
        <v>2857</v>
      </c>
      <c r="B3204">
        <v>0</v>
      </c>
      <c r="C3204">
        <v>147</v>
      </c>
      <c r="D3204" t="s">
        <v>88</v>
      </c>
      <c r="E3204" s="1">
        <v>44601.748993055553</v>
      </c>
    </row>
    <row r="3205" spans="1:5" x14ac:dyDescent="0.4">
      <c r="A3205">
        <v>2858</v>
      </c>
      <c r="B3205">
        <v>0</v>
      </c>
      <c r="C3205">
        <v>161</v>
      </c>
      <c r="D3205" t="s">
        <v>88</v>
      </c>
      <c r="E3205" s="1">
        <v>44601.748993055553</v>
      </c>
    </row>
    <row r="3206" spans="1:5" x14ac:dyDescent="0.4">
      <c r="A3206">
        <v>2859</v>
      </c>
      <c r="B3206">
        <v>0</v>
      </c>
      <c r="C3206">
        <v>162</v>
      </c>
      <c r="D3206" t="s">
        <v>88</v>
      </c>
      <c r="E3206" s="1">
        <v>44601.748993055553</v>
      </c>
    </row>
    <row r="3207" spans="1:5" x14ac:dyDescent="0.4">
      <c r="A3207">
        <v>2860</v>
      </c>
      <c r="B3207">
        <v>0</v>
      </c>
      <c r="C3207">
        <v>163</v>
      </c>
      <c r="D3207" t="s">
        <v>88</v>
      </c>
      <c r="E3207" s="1">
        <v>44601.748993055553</v>
      </c>
    </row>
    <row r="3208" spans="1:5" x14ac:dyDescent="0.4">
      <c r="A3208">
        <v>2861</v>
      </c>
      <c r="B3208">
        <v>0</v>
      </c>
      <c r="C3208">
        <v>164</v>
      </c>
      <c r="D3208" t="s">
        <v>88</v>
      </c>
      <c r="E3208" s="1">
        <v>44601.748993055553</v>
      </c>
    </row>
    <row r="3209" spans="1:5" x14ac:dyDescent="0.4">
      <c r="A3209">
        <v>2862</v>
      </c>
      <c r="B3209">
        <v>0</v>
      </c>
      <c r="C3209">
        <v>165</v>
      </c>
      <c r="D3209" t="s">
        <v>88</v>
      </c>
      <c r="E3209" s="1">
        <v>44601.748993055553</v>
      </c>
    </row>
    <row r="3210" spans="1:5" x14ac:dyDescent="0.4">
      <c r="A3210">
        <v>2863</v>
      </c>
      <c r="B3210">
        <v>0</v>
      </c>
      <c r="C3210">
        <v>166</v>
      </c>
      <c r="D3210" t="s">
        <v>88</v>
      </c>
      <c r="E3210" s="1">
        <v>44601.748993055553</v>
      </c>
    </row>
    <row r="3211" spans="1:5" x14ac:dyDescent="0.4">
      <c r="A3211">
        <v>2864</v>
      </c>
      <c r="B3211">
        <v>0</v>
      </c>
      <c r="C3211">
        <v>167</v>
      </c>
      <c r="D3211" t="s">
        <v>88</v>
      </c>
      <c r="E3211" s="1">
        <v>44601.748993055553</v>
      </c>
    </row>
    <row r="3212" spans="1:5" x14ac:dyDescent="0.4">
      <c r="A3212">
        <v>2865</v>
      </c>
      <c r="B3212">
        <v>0</v>
      </c>
      <c r="C3212">
        <v>168</v>
      </c>
      <c r="D3212" t="s">
        <v>88</v>
      </c>
      <c r="E3212" s="1">
        <v>44601.748993055553</v>
      </c>
    </row>
    <row r="3213" spans="1:5" x14ac:dyDescent="0.4">
      <c r="A3213">
        <v>2866</v>
      </c>
      <c r="B3213">
        <v>0</v>
      </c>
      <c r="C3213">
        <v>169</v>
      </c>
      <c r="D3213" t="s">
        <v>88</v>
      </c>
      <c r="E3213" s="1">
        <v>44601.748993055553</v>
      </c>
    </row>
    <row r="3214" spans="1:5" x14ac:dyDescent="0.4">
      <c r="A3214">
        <v>2867</v>
      </c>
      <c r="B3214">
        <v>0</v>
      </c>
      <c r="C3214">
        <v>170</v>
      </c>
      <c r="D3214" t="s">
        <v>88</v>
      </c>
      <c r="E3214" s="1">
        <v>44601.748993055553</v>
      </c>
    </row>
    <row r="3215" spans="1:5" x14ac:dyDescent="0.4">
      <c r="A3215">
        <v>2868</v>
      </c>
      <c r="B3215">
        <v>0</v>
      </c>
      <c r="C3215">
        <v>171</v>
      </c>
      <c r="D3215" t="s">
        <v>88</v>
      </c>
      <c r="E3215" s="1">
        <v>44601.748993055553</v>
      </c>
    </row>
    <row r="3216" spans="1:5" x14ac:dyDescent="0.4">
      <c r="A3216">
        <v>2869</v>
      </c>
      <c r="B3216">
        <v>0</v>
      </c>
      <c r="C3216">
        <v>172</v>
      </c>
      <c r="D3216" t="s">
        <v>88</v>
      </c>
      <c r="E3216" s="1">
        <v>44601.748993055553</v>
      </c>
    </row>
    <row r="3217" spans="1:5" x14ac:dyDescent="0.4">
      <c r="A3217">
        <v>2870</v>
      </c>
      <c r="B3217">
        <v>0</v>
      </c>
      <c r="C3217">
        <v>173</v>
      </c>
      <c r="D3217" t="s">
        <v>88</v>
      </c>
      <c r="E3217" s="1">
        <v>44601.748993055553</v>
      </c>
    </row>
    <row r="3218" spans="1:5" x14ac:dyDescent="0.4">
      <c r="A3218">
        <v>2871</v>
      </c>
      <c r="B3218">
        <v>0</v>
      </c>
      <c r="C3218">
        <v>174</v>
      </c>
      <c r="D3218" t="s">
        <v>88</v>
      </c>
      <c r="E3218" s="1">
        <v>44601.748993055553</v>
      </c>
    </row>
    <row r="3219" spans="1:5" x14ac:dyDescent="0.4">
      <c r="A3219">
        <v>2872</v>
      </c>
      <c r="B3219">
        <v>0</v>
      </c>
      <c r="C3219">
        <v>175</v>
      </c>
      <c r="D3219" t="s">
        <v>88</v>
      </c>
      <c r="E3219" s="1">
        <v>44601.748993055553</v>
      </c>
    </row>
    <row r="3220" spans="1:5" x14ac:dyDescent="0.4">
      <c r="A3220">
        <v>2873</v>
      </c>
      <c r="B3220">
        <v>0</v>
      </c>
      <c r="C3220">
        <v>181</v>
      </c>
      <c r="D3220" t="s">
        <v>88</v>
      </c>
      <c r="E3220" s="1">
        <v>44601.748993055553</v>
      </c>
    </row>
    <row r="3221" spans="1:5" x14ac:dyDescent="0.4">
      <c r="A3221">
        <v>2874</v>
      </c>
      <c r="B3221">
        <v>0</v>
      </c>
      <c r="C3221">
        <v>182</v>
      </c>
      <c r="D3221" t="s">
        <v>88</v>
      </c>
      <c r="E3221" s="1">
        <v>44601.748993055553</v>
      </c>
    </row>
    <row r="3222" spans="1:5" x14ac:dyDescent="0.4">
      <c r="A3222">
        <v>2875</v>
      </c>
      <c r="B3222">
        <v>0</v>
      </c>
      <c r="C3222">
        <v>183</v>
      </c>
      <c r="D3222" t="s">
        <v>88</v>
      </c>
      <c r="E3222" s="1">
        <v>44601.748993055553</v>
      </c>
    </row>
    <row r="3223" spans="1:5" x14ac:dyDescent="0.4">
      <c r="A3223">
        <v>2876</v>
      </c>
      <c r="B3223">
        <v>0</v>
      </c>
      <c r="C3223">
        <v>184</v>
      </c>
      <c r="D3223" t="s">
        <v>88</v>
      </c>
      <c r="E3223" s="1">
        <v>44601.748993055553</v>
      </c>
    </row>
    <row r="3224" spans="1:5" x14ac:dyDescent="0.4">
      <c r="A3224">
        <v>2877</v>
      </c>
      <c r="B3224">
        <v>0</v>
      </c>
      <c r="C3224">
        <v>185</v>
      </c>
      <c r="D3224" t="s">
        <v>88</v>
      </c>
      <c r="E3224" s="1">
        <v>44601.748993055553</v>
      </c>
    </row>
    <row r="3225" spans="1:5" x14ac:dyDescent="0.4">
      <c r="A3225">
        <v>2878</v>
      </c>
      <c r="B3225">
        <v>0</v>
      </c>
      <c r="C3225">
        <v>186</v>
      </c>
      <c r="D3225" t="s">
        <v>88</v>
      </c>
      <c r="E3225" s="1">
        <v>44601.748993055553</v>
      </c>
    </row>
    <row r="3226" spans="1:5" x14ac:dyDescent="0.4">
      <c r="A3226">
        <v>2879</v>
      </c>
      <c r="B3226">
        <v>0</v>
      </c>
      <c r="C3226">
        <v>190</v>
      </c>
      <c r="D3226" t="s">
        <v>88</v>
      </c>
      <c r="E3226" s="1">
        <v>44601.748993055553</v>
      </c>
    </row>
    <row r="3227" spans="1:5" x14ac:dyDescent="0.4">
      <c r="A3227">
        <v>2880</v>
      </c>
      <c r="B3227">
        <v>0</v>
      </c>
      <c r="C3227">
        <v>191</v>
      </c>
      <c r="D3227" t="s">
        <v>88</v>
      </c>
      <c r="E3227" s="1">
        <v>44601.748993055553</v>
      </c>
    </row>
    <row r="3228" spans="1:5" x14ac:dyDescent="0.4">
      <c r="A3228">
        <v>2881</v>
      </c>
      <c r="B3228">
        <v>0</v>
      </c>
      <c r="C3228">
        <v>192</v>
      </c>
      <c r="D3228" t="s">
        <v>88</v>
      </c>
      <c r="E3228" s="1">
        <v>44601.748993055553</v>
      </c>
    </row>
    <row r="3229" spans="1:5" x14ac:dyDescent="0.4">
      <c r="A3229">
        <v>2882</v>
      </c>
      <c r="B3229">
        <v>0</v>
      </c>
      <c r="C3229">
        <v>193</v>
      </c>
      <c r="D3229" t="s">
        <v>88</v>
      </c>
      <c r="E3229" s="1">
        <v>44601.748993055553</v>
      </c>
    </row>
    <row r="3230" spans="1:5" x14ac:dyDescent="0.4">
      <c r="A3230">
        <v>2883</v>
      </c>
      <c r="B3230">
        <v>0</v>
      </c>
      <c r="C3230">
        <v>194</v>
      </c>
      <c r="D3230" t="s">
        <v>88</v>
      </c>
      <c r="E3230" s="1">
        <v>44601.748993055553</v>
      </c>
    </row>
    <row r="3231" spans="1:5" x14ac:dyDescent="0.4">
      <c r="A3231">
        <v>2884</v>
      </c>
      <c r="B3231">
        <v>0</v>
      </c>
      <c r="C3231">
        <v>195</v>
      </c>
      <c r="D3231" t="s">
        <v>88</v>
      </c>
      <c r="E3231" s="1">
        <v>44601.748993055553</v>
      </c>
    </row>
    <row r="3232" spans="1:5" x14ac:dyDescent="0.4">
      <c r="A3232">
        <v>2885</v>
      </c>
      <c r="B3232">
        <v>0</v>
      </c>
      <c r="C3232">
        <v>301</v>
      </c>
      <c r="D3232" t="s">
        <v>88</v>
      </c>
      <c r="E3232" s="1">
        <v>44601.748993055553</v>
      </c>
    </row>
    <row r="3233" spans="1:5" x14ac:dyDescent="0.4">
      <c r="A3233">
        <v>2886</v>
      </c>
      <c r="B3233">
        <v>0</v>
      </c>
      <c r="C3233">
        <v>302</v>
      </c>
      <c r="D3233" t="s">
        <v>88</v>
      </c>
      <c r="E3233" s="1">
        <v>44601.748993055553</v>
      </c>
    </row>
    <row r="3234" spans="1:5" x14ac:dyDescent="0.4">
      <c r="A3234">
        <v>2887</v>
      </c>
      <c r="B3234">
        <v>0</v>
      </c>
      <c r="C3234">
        <v>321</v>
      </c>
      <c r="D3234" t="s">
        <v>88</v>
      </c>
      <c r="E3234" s="1">
        <v>44601.748993055553</v>
      </c>
    </row>
    <row r="3235" spans="1:5" x14ac:dyDescent="0.4">
      <c r="A3235">
        <v>2888</v>
      </c>
      <c r="B3235">
        <v>0</v>
      </c>
      <c r="C3235">
        <v>322</v>
      </c>
      <c r="D3235" t="s">
        <v>88</v>
      </c>
      <c r="E3235" s="1">
        <v>44601.748993055553</v>
      </c>
    </row>
    <row r="3236" spans="1:5" x14ac:dyDescent="0.4">
      <c r="A3236">
        <v>2889</v>
      </c>
      <c r="B3236">
        <v>0</v>
      </c>
      <c r="C3236">
        <v>323</v>
      </c>
      <c r="D3236" t="s">
        <v>88</v>
      </c>
      <c r="E3236" s="1">
        <v>44601.748993055553</v>
      </c>
    </row>
    <row r="3237" spans="1:5" x14ac:dyDescent="0.4">
      <c r="A3237">
        <v>2890</v>
      </c>
      <c r="B3237">
        <v>0</v>
      </c>
      <c r="C3237">
        <v>324</v>
      </c>
      <c r="D3237" t="s">
        <v>88</v>
      </c>
      <c r="E3237" s="1">
        <v>44601.748993055553</v>
      </c>
    </row>
    <row r="3238" spans="1:5" x14ac:dyDescent="0.4">
      <c r="A3238">
        <v>2891</v>
      </c>
      <c r="B3238">
        <v>0</v>
      </c>
      <c r="C3238">
        <v>325</v>
      </c>
      <c r="D3238" t="s">
        <v>88</v>
      </c>
      <c r="E3238" s="1">
        <v>44601.748993055553</v>
      </c>
    </row>
    <row r="3239" spans="1:5" x14ac:dyDescent="0.4">
      <c r="A3239">
        <v>2892</v>
      </c>
      <c r="B3239">
        <v>0</v>
      </c>
      <c r="C3239">
        <v>326</v>
      </c>
      <c r="D3239" t="s">
        <v>88</v>
      </c>
      <c r="E3239" s="1">
        <v>44601.748993055553</v>
      </c>
    </row>
    <row r="3240" spans="1:5" x14ac:dyDescent="0.4">
      <c r="A3240">
        <v>2893</v>
      </c>
      <c r="B3240">
        <v>0</v>
      </c>
      <c r="C3240">
        <v>327</v>
      </c>
      <c r="D3240" t="s">
        <v>88</v>
      </c>
      <c r="E3240" s="1">
        <v>44601.748993055553</v>
      </c>
    </row>
    <row r="3241" spans="1:5" x14ac:dyDescent="0.4">
      <c r="A3241">
        <v>2894</v>
      </c>
      <c r="B3241">
        <v>0</v>
      </c>
      <c r="C3241">
        <v>328</v>
      </c>
      <c r="D3241" t="s">
        <v>88</v>
      </c>
      <c r="E3241" s="1">
        <v>44601.748993055553</v>
      </c>
    </row>
    <row r="3242" spans="1:5" x14ac:dyDescent="0.4">
      <c r="A3242">
        <v>2895</v>
      </c>
      <c r="B3242">
        <v>0</v>
      </c>
      <c r="C3242">
        <v>329</v>
      </c>
      <c r="D3242" t="s">
        <v>88</v>
      </c>
      <c r="E3242" s="1">
        <v>44601.748993055553</v>
      </c>
    </row>
    <row r="3243" spans="1:5" x14ac:dyDescent="0.4">
      <c r="A3243">
        <v>2896</v>
      </c>
      <c r="B3243">
        <v>0</v>
      </c>
      <c r="C3243">
        <v>330</v>
      </c>
      <c r="D3243" t="s">
        <v>88</v>
      </c>
      <c r="E3243" s="1">
        <v>44601.748993055553</v>
      </c>
    </row>
    <row r="3244" spans="1:5" x14ac:dyDescent="0.4">
      <c r="A3244">
        <v>2897</v>
      </c>
      <c r="B3244">
        <v>0</v>
      </c>
      <c r="C3244">
        <v>331</v>
      </c>
      <c r="D3244" t="s">
        <v>88</v>
      </c>
      <c r="E3244" s="1">
        <v>44601.748993055553</v>
      </c>
    </row>
    <row r="3245" spans="1:5" x14ac:dyDescent="0.4">
      <c r="A3245">
        <v>2898</v>
      </c>
      <c r="B3245">
        <v>0</v>
      </c>
      <c r="C3245">
        <v>332</v>
      </c>
      <c r="D3245" t="s">
        <v>88</v>
      </c>
      <c r="E3245" s="1">
        <v>44601.748993055553</v>
      </c>
    </row>
    <row r="3246" spans="1:5" x14ac:dyDescent="0.4">
      <c r="A3246">
        <v>2899</v>
      </c>
      <c r="B3246">
        <v>0</v>
      </c>
      <c r="C3246">
        <v>333</v>
      </c>
      <c r="D3246" t="s">
        <v>88</v>
      </c>
      <c r="E3246" s="1">
        <v>44601.748993055553</v>
      </c>
    </row>
    <row r="3247" spans="1:5" x14ac:dyDescent="0.4">
      <c r="A3247">
        <v>2900</v>
      </c>
      <c r="B3247">
        <v>0</v>
      </c>
      <c r="C3247">
        <v>341</v>
      </c>
      <c r="D3247" t="s">
        <v>88</v>
      </c>
      <c r="E3247" s="1">
        <v>44601.748993055553</v>
      </c>
    </row>
    <row r="3248" spans="1:5" x14ac:dyDescent="0.4">
      <c r="A3248">
        <v>2901</v>
      </c>
      <c r="B3248">
        <v>0</v>
      </c>
      <c r="C3248">
        <v>342</v>
      </c>
      <c r="D3248" t="s">
        <v>88</v>
      </c>
      <c r="E3248" s="1">
        <v>44601.748993055553</v>
      </c>
    </row>
    <row r="3249" spans="1:5" x14ac:dyDescent="0.4">
      <c r="A3249">
        <v>2902</v>
      </c>
      <c r="B3249">
        <v>0</v>
      </c>
      <c r="C3249">
        <v>343</v>
      </c>
      <c r="D3249" t="s">
        <v>88</v>
      </c>
      <c r="E3249" s="1">
        <v>44601.748993055553</v>
      </c>
    </row>
    <row r="3250" spans="1:5" x14ac:dyDescent="0.4">
      <c r="A3250">
        <v>2903</v>
      </c>
      <c r="B3250">
        <v>0</v>
      </c>
      <c r="C3250">
        <v>344</v>
      </c>
      <c r="D3250" t="s">
        <v>88</v>
      </c>
      <c r="E3250" s="1">
        <v>44601.748993055553</v>
      </c>
    </row>
    <row r="3251" spans="1:5" x14ac:dyDescent="0.4">
      <c r="A3251">
        <v>2904</v>
      </c>
      <c r="B3251">
        <v>0</v>
      </c>
      <c r="C3251">
        <v>345</v>
      </c>
      <c r="D3251" t="s">
        <v>88</v>
      </c>
      <c r="E3251" s="1">
        <v>44601.748993055553</v>
      </c>
    </row>
    <row r="3252" spans="1:5" x14ac:dyDescent="0.4">
      <c r="A3252">
        <v>2905</v>
      </c>
      <c r="B3252">
        <v>0</v>
      </c>
      <c r="C3252">
        <v>346</v>
      </c>
      <c r="D3252" t="s">
        <v>88</v>
      </c>
      <c r="E3252" s="1">
        <v>44601.748993055553</v>
      </c>
    </row>
    <row r="3253" spans="1:5" x14ac:dyDescent="0.4">
      <c r="A3253">
        <v>2906</v>
      </c>
      <c r="B3253">
        <v>0</v>
      </c>
      <c r="C3253">
        <v>361</v>
      </c>
      <c r="D3253" t="s">
        <v>88</v>
      </c>
      <c r="E3253" s="1">
        <v>44601.748993055553</v>
      </c>
    </row>
    <row r="3254" spans="1:5" x14ac:dyDescent="0.4">
      <c r="A3254">
        <v>2907</v>
      </c>
      <c r="B3254">
        <v>0</v>
      </c>
      <c r="C3254">
        <v>362</v>
      </c>
      <c r="D3254" t="s">
        <v>88</v>
      </c>
      <c r="E3254" s="1">
        <v>44601.748993055553</v>
      </c>
    </row>
    <row r="3255" spans="1:5" x14ac:dyDescent="0.4">
      <c r="A3255">
        <v>2908</v>
      </c>
      <c r="B3255">
        <v>0</v>
      </c>
      <c r="C3255">
        <v>363</v>
      </c>
      <c r="D3255" t="s">
        <v>88</v>
      </c>
      <c r="E3255" s="1">
        <v>44601.748993055553</v>
      </c>
    </row>
    <row r="3256" spans="1:5" x14ac:dyDescent="0.4">
      <c r="A3256">
        <v>2909</v>
      </c>
      <c r="B3256">
        <v>0</v>
      </c>
      <c r="C3256">
        <v>364</v>
      </c>
      <c r="D3256" t="s">
        <v>88</v>
      </c>
      <c r="E3256" s="1">
        <v>44601.748993055553</v>
      </c>
    </row>
    <row r="3257" spans="1:5" x14ac:dyDescent="0.4">
      <c r="A3257">
        <v>2910</v>
      </c>
      <c r="B3257">
        <v>0</v>
      </c>
      <c r="C3257">
        <v>365</v>
      </c>
      <c r="D3257" t="s">
        <v>88</v>
      </c>
      <c r="E3257" s="1">
        <v>44601.748993055553</v>
      </c>
    </row>
    <row r="3258" spans="1:5" x14ac:dyDescent="0.4">
      <c r="A3258">
        <v>2911</v>
      </c>
      <c r="B3258">
        <v>0</v>
      </c>
      <c r="C3258">
        <v>366</v>
      </c>
      <c r="D3258" t="s">
        <v>88</v>
      </c>
      <c r="E3258" s="1">
        <v>44601.748993055553</v>
      </c>
    </row>
    <row r="3259" spans="1:5" x14ac:dyDescent="0.4">
      <c r="A3259">
        <v>2912</v>
      </c>
      <c r="B3259">
        <v>0</v>
      </c>
      <c r="C3259">
        <v>367</v>
      </c>
      <c r="D3259" t="s">
        <v>88</v>
      </c>
      <c r="E3259" s="1">
        <v>44601.748993055553</v>
      </c>
    </row>
    <row r="3260" spans="1:5" x14ac:dyDescent="0.4">
      <c r="A3260">
        <v>2913</v>
      </c>
      <c r="B3260">
        <v>0</v>
      </c>
      <c r="C3260">
        <v>368</v>
      </c>
      <c r="D3260" t="s">
        <v>88</v>
      </c>
      <c r="E3260" s="1">
        <v>44601.748993055553</v>
      </c>
    </row>
    <row r="3261" spans="1:5" x14ac:dyDescent="0.4">
      <c r="A3261">
        <v>2914</v>
      </c>
      <c r="B3261">
        <v>0</v>
      </c>
      <c r="C3261">
        <v>369</v>
      </c>
      <c r="D3261" t="s">
        <v>88</v>
      </c>
      <c r="E3261" s="1">
        <v>44601.748993055553</v>
      </c>
    </row>
    <row r="3262" spans="1:5" x14ac:dyDescent="0.4">
      <c r="A3262">
        <v>2915</v>
      </c>
      <c r="B3262">
        <v>0</v>
      </c>
      <c r="C3262">
        <v>370</v>
      </c>
      <c r="D3262" t="s">
        <v>88</v>
      </c>
      <c r="E3262" s="1">
        <v>44601.748993055553</v>
      </c>
    </row>
    <row r="3263" spans="1:5" x14ac:dyDescent="0.4">
      <c r="A3263">
        <v>2916</v>
      </c>
      <c r="B3263">
        <v>0</v>
      </c>
      <c r="C3263">
        <v>371</v>
      </c>
      <c r="D3263" t="s">
        <v>88</v>
      </c>
      <c r="E3263" s="1">
        <v>44601.748993055553</v>
      </c>
    </row>
    <row r="3264" spans="1:5" x14ac:dyDescent="0.4">
      <c r="A3264">
        <v>2917</v>
      </c>
      <c r="B3264">
        <v>0</v>
      </c>
      <c r="C3264">
        <v>372</v>
      </c>
      <c r="D3264" t="s">
        <v>88</v>
      </c>
      <c r="E3264" s="1">
        <v>44601.748993055553</v>
      </c>
    </row>
    <row r="3265" spans="1:5" x14ac:dyDescent="0.4">
      <c r="A3265">
        <v>2918</v>
      </c>
      <c r="B3265">
        <v>0</v>
      </c>
      <c r="C3265">
        <v>373</v>
      </c>
      <c r="D3265" t="s">
        <v>88</v>
      </c>
      <c r="E3265" s="1">
        <v>44601.748993055553</v>
      </c>
    </row>
    <row r="3266" spans="1:5" x14ac:dyDescent="0.4">
      <c r="A3266">
        <v>2919</v>
      </c>
      <c r="B3266">
        <v>0</v>
      </c>
      <c r="C3266">
        <v>381</v>
      </c>
      <c r="D3266" t="s">
        <v>88</v>
      </c>
      <c r="E3266" s="1">
        <v>44601.748993055553</v>
      </c>
    </row>
    <row r="3267" spans="1:5" x14ac:dyDescent="0.4">
      <c r="A3267">
        <v>2920</v>
      </c>
      <c r="B3267">
        <v>0</v>
      </c>
      <c r="C3267">
        <v>382</v>
      </c>
      <c r="D3267" t="s">
        <v>88</v>
      </c>
      <c r="E3267" s="1">
        <v>44601.748993055553</v>
      </c>
    </row>
    <row r="3268" spans="1:5" x14ac:dyDescent="0.4">
      <c r="A3268">
        <v>2921</v>
      </c>
      <c r="B3268">
        <v>0</v>
      </c>
      <c r="C3268">
        <v>383</v>
      </c>
      <c r="D3268" t="s">
        <v>88</v>
      </c>
      <c r="E3268" s="1">
        <v>44601.748993055553</v>
      </c>
    </row>
    <row r="3269" spans="1:5" x14ac:dyDescent="0.4">
      <c r="A3269">
        <v>2922</v>
      </c>
      <c r="B3269">
        <v>0</v>
      </c>
      <c r="C3269">
        <v>384</v>
      </c>
      <c r="D3269" t="s">
        <v>88</v>
      </c>
      <c r="E3269" s="1">
        <v>44601.748993055553</v>
      </c>
    </row>
    <row r="3270" spans="1:5" x14ac:dyDescent="0.4">
      <c r="A3270">
        <v>2923</v>
      </c>
      <c r="B3270">
        <v>0</v>
      </c>
      <c r="C3270">
        <v>385</v>
      </c>
      <c r="D3270" t="s">
        <v>88</v>
      </c>
      <c r="E3270" s="1">
        <v>44601.748993055553</v>
      </c>
    </row>
    <row r="3271" spans="1:5" x14ac:dyDescent="0.4">
      <c r="A3271">
        <v>2924</v>
      </c>
      <c r="B3271">
        <v>0</v>
      </c>
      <c r="C3271">
        <v>386</v>
      </c>
      <c r="D3271" t="s">
        <v>88</v>
      </c>
      <c r="E3271" s="1">
        <v>44601.748993055553</v>
      </c>
    </row>
    <row r="3272" spans="1:5" x14ac:dyDescent="0.4">
      <c r="A3272">
        <v>2925</v>
      </c>
      <c r="B3272">
        <v>0</v>
      </c>
      <c r="C3272">
        <v>391</v>
      </c>
      <c r="D3272" t="s">
        <v>88</v>
      </c>
      <c r="E3272" s="1">
        <v>44601.748993055553</v>
      </c>
    </row>
    <row r="3273" spans="1:5" x14ac:dyDescent="0.4">
      <c r="A3273">
        <v>2926</v>
      </c>
      <c r="B3273">
        <v>0</v>
      </c>
      <c r="C3273">
        <v>392</v>
      </c>
      <c r="D3273" t="s">
        <v>88</v>
      </c>
      <c r="E3273" s="1">
        <v>44601.748993055553</v>
      </c>
    </row>
    <row r="3274" spans="1:5" x14ac:dyDescent="0.4">
      <c r="A3274">
        <v>2927</v>
      </c>
      <c r="B3274">
        <v>0</v>
      </c>
      <c r="C3274">
        <v>393</v>
      </c>
      <c r="D3274" t="s">
        <v>88</v>
      </c>
      <c r="E3274" s="1">
        <v>44601.748993055553</v>
      </c>
    </row>
    <row r="3275" spans="1:5" x14ac:dyDescent="0.4">
      <c r="A3275">
        <v>2928</v>
      </c>
      <c r="B3275">
        <v>0</v>
      </c>
      <c r="C3275">
        <v>395</v>
      </c>
      <c r="D3275" t="s">
        <v>88</v>
      </c>
      <c r="E3275" s="1">
        <v>44601.748993055553</v>
      </c>
    </row>
    <row r="3276" spans="1:5" x14ac:dyDescent="0.4">
      <c r="A3276">
        <v>2929</v>
      </c>
      <c r="B3276">
        <v>0</v>
      </c>
      <c r="C3276">
        <v>396</v>
      </c>
      <c r="D3276" t="s">
        <v>88</v>
      </c>
      <c r="E3276" s="1">
        <v>44601.748993055553</v>
      </c>
    </row>
    <row r="3277" spans="1:5" x14ac:dyDescent="0.4">
      <c r="A3277">
        <v>2930</v>
      </c>
      <c r="B3277">
        <v>0</v>
      </c>
      <c r="C3277">
        <v>401</v>
      </c>
      <c r="D3277" t="s">
        <v>88</v>
      </c>
      <c r="E3277" s="1">
        <v>44601.748993055553</v>
      </c>
    </row>
    <row r="3278" spans="1:5" x14ac:dyDescent="0.4">
      <c r="A3278">
        <v>2931</v>
      </c>
      <c r="B3278">
        <v>0</v>
      </c>
      <c r="C3278">
        <v>402</v>
      </c>
      <c r="D3278" t="s">
        <v>88</v>
      </c>
      <c r="E3278" s="1">
        <v>44601.748993055553</v>
      </c>
    </row>
    <row r="3279" spans="1:5" x14ac:dyDescent="0.4">
      <c r="A3279">
        <v>2932</v>
      </c>
      <c r="B3279">
        <v>0</v>
      </c>
      <c r="C3279">
        <v>403</v>
      </c>
      <c r="D3279" t="s">
        <v>88</v>
      </c>
      <c r="E3279" s="1">
        <v>44601.748993055553</v>
      </c>
    </row>
    <row r="3280" spans="1:5" x14ac:dyDescent="0.4">
      <c r="A3280">
        <v>2933</v>
      </c>
      <c r="B3280">
        <v>0</v>
      </c>
      <c r="C3280">
        <v>404</v>
      </c>
      <c r="D3280" t="s">
        <v>88</v>
      </c>
      <c r="E3280" s="1">
        <v>44601.748993055553</v>
      </c>
    </row>
    <row r="3281" spans="1:5" x14ac:dyDescent="0.4">
      <c r="A3281">
        <v>2934</v>
      </c>
      <c r="B3281">
        <v>0</v>
      </c>
      <c r="C3281">
        <v>405</v>
      </c>
      <c r="D3281" t="s">
        <v>88</v>
      </c>
      <c r="E3281" s="1">
        <v>44601.748993055553</v>
      </c>
    </row>
    <row r="3282" spans="1:5" x14ac:dyDescent="0.4">
      <c r="A3282">
        <v>2935</v>
      </c>
      <c r="B3282">
        <v>0</v>
      </c>
      <c r="C3282">
        <v>406</v>
      </c>
      <c r="D3282" t="s">
        <v>88</v>
      </c>
      <c r="E3282" s="1">
        <v>44601.748993055553</v>
      </c>
    </row>
    <row r="3283" spans="1:5" x14ac:dyDescent="0.4">
      <c r="A3283">
        <v>2936</v>
      </c>
      <c r="B3283">
        <v>0</v>
      </c>
      <c r="C3283">
        <v>411</v>
      </c>
      <c r="D3283" t="s">
        <v>88</v>
      </c>
      <c r="E3283" s="1">
        <v>44601.748993055553</v>
      </c>
    </row>
    <row r="3284" spans="1:5" x14ac:dyDescent="0.4">
      <c r="A3284">
        <v>2937</v>
      </c>
      <c r="B3284">
        <v>0</v>
      </c>
      <c r="C3284">
        <v>412</v>
      </c>
      <c r="D3284" t="s">
        <v>88</v>
      </c>
      <c r="E3284" s="1">
        <v>44601.748993055553</v>
      </c>
    </row>
    <row r="3285" spans="1:5" x14ac:dyDescent="0.4">
      <c r="A3285">
        <v>2938</v>
      </c>
      <c r="B3285">
        <v>0</v>
      </c>
      <c r="C3285">
        <v>413</v>
      </c>
      <c r="D3285" t="s">
        <v>88</v>
      </c>
      <c r="E3285" s="1">
        <v>44601.748993055553</v>
      </c>
    </row>
    <row r="3286" spans="1:5" x14ac:dyDescent="0.4">
      <c r="A3286">
        <v>2939</v>
      </c>
      <c r="B3286">
        <v>0</v>
      </c>
      <c r="C3286">
        <v>414</v>
      </c>
      <c r="D3286" t="s">
        <v>88</v>
      </c>
      <c r="E3286" s="1">
        <v>44601.748993055553</v>
      </c>
    </row>
    <row r="3287" spans="1:5" x14ac:dyDescent="0.4">
      <c r="A3287">
        <v>2940</v>
      </c>
      <c r="B3287">
        <v>0</v>
      </c>
      <c r="C3287">
        <v>421</v>
      </c>
      <c r="D3287" t="s">
        <v>88</v>
      </c>
      <c r="E3287" s="1">
        <v>44601.748993055553</v>
      </c>
    </row>
    <row r="3288" spans="1:5" x14ac:dyDescent="0.4">
      <c r="A3288">
        <v>2941</v>
      </c>
      <c r="B3288">
        <v>0</v>
      </c>
      <c r="C3288">
        <v>422</v>
      </c>
      <c r="D3288" t="s">
        <v>88</v>
      </c>
      <c r="E3288" s="1">
        <v>44601.748993055553</v>
      </c>
    </row>
    <row r="3289" spans="1:5" x14ac:dyDescent="0.4">
      <c r="A3289">
        <v>2942</v>
      </c>
      <c r="B3289">
        <v>0</v>
      </c>
      <c r="C3289">
        <v>431</v>
      </c>
      <c r="D3289" t="s">
        <v>88</v>
      </c>
      <c r="E3289" s="1">
        <v>44601.748993055553</v>
      </c>
    </row>
    <row r="3290" spans="1:5" x14ac:dyDescent="0.4">
      <c r="A3290">
        <v>2943</v>
      </c>
      <c r="B3290">
        <v>0</v>
      </c>
      <c r="C3290">
        <v>432</v>
      </c>
      <c r="D3290" t="s">
        <v>88</v>
      </c>
      <c r="E3290" s="1">
        <v>44601.748993055553</v>
      </c>
    </row>
    <row r="3291" spans="1:5" x14ac:dyDescent="0.4">
      <c r="A3291">
        <v>2944</v>
      </c>
      <c r="B3291">
        <v>0</v>
      </c>
      <c r="C3291">
        <v>433</v>
      </c>
      <c r="D3291" t="s">
        <v>88</v>
      </c>
      <c r="E3291" s="1">
        <v>44601.748993055553</v>
      </c>
    </row>
    <row r="3292" spans="1:5" x14ac:dyDescent="0.4">
      <c r="A3292">
        <v>2945</v>
      </c>
      <c r="B3292">
        <v>1</v>
      </c>
      <c r="C3292">
        <v>1</v>
      </c>
      <c r="D3292" t="s">
        <v>88</v>
      </c>
      <c r="E3292" s="1">
        <v>44601.740277777775</v>
      </c>
    </row>
    <row r="3293" spans="1:5" x14ac:dyDescent="0.4">
      <c r="A3293">
        <v>2946</v>
      </c>
      <c r="B3293">
        <v>0</v>
      </c>
      <c r="C3293">
        <v>2</v>
      </c>
      <c r="D3293" t="s">
        <v>88</v>
      </c>
      <c r="E3293" s="1">
        <v>44601.740277777775</v>
      </c>
    </row>
    <row r="3294" spans="1:5" x14ac:dyDescent="0.4">
      <c r="A3294">
        <v>2947</v>
      </c>
      <c r="B3294">
        <v>0</v>
      </c>
      <c r="C3294">
        <v>3</v>
      </c>
      <c r="D3294" t="s">
        <v>88</v>
      </c>
      <c r="E3294" s="1">
        <v>44601.740277777775</v>
      </c>
    </row>
    <row r="3295" spans="1:5" x14ac:dyDescent="0.4">
      <c r="A3295">
        <v>2948</v>
      </c>
      <c r="B3295">
        <v>0</v>
      </c>
      <c r="C3295">
        <v>4</v>
      </c>
      <c r="D3295" t="s">
        <v>88</v>
      </c>
      <c r="E3295" s="1">
        <v>44601.740277777775</v>
      </c>
    </row>
    <row r="3296" spans="1:5" x14ac:dyDescent="0.4">
      <c r="A3296">
        <v>2949</v>
      </c>
      <c r="B3296">
        <v>0</v>
      </c>
      <c r="C3296">
        <v>5</v>
      </c>
      <c r="D3296" t="s">
        <v>88</v>
      </c>
      <c r="E3296" s="1">
        <v>44601.740277777775</v>
      </c>
    </row>
    <row r="3297" spans="1:5" x14ac:dyDescent="0.4">
      <c r="A3297">
        <v>2950</v>
      </c>
      <c r="B3297">
        <v>0</v>
      </c>
      <c r="C3297">
        <v>11</v>
      </c>
      <c r="D3297" t="s">
        <v>88</v>
      </c>
      <c r="E3297" s="1">
        <v>44601.740277777775</v>
      </c>
    </row>
    <row r="3298" spans="1:5" x14ac:dyDescent="0.4">
      <c r="A3298">
        <v>2951</v>
      </c>
      <c r="B3298">
        <v>0</v>
      </c>
      <c r="C3298">
        <v>12</v>
      </c>
      <c r="D3298" t="s">
        <v>88</v>
      </c>
      <c r="E3298" s="1">
        <v>44601.740277777775</v>
      </c>
    </row>
    <row r="3299" spans="1:5" x14ac:dyDescent="0.4">
      <c r="A3299">
        <v>2952</v>
      </c>
      <c r="B3299">
        <v>0</v>
      </c>
      <c r="C3299">
        <v>15</v>
      </c>
      <c r="D3299" t="s">
        <v>88</v>
      </c>
      <c r="E3299" s="1">
        <v>44601.740277777775</v>
      </c>
    </row>
    <row r="3300" spans="1:5" x14ac:dyDescent="0.4">
      <c r="A3300">
        <v>2953</v>
      </c>
      <c r="B3300">
        <v>0</v>
      </c>
      <c r="C3300">
        <v>16</v>
      </c>
      <c r="D3300" t="s">
        <v>88</v>
      </c>
      <c r="E3300" s="1">
        <v>44601.740277777775</v>
      </c>
    </row>
    <row r="3301" spans="1:5" x14ac:dyDescent="0.4">
      <c r="A3301">
        <v>2954</v>
      </c>
      <c r="B3301">
        <v>0</v>
      </c>
      <c r="C3301">
        <v>17</v>
      </c>
      <c r="D3301" t="s">
        <v>88</v>
      </c>
      <c r="E3301" s="1">
        <v>44601.740277777775</v>
      </c>
    </row>
    <row r="3302" spans="1:5" x14ac:dyDescent="0.4">
      <c r="A3302">
        <v>2955</v>
      </c>
      <c r="B3302">
        <v>0</v>
      </c>
      <c r="C3302">
        <v>21</v>
      </c>
      <c r="D3302" t="s">
        <v>88</v>
      </c>
      <c r="E3302" s="1">
        <v>44601.740277777775</v>
      </c>
    </row>
    <row r="3303" spans="1:5" x14ac:dyDescent="0.4">
      <c r="A3303">
        <v>2956</v>
      </c>
      <c r="B3303">
        <v>0</v>
      </c>
      <c r="C3303">
        <v>22</v>
      </c>
      <c r="D3303" t="s">
        <v>88</v>
      </c>
      <c r="E3303" s="1">
        <v>44601.740277777775</v>
      </c>
    </row>
    <row r="3304" spans="1:5" x14ac:dyDescent="0.4">
      <c r="A3304">
        <v>2957</v>
      </c>
      <c r="B3304">
        <v>0</v>
      </c>
      <c r="C3304">
        <v>23</v>
      </c>
      <c r="D3304" t="s">
        <v>88</v>
      </c>
      <c r="E3304" s="1">
        <v>44601.740277777775</v>
      </c>
    </row>
    <row r="3305" spans="1:5" x14ac:dyDescent="0.4">
      <c r="A3305">
        <v>2958</v>
      </c>
      <c r="B3305">
        <v>0</v>
      </c>
      <c r="C3305">
        <v>24</v>
      </c>
      <c r="D3305" t="s">
        <v>88</v>
      </c>
      <c r="E3305" s="1">
        <v>44601.740277777775</v>
      </c>
    </row>
    <row r="3306" spans="1:5" x14ac:dyDescent="0.4">
      <c r="A3306">
        <v>2959</v>
      </c>
      <c r="B3306">
        <v>0</v>
      </c>
      <c r="C3306">
        <v>25</v>
      </c>
      <c r="D3306" t="s">
        <v>88</v>
      </c>
      <c r="E3306" s="1">
        <v>44601.740277777775</v>
      </c>
    </row>
    <row r="3307" spans="1:5" x14ac:dyDescent="0.4">
      <c r="A3307">
        <v>2960</v>
      </c>
      <c r="B3307">
        <v>0</v>
      </c>
      <c r="C3307">
        <v>26</v>
      </c>
      <c r="D3307" t="s">
        <v>88</v>
      </c>
      <c r="E3307" s="1">
        <v>44601.740277777775</v>
      </c>
    </row>
    <row r="3308" spans="1:5" x14ac:dyDescent="0.4">
      <c r="A3308">
        <v>2961</v>
      </c>
      <c r="B3308">
        <v>0</v>
      </c>
      <c r="C3308">
        <v>27</v>
      </c>
      <c r="D3308" t="s">
        <v>88</v>
      </c>
      <c r="E3308" s="1">
        <v>44601.740277777775</v>
      </c>
    </row>
    <row r="3309" spans="1:5" x14ac:dyDescent="0.4">
      <c r="A3309">
        <v>2962</v>
      </c>
      <c r="B3309">
        <v>0</v>
      </c>
      <c r="C3309">
        <v>28</v>
      </c>
      <c r="D3309" t="s">
        <v>88</v>
      </c>
      <c r="E3309" s="1">
        <v>44601.740277777775</v>
      </c>
    </row>
    <row r="3310" spans="1:5" x14ac:dyDescent="0.4">
      <c r="A3310">
        <v>2963</v>
      </c>
      <c r="B3310">
        <v>0</v>
      </c>
      <c r="C3310">
        <v>29</v>
      </c>
      <c r="D3310" t="s">
        <v>88</v>
      </c>
      <c r="E3310" s="1">
        <v>44601.740277777775</v>
      </c>
    </row>
    <row r="3311" spans="1:5" x14ac:dyDescent="0.4">
      <c r="A3311">
        <v>2964</v>
      </c>
      <c r="B3311">
        <v>0</v>
      </c>
      <c r="C3311">
        <v>30</v>
      </c>
      <c r="D3311" t="s">
        <v>88</v>
      </c>
      <c r="E3311" s="1">
        <v>44601.740277777775</v>
      </c>
    </row>
    <row r="3312" spans="1:5" x14ac:dyDescent="0.4">
      <c r="A3312">
        <v>2965</v>
      </c>
      <c r="B3312">
        <v>0</v>
      </c>
      <c r="C3312">
        <v>31</v>
      </c>
      <c r="D3312" t="s">
        <v>88</v>
      </c>
      <c r="E3312" s="1">
        <v>44601.740277777775</v>
      </c>
    </row>
    <row r="3313" spans="1:5" x14ac:dyDescent="0.4">
      <c r="A3313">
        <v>2966</v>
      </c>
      <c r="B3313">
        <v>0</v>
      </c>
      <c r="C3313">
        <v>32</v>
      </c>
      <c r="D3313" t="s">
        <v>88</v>
      </c>
      <c r="E3313" s="1">
        <v>44601.740277777775</v>
      </c>
    </row>
    <row r="3314" spans="1:5" x14ac:dyDescent="0.4">
      <c r="A3314">
        <v>2967</v>
      </c>
      <c r="B3314">
        <v>0</v>
      </c>
      <c r="C3314">
        <v>33</v>
      </c>
      <c r="D3314" t="s">
        <v>88</v>
      </c>
      <c r="E3314" s="1">
        <v>44601.740277777775</v>
      </c>
    </row>
    <row r="3315" spans="1:5" x14ac:dyDescent="0.4">
      <c r="A3315">
        <v>2968</v>
      </c>
      <c r="B3315">
        <v>0</v>
      </c>
      <c r="C3315">
        <v>41</v>
      </c>
      <c r="D3315" t="s">
        <v>88</v>
      </c>
      <c r="E3315" s="1">
        <v>44601.740277777775</v>
      </c>
    </row>
    <row r="3316" spans="1:5" x14ac:dyDescent="0.4">
      <c r="A3316">
        <v>2969</v>
      </c>
      <c r="B3316">
        <v>0</v>
      </c>
      <c r="C3316">
        <v>42</v>
      </c>
      <c r="D3316" t="s">
        <v>88</v>
      </c>
      <c r="E3316" s="1">
        <v>44601.740277777775</v>
      </c>
    </row>
    <row r="3317" spans="1:5" x14ac:dyDescent="0.4">
      <c r="A3317">
        <v>2970</v>
      </c>
      <c r="B3317">
        <v>0</v>
      </c>
      <c r="C3317">
        <v>43</v>
      </c>
      <c r="D3317" t="s">
        <v>88</v>
      </c>
      <c r="E3317" s="1">
        <v>44601.740277777775</v>
      </c>
    </row>
    <row r="3318" spans="1:5" x14ac:dyDescent="0.4">
      <c r="A3318">
        <v>2971</v>
      </c>
      <c r="B3318">
        <v>0</v>
      </c>
      <c r="C3318">
        <v>44</v>
      </c>
      <c r="D3318" t="s">
        <v>88</v>
      </c>
      <c r="E3318" s="1">
        <v>44601.740277777775</v>
      </c>
    </row>
    <row r="3319" spans="1:5" x14ac:dyDescent="0.4">
      <c r="A3319">
        <v>2972</v>
      </c>
      <c r="B3319">
        <v>0</v>
      </c>
      <c r="C3319">
        <v>45</v>
      </c>
      <c r="D3319" t="s">
        <v>88</v>
      </c>
      <c r="E3319" s="1">
        <v>44601.740277777775</v>
      </c>
    </row>
    <row r="3320" spans="1:5" x14ac:dyDescent="0.4">
      <c r="A3320">
        <v>2973</v>
      </c>
      <c r="B3320">
        <v>0</v>
      </c>
      <c r="C3320">
        <v>46</v>
      </c>
      <c r="D3320" t="s">
        <v>88</v>
      </c>
      <c r="E3320" s="1">
        <v>44601.740277777775</v>
      </c>
    </row>
    <row r="3321" spans="1:5" x14ac:dyDescent="0.4">
      <c r="A3321">
        <v>2974</v>
      </c>
      <c r="B3321">
        <v>0</v>
      </c>
      <c r="C3321">
        <v>47</v>
      </c>
      <c r="D3321" t="s">
        <v>88</v>
      </c>
      <c r="E3321" s="1">
        <v>44601.740277777775</v>
      </c>
    </row>
    <row r="3322" spans="1:5" x14ac:dyDescent="0.4">
      <c r="A3322">
        <v>2975</v>
      </c>
      <c r="B3322">
        <v>0</v>
      </c>
      <c r="C3322">
        <v>48</v>
      </c>
      <c r="D3322" t="s">
        <v>88</v>
      </c>
      <c r="E3322" s="1">
        <v>44601.740277777775</v>
      </c>
    </row>
    <row r="3323" spans="1:5" x14ac:dyDescent="0.4">
      <c r="A3323">
        <v>2976</v>
      </c>
      <c r="B3323">
        <v>0</v>
      </c>
      <c r="C3323">
        <v>49</v>
      </c>
      <c r="D3323" t="s">
        <v>88</v>
      </c>
      <c r="E3323" s="1">
        <v>44601.740277777775</v>
      </c>
    </row>
    <row r="3324" spans="1:5" x14ac:dyDescent="0.4">
      <c r="A3324">
        <v>2977</v>
      </c>
      <c r="B3324">
        <v>0</v>
      </c>
      <c r="C3324">
        <v>50</v>
      </c>
      <c r="D3324" t="s">
        <v>88</v>
      </c>
      <c r="E3324" s="1">
        <v>44601.740277777775</v>
      </c>
    </row>
    <row r="3325" spans="1:5" x14ac:dyDescent="0.4">
      <c r="A3325">
        <v>2978</v>
      </c>
      <c r="B3325">
        <v>0</v>
      </c>
      <c r="C3325">
        <v>51</v>
      </c>
      <c r="D3325" t="s">
        <v>88</v>
      </c>
      <c r="E3325" s="1">
        <v>44601.740277777775</v>
      </c>
    </row>
    <row r="3326" spans="1:5" x14ac:dyDescent="0.4">
      <c r="A3326">
        <v>2979</v>
      </c>
      <c r="B3326">
        <v>0</v>
      </c>
      <c r="C3326">
        <v>52</v>
      </c>
      <c r="D3326" t="s">
        <v>88</v>
      </c>
      <c r="E3326" s="1">
        <v>44601.740277777775</v>
      </c>
    </row>
    <row r="3327" spans="1:5" x14ac:dyDescent="0.4">
      <c r="A3327">
        <v>2980</v>
      </c>
      <c r="B3327">
        <v>0</v>
      </c>
      <c r="C3327">
        <v>53</v>
      </c>
      <c r="D3327" t="s">
        <v>88</v>
      </c>
      <c r="E3327" s="1">
        <v>44601.740277777775</v>
      </c>
    </row>
    <row r="3328" spans="1:5" x14ac:dyDescent="0.4">
      <c r="A3328">
        <v>2981</v>
      </c>
      <c r="B3328">
        <v>0</v>
      </c>
      <c r="C3328">
        <v>54</v>
      </c>
      <c r="D3328" t="s">
        <v>88</v>
      </c>
      <c r="E3328" s="1">
        <v>44601.740277777775</v>
      </c>
    </row>
    <row r="3329" spans="1:5" x14ac:dyDescent="0.4">
      <c r="A3329">
        <v>2982</v>
      </c>
      <c r="B3329">
        <v>0</v>
      </c>
      <c r="C3329">
        <v>55</v>
      </c>
      <c r="D3329" t="s">
        <v>88</v>
      </c>
      <c r="E3329" s="1">
        <v>44601.740277777775</v>
      </c>
    </row>
    <row r="3330" spans="1:5" x14ac:dyDescent="0.4">
      <c r="A3330">
        <v>2983</v>
      </c>
      <c r="B3330">
        <v>0</v>
      </c>
      <c r="C3330">
        <v>61</v>
      </c>
      <c r="D3330" t="s">
        <v>88</v>
      </c>
      <c r="E3330" s="1">
        <v>44601.740277777775</v>
      </c>
    </row>
    <row r="3331" spans="1:5" x14ac:dyDescent="0.4">
      <c r="A3331">
        <v>2984</v>
      </c>
      <c r="B3331">
        <v>0</v>
      </c>
      <c r="C3331">
        <v>62</v>
      </c>
      <c r="D3331" t="s">
        <v>88</v>
      </c>
      <c r="E3331" s="1">
        <v>44601.740277777775</v>
      </c>
    </row>
    <row r="3332" spans="1:5" x14ac:dyDescent="0.4">
      <c r="A3332">
        <v>2985</v>
      </c>
      <c r="B3332">
        <v>0</v>
      </c>
      <c r="C3332">
        <v>63</v>
      </c>
      <c r="D3332" t="s">
        <v>88</v>
      </c>
      <c r="E3332" s="1">
        <v>44601.740277777775</v>
      </c>
    </row>
    <row r="3333" spans="1:5" x14ac:dyDescent="0.4">
      <c r="A3333">
        <v>2986</v>
      </c>
      <c r="B3333">
        <v>0</v>
      </c>
      <c r="C3333">
        <v>64</v>
      </c>
      <c r="D3333" t="s">
        <v>88</v>
      </c>
      <c r="E3333" s="1">
        <v>44601.740277777775</v>
      </c>
    </row>
    <row r="3334" spans="1:5" x14ac:dyDescent="0.4">
      <c r="A3334">
        <v>2987</v>
      </c>
      <c r="B3334">
        <v>0</v>
      </c>
      <c r="C3334">
        <v>65</v>
      </c>
      <c r="D3334" t="s">
        <v>88</v>
      </c>
      <c r="E3334" s="1">
        <v>44601.740277777775</v>
      </c>
    </row>
    <row r="3335" spans="1:5" x14ac:dyDescent="0.4">
      <c r="A3335">
        <v>2988</v>
      </c>
      <c r="B3335">
        <v>0</v>
      </c>
      <c r="C3335">
        <v>66</v>
      </c>
      <c r="D3335" t="s">
        <v>88</v>
      </c>
      <c r="E3335" s="1">
        <v>44601.740277777775</v>
      </c>
    </row>
    <row r="3336" spans="1:5" x14ac:dyDescent="0.4">
      <c r="A3336">
        <v>2989</v>
      </c>
      <c r="B3336">
        <v>0</v>
      </c>
      <c r="C3336">
        <v>67</v>
      </c>
      <c r="D3336" t="s">
        <v>88</v>
      </c>
      <c r="E3336" s="1">
        <v>44601.740277777775</v>
      </c>
    </row>
    <row r="3337" spans="1:5" x14ac:dyDescent="0.4">
      <c r="A3337">
        <v>2990</v>
      </c>
      <c r="B3337">
        <v>0</v>
      </c>
      <c r="C3337">
        <v>68</v>
      </c>
      <c r="D3337" t="s">
        <v>88</v>
      </c>
      <c r="E3337" s="1">
        <v>44601.740277777775</v>
      </c>
    </row>
    <row r="3338" spans="1:5" x14ac:dyDescent="0.4">
      <c r="A3338">
        <v>2991</v>
      </c>
      <c r="B3338">
        <v>0</v>
      </c>
      <c r="C3338">
        <v>69</v>
      </c>
      <c r="D3338" t="s">
        <v>88</v>
      </c>
      <c r="E3338" s="1">
        <v>44601.740277777775</v>
      </c>
    </row>
    <row r="3339" spans="1:5" x14ac:dyDescent="0.4">
      <c r="A3339">
        <v>2992</v>
      </c>
      <c r="B3339">
        <v>0</v>
      </c>
      <c r="C3339">
        <v>70</v>
      </c>
      <c r="D3339" t="s">
        <v>88</v>
      </c>
      <c r="E3339" s="1">
        <v>44601.740277777775</v>
      </c>
    </row>
    <row r="3340" spans="1:5" x14ac:dyDescent="0.4">
      <c r="A3340">
        <v>2993</v>
      </c>
      <c r="B3340">
        <v>0</v>
      </c>
      <c r="C3340">
        <v>71</v>
      </c>
      <c r="D3340" t="s">
        <v>88</v>
      </c>
      <c r="E3340" s="1">
        <v>44601.740277777775</v>
      </c>
    </row>
    <row r="3341" spans="1:5" x14ac:dyDescent="0.4">
      <c r="A3341">
        <v>2994</v>
      </c>
      <c r="B3341">
        <v>0</v>
      </c>
      <c r="C3341">
        <v>72</v>
      </c>
      <c r="D3341" t="s">
        <v>88</v>
      </c>
      <c r="E3341" s="1">
        <v>44601.740277777775</v>
      </c>
    </row>
    <row r="3342" spans="1:5" x14ac:dyDescent="0.4">
      <c r="A3342">
        <v>2995</v>
      </c>
      <c r="B3342">
        <v>0</v>
      </c>
      <c r="C3342">
        <v>73</v>
      </c>
      <c r="D3342" t="s">
        <v>88</v>
      </c>
      <c r="E3342" s="1">
        <v>44601.740277777775</v>
      </c>
    </row>
    <row r="3343" spans="1:5" x14ac:dyDescent="0.4">
      <c r="A3343">
        <v>2996</v>
      </c>
      <c r="B3343">
        <v>0</v>
      </c>
      <c r="C3343">
        <v>74</v>
      </c>
      <c r="D3343" t="s">
        <v>88</v>
      </c>
      <c r="E3343" s="1">
        <v>44601.740277777775</v>
      </c>
    </row>
    <row r="3344" spans="1:5" x14ac:dyDescent="0.4">
      <c r="A3344">
        <v>2997</v>
      </c>
      <c r="B3344">
        <v>0</v>
      </c>
      <c r="C3344">
        <v>75</v>
      </c>
      <c r="D3344" t="s">
        <v>88</v>
      </c>
      <c r="E3344" s="1">
        <v>44601.740277777775</v>
      </c>
    </row>
    <row r="3345" spans="1:5" x14ac:dyDescent="0.4">
      <c r="A3345">
        <v>2998</v>
      </c>
      <c r="B3345">
        <v>0</v>
      </c>
      <c r="C3345">
        <v>76</v>
      </c>
      <c r="D3345" t="s">
        <v>88</v>
      </c>
      <c r="E3345" s="1">
        <v>44601.740277777775</v>
      </c>
    </row>
    <row r="3346" spans="1:5" x14ac:dyDescent="0.4">
      <c r="A3346">
        <v>2999</v>
      </c>
      <c r="B3346">
        <v>0</v>
      </c>
      <c r="C3346">
        <v>77</v>
      </c>
      <c r="D3346" t="s">
        <v>88</v>
      </c>
      <c r="E3346" s="1">
        <v>44601.740277777775</v>
      </c>
    </row>
    <row r="3347" spans="1:5" x14ac:dyDescent="0.4">
      <c r="A3347">
        <v>3000</v>
      </c>
      <c r="B3347">
        <v>0</v>
      </c>
      <c r="C3347">
        <v>78</v>
      </c>
      <c r="D3347" t="s">
        <v>88</v>
      </c>
      <c r="E3347" s="1">
        <v>44601.740277777775</v>
      </c>
    </row>
    <row r="3348" spans="1:5" x14ac:dyDescent="0.4">
      <c r="A3348">
        <v>3001</v>
      </c>
      <c r="B3348">
        <v>0</v>
      </c>
      <c r="C3348">
        <v>79</v>
      </c>
      <c r="D3348" t="s">
        <v>88</v>
      </c>
      <c r="E3348" s="1">
        <v>44601.740277777775</v>
      </c>
    </row>
    <row r="3349" spans="1:5" x14ac:dyDescent="0.4">
      <c r="A3349">
        <v>3002</v>
      </c>
      <c r="B3349">
        <v>0</v>
      </c>
      <c r="C3349">
        <v>91</v>
      </c>
      <c r="D3349" t="s">
        <v>88</v>
      </c>
      <c r="E3349" s="1">
        <v>44601.740277777775</v>
      </c>
    </row>
    <row r="3350" spans="1:5" x14ac:dyDescent="0.4">
      <c r="A3350">
        <v>3003</v>
      </c>
      <c r="B3350">
        <v>0</v>
      </c>
      <c r="C3350">
        <v>92</v>
      </c>
      <c r="D3350" t="s">
        <v>88</v>
      </c>
      <c r="E3350" s="1">
        <v>44601.740277777775</v>
      </c>
    </row>
    <row r="3351" spans="1:5" x14ac:dyDescent="0.4">
      <c r="A3351">
        <v>3004</v>
      </c>
      <c r="B3351">
        <v>0</v>
      </c>
      <c r="C3351">
        <v>93</v>
      </c>
      <c r="D3351" t="s">
        <v>88</v>
      </c>
      <c r="E3351" s="1">
        <v>44601.740277777775</v>
      </c>
    </row>
    <row r="3352" spans="1:5" x14ac:dyDescent="0.4">
      <c r="A3352">
        <v>3005</v>
      </c>
      <c r="B3352">
        <v>0</v>
      </c>
      <c r="C3352">
        <v>94</v>
      </c>
      <c r="D3352" t="s">
        <v>88</v>
      </c>
      <c r="E3352" s="1">
        <v>44601.740277777775</v>
      </c>
    </row>
    <row r="3353" spans="1:5" x14ac:dyDescent="0.4">
      <c r="A3353">
        <v>3006</v>
      </c>
      <c r="B3353">
        <v>0</v>
      </c>
      <c r="C3353">
        <v>95</v>
      </c>
      <c r="D3353" t="s">
        <v>88</v>
      </c>
      <c r="E3353" s="1">
        <v>44601.740277777775</v>
      </c>
    </row>
    <row r="3354" spans="1:5" x14ac:dyDescent="0.4">
      <c r="A3354">
        <v>3007</v>
      </c>
      <c r="B3354">
        <v>0</v>
      </c>
      <c r="C3354">
        <v>96</v>
      </c>
      <c r="D3354" t="s">
        <v>88</v>
      </c>
      <c r="E3354" s="1">
        <v>44601.740277777775</v>
      </c>
    </row>
    <row r="3355" spans="1:5" x14ac:dyDescent="0.4">
      <c r="A3355">
        <v>3008</v>
      </c>
      <c r="B3355">
        <v>0</v>
      </c>
      <c r="C3355">
        <v>97</v>
      </c>
      <c r="D3355" t="s">
        <v>88</v>
      </c>
      <c r="E3355" s="1">
        <v>44601.740277777775</v>
      </c>
    </row>
    <row r="3356" spans="1:5" x14ac:dyDescent="0.4">
      <c r="A3356">
        <v>3009</v>
      </c>
      <c r="B3356">
        <v>0</v>
      </c>
      <c r="C3356">
        <v>98</v>
      </c>
      <c r="D3356" t="s">
        <v>88</v>
      </c>
      <c r="E3356" s="1">
        <v>44601.740277777775</v>
      </c>
    </row>
    <row r="3357" spans="1:5" x14ac:dyDescent="0.4">
      <c r="A3357">
        <v>3010</v>
      </c>
      <c r="B3357">
        <v>0</v>
      </c>
      <c r="C3357">
        <v>99</v>
      </c>
      <c r="D3357" t="s">
        <v>88</v>
      </c>
      <c r="E3357" s="1">
        <v>44601.740277777775</v>
      </c>
    </row>
    <row r="3358" spans="1:5" x14ac:dyDescent="0.4">
      <c r="A3358">
        <v>3011</v>
      </c>
      <c r="B3358">
        <v>0</v>
      </c>
      <c r="C3358">
        <v>100</v>
      </c>
      <c r="D3358" t="s">
        <v>88</v>
      </c>
      <c r="E3358" s="1">
        <v>44601.740277777775</v>
      </c>
    </row>
    <row r="3359" spans="1:5" x14ac:dyDescent="0.4">
      <c r="A3359">
        <v>3012</v>
      </c>
      <c r="B3359">
        <v>0</v>
      </c>
      <c r="C3359">
        <v>101</v>
      </c>
      <c r="D3359" t="s">
        <v>88</v>
      </c>
      <c r="E3359" s="1">
        <v>44601.740277777775</v>
      </c>
    </row>
    <row r="3360" spans="1:5" x14ac:dyDescent="0.4">
      <c r="A3360">
        <v>3013</v>
      </c>
      <c r="B3360">
        <v>0</v>
      </c>
      <c r="C3360">
        <v>102</v>
      </c>
      <c r="D3360" t="s">
        <v>88</v>
      </c>
      <c r="E3360" s="1">
        <v>44601.740277777775</v>
      </c>
    </row>
    <row r="3361" spans="1:5" x14ac:dyDescent="0.4">
      <c r="A3361">
        <v>3014</v>
      </c>
      <c r="B3361">
        <v>0</v>
      </c>
      <c r="C3361">
        <v>103</v>
      </c>
      <c r="D3361" t="s">
        <v>88</v>
      </c>
      <c r="E3361" s="1">
        <v>44601.740277777775</v>
      </c>
    </row>
    <row r="3362" spans="1:5" x14ac:dyDescent="0.4">
      <c r="A3362">
        <v>3015</v>
      </c>
      <c r="B3362">
        <v>0</v>
      </c>
      <c r="C3362">
        <v>104</v>
      </c>
      <c r="D3362" t="s">
        <v>88</v>
      </c>
      <c r="E3362" s="1">
        <v>44601.740277777775</v>
      </c>
    </row>
    <row r="3363" spans="1:5" x14ac:dyDescent="0.4">
      <c r="A3363">
        <v>3016</v>
      </c>
      <c r="B3363">
        <v>0</v>
      </c>
      <c r="C3363">
        <v>105</v>
      </c>
      <c r="D3363" t="s">
        <v>88</v>
      </c>
      <c r="E3363" s="1">
        <v>44601.740277777775</v>
      </c>
    </row>
    <row r="3364" spans="1:5" x14ac:dyDescent="0.4">
      <c r="A3364">
        <v>3017</v>
      </c>
      <c r="B3364">
        <v>0</v>
      </c>
      <c r="C3364">
        <v>106</v>
      </c>
      <c r="D3364" t="s">
        <v>88</v>
      </c>
      <c r="E3364" s="1">
        <v>44601.740277777775</v>
      </c>
    </row>
    <row r="3365" spans="1:5" x14ac:dyDescent="0.4">
      <c r="A3365">
        <v>3018</v>
      </c>
      <c r="B3365">
        <v>0</v>
      </c>
      <c r="C3365">
        <v>107</v>
      </c>
      <c r="D3365" t="s">
        <v>88</v>
      </c>
      <c r="E3365" s="1">
        <v>44601.740277777775</v>
      </c>
    </row>
    <row r="3366" spans="1:5" x14ac:dyDescent="0.4">
      <c r="A3366">
        <v>3019</v>
      </c>
      <c r="B3366">
        <v>0</v>
      </c>
      <c r="C3366">
        <v>108</v>
      </c>
      <c r="D3366" t="s">
        <v>88</v>
      </c>
      <c r="E3366" s="1">
        <v>44601.740277777775</v>
      </c>
    </row>
    <row r="3367" spans="1:5" x14ac:dyDescent="0.4">
      <c r="A3367">
        <v>3020</v>
      </c>
      <c r="B3367">
        <v>0</v>
      </c>
      <c r="C3367">
        <v>109</v>
      </c>
      <c r="D3367" t="s">
        <v>88</v>
      </c>
      <c r="E3367" s="1">
        <v>44601.740277777775</v>
      </c>
    </row>
    <row r="3368" spans="1:5" x14ac:dyDescent="0.4">
      <c r="A3368">
        <v>3021</v>
      </c>
      <c r="B3368">
        <v>0</v>
      </c>
      <c r="C3368">
        <v>110</v>
      </c>
      <c r="D3368" t="s">
        <v>88</v>
      </c>
      <c r="E3368" s="1">
        <v>44601.740277777775</v>
      </c>
    </row>
    <row r="3369" spans="1:5" x14ac:dyDescent="0.4">
      <c r="A3369">
        <v>3022</v>
      </c>
      <c r="B3369">
        <v>0</v>
      </c>
      <c r="C3369">
        <v>111</v>
      </c>
      <c r="D3369" t="s">
        <v>88</v>
      </c>
      <c r="E3369" s="1">
        <v>44601.740277777775</v>
      </c>
    </row>
    <row r="3370" spans="1:5" x14ac:dyDescent="0.4">
      <c r="A3370">
        <v>3023</v>
      </c>
      <c r="B3370">
        <v>0</v>
      </c>
      <c r="C3370">
        <v>112</v>
      </c>
      <c r="D3370" t="s">
        <v>88</v>
      </c>
      <c r="E3370" s="1">
        <v>44601.740277777775</v>
      </c>
    </row>
    <row r="3371" spans="1:5" x14ac:dyDescent="0.4">
      <c r="A3371">
        <v>3024</v>
      </c>
      <c r="B3371">
        <v>0</v>
      </c>
      <c r="C3371">
        <v>113</v>
      </c>
      <c r="D3371" t="s">
        <v>88</v>
      </c>
      <c r="E3371" s="1">
        <v>44601.740277777775</v>
      </c>
    </row>
    <row r="3372" spans="1:5" x14ac:dyDescent="0.4">
      <c r="A3372">
        <v>3025</v>
      </c>
      <c r="B3372">
        <v>0</v>
      </c>
      <c r="C3372">
        <v>114</v>
      </c>
      <c r="D3372" t="s">
        <v>88</v>
      </c>
      <c r="E3372" s="1">
        <v>44601.740277777775</v>
      </c>
    </row>
    <row r="3373" spans="1:5" x14ac:dyDescent="0.4">
      <c r="A3373">
        <v>3026</v>
      </c>
      <c r="B3373">
        <v>0</v>
      </c>
      <c r="C3373">
        <v>115</v>
      </c>
      <c r="D3373" t="s">
        <v>88</v>
      </c>
      <c r="E3373" s="1">
        <v>44601.740277777775</v>
      </c>
    </row>
    <row r="3374" spans="1:5" x14ac:dyDescent="0.4">
      <c r="A3374">
        <v>3027</v>
      </c>
      <c r="B3374">
        <v>0</v>
      </c>
      <c r="C3374">
        <v>116</v>
      </c>
      <c r="D3374" t="s">
        <v>88</v>
      </c>
      <c r="E3374" s="1">
        <v>44601.740277777775</v>
      </c>
    </row>
    <row r="3375" spans="1:5" x14ac:dyDescent="0.4">
      <c r="A3375">
        <v>3028</v>
      </c>
      <c r="B3375">
        <v>0</v>
      </c>
      <c r="C3375">
        <v>121</v>
      </c>
      <c r="D3375" t="s">
        <v>88</v>
      </c>
      <c r="E3375" s="1">
        <v>44601.740277777775</v>
      </c>
    </row>
    <row r="3376" spans="1:5" x14ac:dyDescent="0.4">
      <c r="A3376">
        <v>3029</v>
      </c>
      <c r="B3376">
        <v>0</v>
      </c>
      <c r="C3376">
        <v>122</v>
      </c>
      <c r="D3376" t="s">
        <v>88</v>
      </c>
      <c r="E3376" s="1">
        <v>44601.740277777775</v>
      </c>
    </row>
    <row r="3377" spans="1:5" x14ac:dyDescent="0.4">
      <c r="A3377">
        <v>3030</v>
      </c>
      <c r="B3377">
        <v>0</v>
      </c>
      <c r="C3377">
        <v>123</v>
      </c>
      <c r="D3377" t="s">
        <v>88</v>
      </c>
      <c r="E3377" s="1">
        <v>44601.740277777775</v>
      </c>
    </row>
    <row r="3378" spans="1:5" x14ac:dyDescent="0.4">
      <c r="A3378">
        <v>3031</v>
      </c>
      <c r="B3378">
        <v>0</v>
      </c>
      <c r="C3378">
        <v>124</v>
      </c>
      <c r="D3378" t="s">
        <v>88</v>
      </c>
      <c r="E3378" s="1">
        <v>44601.740277777775</v>
      </c>
    </row>
    <row r="3379" spans="1:5" x14ac:dyDescent="0.4">
      <c r="A3379">
        <v>3032</v>
      </c>
      <c r="B3379">
        <v>0</v>
      </c>
      <c r="C3379">
        <v>125</v>
      </c>
      <c r="D3379" t="s">
        <v>88</v>
      </c>
      <c r="E3379" s="1">
        <v>44601.740277777775</v>
      </c>
    </row>
    <row r="3380" spans="1:5" x14ac:dyDescent="0.4">
      <c r="A3380">
        <v>3033</v>
      </c>
      <c r="B3380">
        <v>0</v>
      </c>
      <c r="C3380">
        <v>126</v>
      </c>
      <c r="D3380" t="s">
        <v>88</v>
      </c>
      <c r="E3380" s="1">
        <v>44601.740277777775</v>
      </c>
    </row>
    <row r="3381" spans="1:5" x14ac:dyDescent="0.4">
      <c r="A3381">
        <v>3034</v>
      </c>
      <c r="B3381">
        <v>0</v>
      </c>
      <c r="C3381">
        <v>131</v>
      </c>
      <c r="D3381" t="s">
        <v>88</v>
      </c>
      <c r="E3381" s="1">
        <v>44601.740277777775</v>
      </c>
    </row>
    <row r="3382" spans="1:5" x14ac:dyDescent="0.4">
      <c r="A3382">
        <v>3035</v>
      </c>
      <c r="B3382">
        <v>0</v>
      </c>
      <c r="C3382">
        <v>141</v>
      </c>
      <c r="D3382" t="s">
        <v>88</v>
      </c>
      <c r="E3382" s="1">
        <v>44601.740277777775</v>
      </c>
    </row>
    <row r="3383" spans="1:5" x14ac:dyDescent="0.4">
      <c r="A3383">
        <v>3036</v>
      </c>
      <c r="B3383">
        <v>0</v>
      </c>
      <c r="C3383">
        <v>142</v>
      </c>
      <c r="D3383" t="s">
        <v>88</v>
      </c>
      <c r="E3383" s="1">
        <v>44601.740277777775</v>
      </c>
    </row>
    <row r="3384" spans="1:5" x14ac:dyDescent="0.4">
      <c r="A3384">
        <v>3037</v>
      </c>
      <c r="B3384">
        <v>0</v>
      </c>
      <c r="C3384">
        <v>143</v>
      </c>
      <c r="D3384" t="s">
        <v>88</v>
      </c>
      <c r="E3384" s="1">
        <v>44601.740277777775</v>
      </c>
    </row>
    <row r="3385" spans="1:5" x14ac:dyDescent="0.4">
      <c r="A3385">
        <v>3038</v>
      </c>
      <c r="B3385">
        <v>0</v>
      </c>
      <c r="C3385">
        <v>144</v>
      </c>
      <c r="D3385" t="s">
        <v>88</v>
      </c>
      <c r="E3385" s="1">
        <v>44601.740277777775</v>
      </c>
    </row>
    <row r="3386" spans="1:5" x14ac:dyDescent="0.4">
      <c r="A3386">
        <v>3039</v>
      </c>
      <c r="B3386">
        <v>0</v>
      </c>
      <c r="C3386">
        <v>145</v>
      </c>
      <c r="D3386" t="s">
        <v>88</v>
      </c>
      <c r="E3386" s="1">
        <v>44601.740277777775</v>
      </c>
    </row>
    <row r="3387" spans="1:5" x14ac:dyDescent="0.4">
      <c r="A3387">
        <v>3040</v>
      </c>
      <c r="B3387">
        <v>0</v>
      </c>
      <c r="C3387">
        <v>146</v>
      </c>
      <c r="D3387" t="s">
        <v>88</v>
      </c>
      <c r="E3387" s="1">
        <v>44601.740277777775</v>
      </c>
    </row>
    <row r="3388" spans="1:5" x14ac:dyDescent="0.4">
      <c r="A3388">
        <v>3041</v>
      </c>
      <c r="B3388">
        <v>0</v>
      </c>
      <c r="C3388">
        <v>147</v>
      </c>
      <c r="D3388" t="s">
        <v>88</v>
      </c>
      <c r="E3388" s="1">
        <v>44601.740277777775</v>
      </c>
    </row>
    <row r="3389" spans="1:5" x14ac:dyDescent="0.4">
      <c r="A3389">
        <v>3042</v>
      </c>
      <c r="B3389">
        <v>0</v>
      </c>
      <c r="C3389">
        <v>161</v>
      </c>
      <c r="D3389" t="s">
        <v>88</v>
      </c>
      <c r="E3389" s="1">
        <v>44601.740277777775</v>
      </c>
    </row>
    <row r="3390" spans="1:5" x14ac:dyDescent="0.4">
      <c r="A3390">
        <v>3043</v>
      </c>
      <c r="B3390">
        <v>0</v>
      </c>
      <c r="C3390">
        <v>162</v>
      </c>
      <c r="D3390" t="s">
        <v>88</v>
      </c>
      <c r="E3390" s="1">
        <v>44601.740277777775</v>
      </c>
    </row>
    <row r="3391" spans="1:5" x14ac:dyDescent="0.4">
      <c r="A3391">
        <v>3044</v>
      </c>
      <c r="B3391">
        <v>0</v>
      </c>
      <c r="C3391">
        <v>163</v>
      </c>
      <c r="D3391" t="s">
        <v>88</v>
      </c>
      <c r="E3391" s="1">
        <v>44601.740277777775</v>
      </c>
    </row>
    <row r="3392" spans="1:5" x14ac:dyDescent="0.4">
      <c r="A3392">
        <v>3045</v>
      </c>
      <c r="B3392">
        <v>0</v>
      </c>
      <c r="C3392">
        <v>164</v>
      </c>
      <c r="D3392" t="s">
        <v>88</v>
      </c>
      <c r="E3392" s="1">
        <v>44601.740277777775</v>
      </c>
    </row>
    <row r="3393" spans="1:5" x14ac:dyDescent="0.4">
      <c r="A3393">
        <v>3046</v>
      </c>
      <c r="B3393">
        <v>0</v>
      </c>
      <c r="C3393">
        <v>165</v>
      </c>
      <c r="D3393" t="s">
        <v>88</v>
      </c>
      <c r="E3393" s="1">
        <v>44601.740277777775</v>
      </c>
    </row>
    <row r="3394" spans="1:5" x14ac:dyDescent="0.4">
      <c r="A3394">
        <v>3047</v>
      </c>
      <c r="B3394">
        <v>0</v>
      </c>
      <c r="C3394">
        <v>166</v>
      </c>
      <c r="D3394" t="s">
        <v>88</v>
      </c>
      <c r="E3394" s="1">
        <v>44601.740277777775</v>
      </c>
    </row>
    <row r="3395" spans="1:5" x14ac:dyDescent="0.4">
      <c r="A3395">
        <v>3048</v>
      </c>
      <c r="B3395">
        <v>0</v>
      </c>
      <c r="C3395">
        <v>167</v>
      </c>
      <c r="D3395" t="s">
        <v>88</v>
      </c>
      <c r="E3395" s="1">
        <v>44601.740277777775</v>
      </c>
    </row>
    <row r="3396" spans="1:5" x14ac:dyDescent="0.4">
      <c r="A3396">
        <v>3049</v>
      </c>
      <c r="B3396">
        <v>0</v>
      </c>
      <c r="C3396">
        <v>168</v>
      </c>
      <c r="D3396" t="s">
        <v>88</v>
      </c>
      <c r="E3396" s="1">
        <v>44601.740277777775</v>
      </c>
    </row>
    <row r="3397" spans="1:5" x14ac:dyDescent="0.4">
      <c r="A3397">
        <v>3050</v>
      </c>
      <c r="B3397">
        <v>0</v>
      </c>
      <c r="C3397">
        <v>169</v>
      </c>
      <c r="D3397" t="s">
        <v>88</v>
      </c>
      <c r="E3397" s="1">
        <v>44601.740277777775</v>
      </c>
    </row>
    <row r="3398" spans="1:5" x14ac:dyDescent="0.4">
      <c r="A3398">
        <v>3051</v>
      </c>
      <c r="B3398">
        <v>0</v>
      </c>
      <c r="C3398">
        <v>170</v>
      </c>
      <c r="D3398" t="s">
        <v>88</v>
      </c>
      <c r="E3398" s="1">
        <v>44601.740277777775</v>
      </c>
    </row>
    <row r="3399" spans="1:5" x14ac:dyDescent="0.4">
      <c r="A3399">
        <v>3052</v>
      </c>
      <c r="B3399">
        <v>0</v>
      </c>
      <c r="C3399">
        <v>171</v>
      </c>
      <c r="D3399" t="s">
        <v>88</v>
      </c>
      <c r="E3399" s="1">
        <v>44601.740277777775</v>
      </c>
    </row>
    <row r="3400" spans="1:5" x14ac:dyDescent="0.4">
      <c r="A3400">
        <v>3053</v>
      </c>
      <c r="B3400">
        <v>0</v>
      </c>
      <c r="C3400">
        <v>172</v>
      </c>
      <c r="D3400" t="s">
        <v>88</v>
      </c>
      <c r="E3400" s="1">
        <v>44601.740277777775</v>
      </c>
    </row>
    <row r="3401" spans="1:5" x14ac:dyDescent="0.4">
      <c r="A3401">
        <v>3054</v>
      </c>
      <c r="B3401">
        <v>0</v>
      </c>
      <c r="C3401">
        <v>173</v>
      </c>
      <c r="D3401" t="s">
        <v>88</v>
      </c>
      <c r="E3401" s="1">
        <v>44601.740277777775</v>
      </c>
    </row>
    <row r="3402" spans="1:5" x14ac:dyDescent="0.4">
      <c r="A3402">
        <v>3055</v>
      </c>
      <c r="B3402">
        <v>0</v>
      </c>
      <c r="C3402">
        <v>174</v>
      </c>
      <c r="D3402" t="s">
        <v>88</v>
      </c>
      <c r="E3402" s="1">
        <v>44601.740277777775</v>
      </c>
    </row>
    <row r="3403" spans="1:5" x14ac:dyDescent="0.4">
      <c r="A3403">
        <v>3056</v>
      </c>
      <c r="B3403">
        <v>0</v>
      </c>
      <c r="C3403">
        <v>175</v>
      </c>
      <c r="D3403" t="s">
        <v>88</v>
      </c>
      <c r="E3403" s="1">
        <v>44601.740277777775</v>
      </c>
    </row>
    <row r="3404" spans="1:5" x14ac:dyDescent="0.4">
      <c r="A3404">
        <v>3057</v>
      </c>
      <c r="B3404">
        <v>0</v>
      </c>
      <c r="C3404">
        <v>181</v>
      </c>
      <c r="D3404" t="s">
        <v>88</v>
      </c>
      <c r="E3404" s="1">
        <v>44601.740277777775</v>
      </c>
    </row>
    <row r="3405" spans="1:5" x14ac:dyDescent="0.4">
      <c r="A3405">
        <v>3058</v>
      </c>
      <c r="B3405">
        <v>0</v>
      </c>
      <c r="C3405">
        <v>182</v>
      </c>
      <c r="D3405" t="s">
        <v>88</v>
      </c>
      <c r="E3405" s="1">
        <v>44601.740277777775</v>
      </c>
    </row>
    <row r="3406" spans="1:5" x14ac:dyDescent="0.4">
      <c r="A3406">
        <v>3059</v>
      </c>
      <c r="B3406">
        <v>0</v>
      </c>
      <c r="C3406">
        <v>183</v>
      </c>
      <c r="D3406" t="s">
        <v>88</v>
      </c>
      <c r="E3406" s="1">
        <v>44601.740277777775</v>
      </c>
    </row>
    <row r="3407" spans="1:5" x14ac:dyDescent="0.4">
      <c r="A3407">
        <v>3060</v>
      </c>
      <c r="B3407">
        <v>0</v>
      </c>
      <c r="C3407">
        <v>184</v>
      </c>
      <c r="D3407" t="s">
        <v>88</v>
      </c>
      <c r="E3407" s="1">
        <v>44601.740277777775</v>
      </c>
    </row>
    <row r="3408" spans="1:5" x14ac:dyDescent="0.4">
      <c r="A3408">
        <v>3061</v>
      </c>
      <c r="B3408">
        <v>0</v>
      </c>
      <c r="C3408">
        <v>185</v>
      </c>
      <c r="D3408" t="s">
        <v>88</v>
      </c>
      <c r="E3408" s="1">
        <v>44601.740277777775</v>
      </c>
    </row>
    <row r="3409" spans="1:5" x14ac:dyDescent="0.4">
      <c r="A3409">
        <v>3062</v>
      </c>
      <c r="B3409">
        <v>0</v>
      </c>
      <c r="C3409">
        <v>186</v>
      </c>
      <c r="D3409" t="s">
        <v>88</v>
      </c>
      <c r="E3409" s="1">
        <v>44601.740277777775</v>
      </c>
    </row>
    <row r="3410" spans="1:5" x14ac:dyDescent="0.4">
      <c r="A3410">
        <v>3063</v>
      </c>
      <c r="B3410">
        <v>0</v>
      </c>
      <c r="C3410">
        <v>190</v>
      </c>
      <c r="D3410" t="s">
        <v>88</v>
      </c>
      <c r="E3410" s="1">
        <v>44601.740277777775</v>
      </c>
    </row>
    <row r="3411" spans="1:5" x14ac:dyDescent="0.4">
      <c r="A3411">
        <v>3064</v>
      </c>
      <c r="B3411">
        <v>0</v>
      </c>
      <c r="C3411">
        <v>191</v>
      </c>
      <c r="D3411" t="s">
        <v>88</v>
      </c>
      <c r="E3411" s="1">
        <v>44601.740277777775</v>
      </c>
    </row>
    <row r="3412" spans="1:5" x14ac:dyDescent="0.4">
      <c r="A3412">
        <v>3065</v>
      </c>
      <c r="B3412">
        <v>0</v>
      </c>
      <c r="C3412">
        <v>192</v>
      </c>
      <c r="D3412" t="s">
        <v>88</v>
      </c>
      <c r="E3412" s="1">
        <v>44601.740277777775</v>
      </c>
    </row>
    <row r="3413" spans="1:5" x14ac:dyDescent="0.4">
      <c r="A3413">
        <v>3066</v>
      </c>
      <c r="B3413">
        <v>0</v>
      </c>
      <c r="C3413">
        <v>193</v>
      </c>
      <c r="D3413" t="s">
        <v>88</v>
      </c>
      <c r="E3413" s="1">
        <v>44601.740277777775</v>
      </c>
    </row>
    <row r="3414" spans="1:5" x14ac:dyDescent="0.4">
      <c r="A3414">
        <v>3067</v>
      </c>
      <c r="B3414">
        <v>0</v>
      </c>
      <c r="C3414">
        <v>194</v>
      </c>
      <c r="D3414" t="s">
        <v>88</v>
      </c>
      <c r="E3414" s="1">
        <v>44601.740277777775</v>
      </c>
    </row>
    <row r="3415" spans="1:5" x14ac:dyDescent="0.4">
      <c r="A3415">
        <v>3068</v>
      </c>
      <c r="B3415">
        <v>0</v>
      </c>
      <c r="C3415">
        <v>195</v>
      </c>
      <c r="D3415" t="s">
        <v>88</v>
      </c>
      <c r="E3415" s="1">
        <v>44601.740277777775</v>
      </c>
    </row>
    <row r="3416" spans="1:5" x14ac:dyDescent="0.4">
      <c r="A3416">
        <v>3069</v>
      </c>
      <c r="B3416">
        <v>0</v>
      </c>
      <c r="C3416">
        <v>301</v>
      </c>
      <c r="D3416" t="s">
        <v>88</v>
      </c>
      <c r="E3416" s="1">
        <v>44601.740277777775</v>
      </c>
    </row>
    <row r="3417" spans="1:5" x14ac:dyDescent="0.4">
      <c r="A3417">
        <v>3070</v>
      </c>
      <c r="B3417">
        <v>0</v>
      </c>
      <c r="C3417">
        <v>302</v>
      </c>
      <c r="D3417" t="s">
        <v>88</v>
      </c>
      <c r="E3417" s="1">
        <v>44601.740277777775</v>
      </c>
    </row>
    <row r="3418" spans="1:5" x14ac:dyDescent="0.4">
      <c r="A3418">
        <v>3071</v>
      </c>
      <c r="B3418">
        <v>0</v>
      </c>
      <c r="C3418">
        <v>321</v>
      </c>
      <c r="D3418" t="s">
        <v>88</v>
      </c>
      <c r="E3418" s="1">
        <v>44601.740277777775</v>
      </c>
    </row>
    <row r="3419" spans="1:5" x14ac:dyDescent="0.4">
      <c r="A3419">
        <v>3072</v>
      </c>
      <c r="B3419">
        <v>0</v>
      </c>
      <c r="C3419">
        <v>322</v>
      </c>
      <c r="D3419" t="s">
        <v>88</v>
      </c>
      <c r="E3419" s="1">
        <v>44601.740277777775</v>
      </c>
    </row>
    <row r="3420" spans="1:5" x14ac:dyDescent="0.4">
      <c r="A3420">
        <v>3073</v>
      </c>
      <c r="B3420">
        <v>0</v>
      </c>
      <c r="C3420">
        <v>323</v>
      </c>
      <c r="D3420" t="s">
        <v>88</v>
      </c>
      <c r="E3420" s="1">
        <v>44601.740277777775</v>
      </c>
    </row>
    <row r="3421" spans="1:5" x14ac:dyDescent="0.4">
      <c r="A3421">
        <v>3074</v>
      </c>
      <c r="B3421">
        <v>0</v>
      </c>
      <c r="C3421">
        <v>324</v>
      </c>
      <c r="D3421" t="s">
        <v>88</v>
      </c>
      <c r="E3421" s="1">
        <v>44601.740277777775</v>
      </c>
    </row>
    <row r="3422" spans="1:5" x14ac:dyDescent="0.4">
      <c r="A3422">
        <v>3075</v>
      </c>
      <c r="B3422">
        <v>0</v>
      </c>
      <c r="C3422">
        <v>325</v>
      </c>
      <c r="D3422" t="s">
        <v>88</v>
      </c>
      <c r="E3422" s="1">
        <v>44601.740277777775</v>
      </c>
    </row>
    <row r="3423" spans="1:5" x14ac:dyDescent="0.4">
      <c r="A3423">
        <v>3076</v>
      </c>
      <c r="B3423">
        <v>0</v>
      </c>
      <c r="C3423">
        <v>326</v>
      </c>
      <c r="D3423" t="s">
        <v>88</v>
      </c>
      <c r="E3423" s="1">
        <v>44601.740277777775</v>
      </c>
    </row>
    <row r="3424" spans="1:5" x14ac:dyDescent="0.4">
      <c r="A3424">
        <v>3077</v>
      </c>
      <c r="B3424">
        <v>0</v>
      </c>
      <c r="C3424">
        <v>327</v>
      </c>
      <c r="D3424" t="s">
        <v>88</v>
      </c>
      <c r="E3424" s="1">
        <v>44601.740277777775</v>
      </c>
    </row>
    <row r="3425" spans="1:5" x14ac:dyDescent="0.4">
      <c r="A3425">
        <v>3078</v>
      </c>
      <c r="B3425">
        <v>0</v>
      </c>
      <c r="C3425">
        <v>328</v>
      </c>
      <c r="D3425" t="s">
        <v>88</v>
      </c>
      <c r="E3425" s="1">
        <v>44601.740277777775</v>
      </c>
    </row>
    <row r="3426" spans="1:5" x14ac:dyDescent="0.4">
      <c r="A3426">
        <v>3079</v>
      </c>
      <c r="B3426">
        <v>0</v>
      </c>
      <c r="C3426">
        <v>329</v>
      </c>
      <c r="D3426" t="s">
        <v>88</v>
      </c>
      <c r="E3426" s="1">
        <v>44601.740277777775</v>
      </c>
    </row>
    <row r="3427" spans="1:5" x14ac:dyDescent="0.4">
      <c r="A3427">
        <v>3080</v>
      </c>
      <c r="B3427">
        <v>0</v>
      </c>
      <c r="C3427">
        <v>330</v>
      </c>
      <c r="D3427" t="s">
        <v>88</v>
      </c>
      <c r="E3427" s="1">
        <v>44601.740277777775</v>
      </c>
    </row>
    <row r="3428" spans="1:5" x14ac:dyDescent="0.4">
      <c r="A3428">
        <v>3081</v>
      </c>
      <c r="B3428">
        <v>0</v>
      </c>
      <c r="C3428">
        <v>331</v>
      </c>
      <c r="D3428" t="s">
        <v>88</v>
      </c>
      <c r="E3428" s="1">
        <v>44601.740277777775</v>
      </c>
    </row>
    <row r="3429" spans="1:5" x14ac:dyDescent="0.4">
      <c r="A3429">
        <v>3082</v>
      </c>
      <c r="B3429">
        <v>0</v>
      </c>
      <c r="C3429">
        <v>332</v>
      </c>
      <c r="D3429" t="s">
        <v>88</v>
      </c>
      <c r="E3429" s="1">
        <v>44601.740277777775</v>
      </c>
    </row>
    <row r="3430" spans="1:5" x14ac:dyDescent="0.4">
      <c r="A3430">
        <v>3083</v>
      </c>
      <c r="B3430">
        <v>0</v>
      </c>
      <c r="C3430">
        <v>333</v>
      </c>
      <c r="D3430" t="s">
        <v>88</v>
      </c>
      <c r="E3430" s="1">
        <v>44601.740277777775</v>
      </c>
    </row>
    <row r="3431" spans="1:5" x14ac:dyDescent="0.4">
      <c r="A3431">
        <v>3084</v>
      </c>
      <c r="B3431">
        <v>0</v>
      </c>
      <c r="C3431">
        <v>341</v>
      </c>
      <c r="D3431" t="s">
        <v>88</v>
      </c>
      <c r="E3431" s="1">
        <v>44601.740277777775</v>
      </c>
    </row>
    <row r="3432" spans="1:5" x14ac:dyDescent="0.4">
      <c r="A3432">
        <v>3085</v>
      </c>
      <c r="B3432">
        <v>0</v>
      </c>
      <c r="C3432">
        <v>342</v>
      </c>
      <c r="D3432" t="s">
        <v>88</v>
      </c>
      <c r="E3432" s="1">
        <v>44601.740277777775</v>
      </c>
    </row>
    <row r="3433" spans="1:5" x14ac:dyDescent="0.4">
      <c r="A3433">
        <v>3086</v>
      </c>
      <c r="B3433">
        <v>0</v>
      </c>
      <c r="C3433">
        <v>343</v>
      </c>
      <c r="D3433" t="s">
        <v>88</v>
      </c>
      <c r="E3433" s="1">
        <v>44601.740277777775</v>
      </c>
    </row>
    <row r="3434" spans="1:5" x14ac:dyDescent="0.4">
      <c r="A3434">
        <v>3087</v>
      </c>
      <c r="B3434">
        <v>0</v>
      </c>
      <c r="C3434">
        <v>344</v>
      </c>
      <c r="D3434" t="s">
        <v>88</v>
      </c>
      <c r="E3434" s="1">
        <v>44601.740277777775</v>
      </c>
    </row>
    <row r="3435" spans="1:5" x14ac:dyDescent="0.4">
      <c r="A3435">
        <v>3088</v>
      </c>
      <c r="B3435">
        <v>0</v>
      </c>
      <c r="C3435">
        <v>345</v>
      </c>
      <c r="D3435" t="s">
        <v>88</v>
      </c>
      <c r="E3435" s="1">
        <v>44601.740277777775</v>
      </c>
    </row>
    <row r="3436" spans="1:5" x14ac:dyDescent="0.4">
      <c r="A3436">
        <v>3089</v>
      </c>
      <c r="B3436">
        <v>0</v>
      </c>
      <c r="C3436">
        <v>346</v>
      </c>
      <c r="D3436" t="s">
        <v>88</v>
      </c>
      <c r="E3436" s="1">
        <v>44601.740277777775</v>
      </c>
    </row>
    <row r="3437" spans="1:5" x14ac:dyDescent="0.4">
      <c r="A3437">
        <v>3090</v>
      </c>
      <c r="B3437">
        <v>0</v>
      </c>
      <c r="C3437">
        <v>361</v>
      </c>
      <c r="D3437" t="s">
        <v>88</v>
      </c>
      <c r="E3437" s="1">
        <v>44601.740277777775</v>
      </c>
    </row>
    <row r="3438" spans="1:5" x14ac:dyDescent="0.4">
      <c r="A3438">
        <v>3091</v>
      </c>
      <c r="B3438">
        <v>0</v>
      </c>
      <c r="C3438">
        <v>362</v>
      </c>
      <c r="D3438" t="s">
        <v>88</v>
      </c>
      <c r="E3438" s="1">
        <v>44601.740277777775</v>
      </c>
    </row>
    <row r="3439" spans="1:5" x14ac:dyDescent="0.4">
      <c r="A3439">
        <v>3092</v>
      </c>
      <c r="B3439">
        <v>0</v>
      </c>
      <c r="C3439">
        <v>363</v>
      </c>
      <c r="D3439" t="s">
        <v>88</v>
      </c>
      <c r="E3439" s="1">
        <v>44601.740277777775</v>
      </c>
    </row>
    <row r="3440" spans="1:5" x14ac:dyDescent="0.4">
      <c r="A3440">
        <v>3093</v>
      </c>
      <c r="B3440">
        <v>0</v>
      </c>
      <c r="C3440">
        <v>364</v>
      </c>
      <c r="D3440" t="s">
        <v>88</v>
      </c>
      <c r="E3440" s="1">
        <v>44601.740277777775</v>
      </c>
    </row>
    <row r="3441" spans="1:5" x14ac:dyDescent="0.4">
      <c r="A3441">
        <v>3094</v>
      </c>
      <c r="B3441">
        <v>0</v>
      </c>
      <c r="C3441">
        <v>365</v>
      </c>
      <c r="D3441" t="s">
        <v>88</v>
      </c>
      <c r="E3441" s="1">
        <v>44601.740277777775</v>
      </c>
    </row>
    <row r="3442" spans="1:5" x14ac:dyDescent="0.4">
      <c r="A3442">
        <v>3095</v>
      </c>
      <c r="B3442">
        <v>0</v>
      </c>
      <c r="C3442">
        <v>366</v>
      </c>
      <c r="D3442" t="s">
        <v>88</v>
      </c>
      <c r="E3442" s="1">
        <v>44601.740277777775</v>
      </c>
    </row>
    <row r="3443" spans="1:5" x14ac:dyDescent="0.4">
      <c r="A3443">
        <v>3096</v>
      </c>
      <c r="B3443">
        <v>0</v>
      </c>
      <c r="C3443">
        <v>367</v>
      </c>
      <c r="D3443" t="s">
        <v>88</v>
      </c>
      <c r="E3443" s="1">
        <v>44601.740277777775</v>
      </c>
    </row>
    <row r="3444" spans="1:5" x14ac:dyDescent="0.4">
      <c r="A3444">
        <v>3097</v>
      </c>
      <c r="B3444">
        <v>0</v>
      </c>
      <c r="C3444">
        <v>368</v>
      </c>
      <c r="D3444" t="s">
        <v>88</v>
      </c>
      <c r="E3444" s="1">
        <v>44601.740277777775</v>
      </c>
    </row>
    <row r="3445" spans="1:5" x14ac:dyDescent="0.4">
      <c r="A3445">
        <v>3098</v>
      </c>
      <c r="B3445">
        <v>0</v>
      </c>
      <c r="C3445">
        <v>369</v>
      </c>
      <c r="D3445" t="s">
        <v>88</v>
      </c>
      <c r="E3445" s="1">
        <v>44601.740277777775</v>
      </c>
    </row>
    <row r="3446" spans="1:5" x14ac:dyDescent="0.4">
      <c r="A3446">
        <v>3099</v>
      </c>
      <c r="B3446">
        <v>0</v>
      </c>
      <c r="C3446">
        <v>370</v>
      </c>
      <c r="D3446" t="s">
        <v>88</v>
      </c>
      <c r="E3446" s="1">
        <v>44601.740277777775</v>
      </c>
    </row>
    <row r="3447" spans="1:5" x14ac:dyDescent="0.4">
      <c r="A3447">
        <v>3100</v>
      </c>
      <c r="B3447">
        <v>0</v>
      </c>
      <c r="C3447">
        <v>371</v>
      </c>
      <c r="D3447" t="s">
        <v>88</v>
      </c>
      <c r="E3447" s="1">
        <v>44601.740277777775</v>
      </c>
    </row>
    <row r="3448" spans="1:5" x14ac:dyDescent="0.4">
      <c r="A3448">
        <v>3101</v>
      </c>
      <c r="B3448">
        <v>0</v>
      </c>
      <c r="C3448">
        <v>372</v>
      </c>
      <c r="D3448" t="s">
        <v>88</v>
      </c>
      <c r="E3448" s="1">
        <v>44601.740277777775</v>
      </c>
    </row>
    <row r="3449" spans="1:5" x14ac:dyDescent="0.4">
      <c r="A3449">
        <v>3102</v>
      </c>
      <c r="B3449">
        <v>0</v>
      </c>
      <c r="C3449">
        <v>373</v>
      </c>
      <c r="D3449" t="s">
        <v>88</v>
      </c>
      <c r="E3449" s="1">
        <v>44601.740277777775</v>
      </c>
    </row>
    <row r="3450" spans="1:5" x14ac:dyDescent="0.4">
      <c r="A3450">
        <v>3103</v>
      </c>
      <c r="B3450">
        <v>0</v>
      </c>
      <c r="C3450">
        <v>381</v>
      </c>
      <c r="D3450" t="s">
        <v>88</v>
      </c>
      <c r="E3450" s="1">
        <v>44601.740277777775</v>
      </c>
    </row>
    <row r="3451" spans="1:5" x14ac:dyDescent="0.4">
      <c r="A3451">
        <v>3104</v>
      </c>
      <c r="B3451">
        <v>0</v>
      </c>
      <c r="C3451">
        <v>382</v>
      </c>
      <c r="D3451" t="s">
        <v>88</v>
      </c>
      <c r="E3451" s="1">
        <v>44601.740277777775</v>
      </c>
    </row>
    <row r="3452" spans="1:5" x14ac:dyDescent="0.4">
      <c r="A3452">
        <v>3105</v>
      </c>
      <c r="B3452">
        <v>0</v>
      </c>
      <c r="C3452">
        <v>383</v>
      </c>
      <c r="D3452" t="s">
        <v>88</v>
      </c>
      <c r="E3452" s="1">
        <v>44601.740277777775</v>
      </c>
    </row>
    <row r="3453" spans="1:5" x14ac:dyDescent="0.4">
      <c r="A3453">
        <v>3106</v>
      </c>
      <c r="B3453">
        <v>0</v>
      </c>
      <c r="C3453">
        <v>384</v>
      </c>
      <c r="D3453" t="s">
        <v>88</v>
      </c>
      <c r="E3453" s="1">
        <v>44601.740277777775</v>
      </c>
    </row>
    <row r="3454" spans="1:5" x14ac:dyDescent="0.4">
      <c r="A3454">
        <v>3107</v>
      </c>
      <c r="B3454">
        <v>0</v>
      </c>
      <c r="C3454">
        <v>385</v>
      </c>
      <c r="D3454" t="s">
        <v>88</v>
      </c>
      <c r="E3454" s="1">
        <v>44601.740277777775</v>
      </c>
    </row>
    <row r="3455" spans="1:5" x14ac:dyDescent="0.4">
      <c r="A3455">
        <v>3108</v>
      </c>
      <c r="B3455">
        <v>0</v>
      </c>
      <c r="C3455">
        <v>386</v>
      </c>
      <c r="D3455" t="s">
        <v>88</v>
      </c>
      <c r="E3455" s="1">
        <v>44601.740277777775</v>
      </c>
    </row>
    <row r="3456" spans="1:5" x14ac:dyDescent="0.4">
      <c r="A3456">
        <v>3109</v>
      </c>
      <c r="B3456">
        <v>0</v>
      </c>
      <c r="C3456">
        <v>391</v>
      </c>
      <c r="D3456" t="s">
        <v>88</v>
      </c>
      <c r="E3456" s="1">
        <v>44601.740277777775</v>
      </c>
    </row>
    <row r="3457" spans="1:5" x14ac:dyDescent="0.4">
      <c r="A3457">
        <v>3110</v>
      </c>
      <c r="B3457">
        <v>0</v>
      </c>
      <c r="C3457">
        <v>392</v>
      </c>
      <c r="D3457" t="s">
        <v>88</v>
      </c>
      <c r="E3457" s="1">
        <v>44601.740277777775</v>
      </c>
    </row>
    <row r="3458" spans="1:5" x14ac:dyDescent="0.4">
      <c r="A3458">
        <v>3111</v>
      </c>
      <c r="B3458">
        <v>0</v>
      </c>
      <c r="C3458">
        <v>393</v>
      </c>
      <c r="D3458" t="s">
        <v>88</v>
      </c>
      <c r="E3458" s="1">
        <v>44601.740277777775</v>
      </c>
    </row>
    <row r="3459" spans="1:5" x14ac:dyDescent="0.4">
      <c r="A3459">
        <v>3112</v>
      </c>
      <c r="B3459">
        <v>0</v>
      </c>
      <c r="C3459">
        <v>395</v>
      </c>
      <c r="D3459" t="s">
        <v>88</v>
      </c>
      <c r="E3459" s="1">
        <v>44601.740277777775</v>
      </c>
    </row>
    <row r="3460" spans="1:5" x14ac:dyDescent="0.4">
      <c r="A3460">
        <v>3113</v>
      </c>
      <c r="B3460">
        <v>0</v>
      </c>
      <c r="C3460">
        <v>396</v>
      </c>
      <c r="D3460" t="s">
        <v>88</v>
      </c>
      <c r="E3460" s="1">
        <v>44601.740277777775</v>
      </c>
    </row>
    <row r="3461" spans="1:5" x14ac:dyDescent="0.4">
      <c r="A3461">
        <v>3114</v>
      </c>
      <c r="B3461">
        <v>0</v>
      </c>
      <c r="C3461">
        <v>401</v>
      </c>
      <c r="D3461" t="s">
        <v>88</v>
      </c>
      <c r="E3461" s="1">
        <v>44601.740277777775</v>
      </c>
    </row>
    <row r="3462" spans="1:5" x14ac:dyDescent="0.4">
      <c r="A3462">
        <v>3115</v>
      </c>
      <c r="B3462">
        <v>0</v>
      </c>
      <c r="C3462">
        <v>402</v>
      </c>
      <c r="D3462" t="s">
        <v>88</v>
      </c>
      <c r="E3462" s="1">
        <v>44601.740277777775</v>
      </c>
    </row>
    <row r="3463" spans="1:5" x14ac:dyDescent="0.4">
      <c r="A3463">
        <v>3116</v>
      </c>
      <c r="B3463">
        <v>0</v>
      </c>
      <c r="C3463">
        <v>403</v>
      </c>
      <c r="D3463" t="s">
        <v>88</v>
      </c>
      <c r="E3463" s="1">
        <v>44601.740277777775</v>
      </c>
    </row>
    <row r="3464" spans="1:5" x14ac:dyDescent="0.4">
      <c r="A3464">
        <v>3117</v>
      </c>
      <c r="B3464">
        <v>0</v>
      </c>
      <c r="C3464">
        <v>404</v>
      </c>
      <c r="D3464" t="s">
        <v>88</v>
      </c>
      <c r="E3464" s="1">
        <v>44601.740277777775</v>
      </c>
    </row>
    <row r="3465" spans="1:5" x14ac:dyDescent="0.4">
      <c r="A3465">
        <v>3118</v>
      </c>
      <c r="B3465">
        <v>0</v>
      </c>
      <c r="C3465">
        <v>405</v>
      </c>
      <c r="D3465" t="s">
        <v>88</v>
      </c>
      <c r="E3465" s="1">
        <v>44601.740277777775</v>
      </c>
    </row>
    <row r="3466" spans="1:5" x14ac:dyDescent="0.4">
      <c r="A3466">
        <v>3119</v>
      </c>
      <c r="B3466">
        <v>0</v>
      </c>
      <c r="C3466">
        <v>406</v>
      </c>
      <c r="D3466" t="s">
        <v>88</v>
      </c>
      <c r="E3466" s="1">
        <v>44601.740277777775</v>
      </c>
    </row>
    <row r="3467" spans="1:5" x14ac:dyDescent="0.4">
      <c r="A3467">
        <v>3120</v>
      </c>
      <c r="B3467">
        <v>0</v>
      </c>
      <c r="C3467">
        <v>411</v>
      </c>
      <c r="D3467" t="s">
        <v>88</v>
      </c>
      <c r="E3467" s="1">
        <v>44601.740277777775</v>
      </c>
    </row>
    <row r="3468" spans="1:5" x14ac:dyDescent="0.4">
      <c r="A3468">
        <v>3121</v>
      </c>
      <c r="B3468">
        <v>0</v>
      </c>
      <c r="C3468">
        <v>412</v>
      </c>
      <c r="D3468" t="s">
        <v>88</v>
      </c>
      <c r="E3468" s="1">
        <v>44601.740277777775</v>
      </c>
    </row>
    <row r="3469" spans="1:5" x14ac:dyDescent="0.4">
      <c r="A3469">
        <v>3122</v>
      </c>
      <c r="B3469">
        <v>0</v>
      </c>
      <c r="C3469">
        <v>413</v>
      </c>
      <c r="D3469" t="s">
        <v>88</v>
      </c>
      <c r="E3469" s="1">
        <v>44601.740277777775</v>
      </c>
    </row>
    <row r="3470" spans="1:5" x14ac:dyDescent="0.4">
      <c r="A3470">
        <v>3123</v>
      </c>
      <c r="B3470">
        <v>0</v>
      </c>
      <c r="C3470">
        <v>414</v>
      </c>
      <c r="D3470" t="s">
        <v>88</v>
      </c>
      <c r="E3470" s="1">
        <v>44601.740277777775</v>
      </c>
    </row>
    <row r="3471" spans="1:5" x14ac:dyDescent="0.4">
      <c r="A3471">
        <v>3124</v>
      </c>
      <c r="B3471">
        <v>0</v>
      </c>
      <c r="C3471">
        <v>421</v>
      </c>
      <c r="D3471" t="s">
        <v>88</v>
      </c>
      <c r="E3471" s="1">
        <v>44601.740277777775</v>
      </c>
    </row>
    <row r="3472" spans="1:5" x14ac:dyDescent="0.4">
      <c r="A3472">
        <v>3125</v>
      </c>
      <c r="B3472">
        <v>0</v>
      </c>
      <c r="C3472">
        <v>422</v>
      </c>
      <c r="D3472" t="s">
        <v>88</v>
      </c>
      <c r="E3472" s="1">
        <v>44601.740277777775</v>
      </c>
    </row>
    <row r="3473" spans="1:5" x14ac:dyDescent="0.4">
      <c r="A3473">
        <v>3126</v>
      </c>
      <c r="B3473">
        <v>0</v>
      </c>
      <c r="C3473">
        <v>431</v>
      </c>
      <c r="D3473" t="s">
        <v>88</v>
      </c>
      <c r="E3473" s="1">
        <v>44601.740277777775</v>
      </c>
    </row>
    <row r="3474" spans="1:5" x14ac:dyDescent="0.4">
      <c r="A3474">
        <v>3127</v>
      </c>
      <c r="B3474">
        <v>0</v>
      </c>
      <c r="C3474">
        <v>432</v>
      </c>
      <c r="D3474" t="s">
        <v>88</v>
      </c>
      <c r="E3474" s="1">
        <v>44601.740277777775</v>
      </c>
    </row>
    <row r="3475" spans="1:5" x14ac:dyDescent="0.4">
      <c r="A3475">
        <v>3128</v>
      </c>
      <c r="B3475">
        <v>0</v>
      </c>
      <c r="C3475">
        <v>433</v>
      </c>
      <c r="D3475" t="s">
        <v>88</v>
      </c>
      <c r="E3475" s="1">
        <v>44601.740277777775</v>
      </c>
    </row>
    <row r="3476" spans="1:5" x14ac:dyDescent="0.4">
      <c r="A3476">
        <v>3129</v>
      </c>
      <c r="B3476">
        <v>1</v>
      </c>
      <c r="C3476">
        <v>1</v>
      </c>
      <c r="D3476" t="s">
        <v>88</v>
      </c>
      <c r="E3476" s="1">
        <v>44601.886828703704</v>
      </c>
    </row>
    <row r="3477" spans="1:5" x14ac:dyDescent="0.4">
      <c r="A3477">
        <v>3130</v>
      </c>
      <c r="B3477">
        <v>0</v>
      </c>
      <c r="C3477">
        <v>2</v>
      </c>
      <c r="D3477" t="s">
        <v>88</v>
      </c>
      <c r="E3477" s="1">
        <v>44601.886828703704</v>
      </c>
    </row>
    <row r="3478" spans="1:5" x14ac:dyDescent="0.4">
      <c r="A3478">
        <v>3131</v>
      </c>
      <c r="B3478">
        <v>0</v>
      </c>
      <c r="C3478">
        <v>3</v>
      </c>
      <c r="D3478" t="s">
        <v>88</v>
      </c>
      <c r="E3478" s="1">
        <v>44601.886828703704</v>
      </c>
    </row>
    <row r="3479" spans="1:5" x14ac:dyDescent="0.4">
      <c r="A3479">
        <v>3132</v>
      </c>
      <c r="B3479">
        <v>0</v>
      </c>
      <c r="C3479">
        <v>4</v>
      </c>
      <c r="D3479" t="s">
        <v>88</v>
      </c>
      <c r="E3479" s="1">
        <v>44601.886828703704</v>
      </c>
    </row>
    <row r="3480" spans="1:5" x14ac:dyDescent="0.4">
      <c r="A3480">
        <v>3133</v>
      </c>
      <c r="B3480">
        <v>0</v>
      </c>
      <c r="C3480">
        <v>5</v>
      </c>
      <c r="D3480" t="s">
        <v>88</v>
      </c>
      <c r="E3480" s="1">
        <v>44601.886828703704</v>
      </c>
    </row>
    <row r="3481" spans="1:5" x14ac:dyDescent="0.4">
      <c r="A3481">
        <v>3134</v>
      </c>
      <c r="B3481">
        <v>0</v>
      </c>
      <c r="C3481">
        <v>11</v>
      </c>
      <c r="D3481" t="s">
        <v>88</v>
      </c>
      <c r="E3481" s="1">
        <v>44601.886828703704</v>
      </c>
    </row>
    <row r="3482" spans="1:5" x14ac:dyDescent="0.4">
      <c r="A3482">
        <v>3135</v>
      </c>
      <c r="B3482">
        <v>0</v>
      </c>
      <c r="C3482">
        <v>12</v>
      </c>
      <c r="D3482" t="s">
        <v>88</v>
      </c>
      <c r="E3482" s="1">
        <v>44601.886828703704</v>
      </c>
    </row>
    <row r="3483" spans="1:5" x14ac:dyDescent="0.4">
      <c r="A3483">
        <v>3136</v>
      </c>
      <c r="B3483">
        <v>0</v>
      </c>
      <c r="C3483">
        <v>15</v>
      </c>
      <c r="D3483" t="s">
        <v>88</v>
      </c>
      <c r="E3483" s="1">
        <v>44601.886828703704</v>
      </c>
    </row>
    <row r="3484" spans="1:5" x14ac:dyDescent="0.4">
      <c r="A3484">
        <v>3137</v>
      </c>
      <c r="B3484">
        <v>0</v>
      </c>
      <c r="C3484">
        <v>16</v>
      </c>
      <c r="D3484" t="s">
        <v>88</v>
      </c>
      <c r="E3484" s="1">
        <v>44601.886828703704</v>
      </c>
    </row>
    <row r="3485" spans="1:5" x14ac:dyDescent="0.4">
      <c r="A3485">
        <v>3138</v>
      </c>
      <c r="B3485">
        <v>0</v>
      </c>
      <c r="C3485">
        <v>17</v>
      </c>
      <c r="D3485" t="s">
        <v>88</v>
      </c>
      <c r="E3485" s="1">
        <v>44601.886828703704</v>
      </c>
    </row>
    <row r="3486" spans="1:5" x14ac:dyDescent="0.4">
      <c r="A3486">
        <v>3139</v>
      </c>
      <c r="B3486">
        <v>0</v>
      </c>
      <c r="C3486">
        <v>21</v>
      </c>
      <c r="D3486" t="s">
        <v>88</v>
      </c>
      <c r="E3486" s="1">
        <v>44601.886828703704</v>
      </c>
    </row>
    <row r="3487" spans="1:5" x14ac:dyDescent="0.4">
      <c r="A3487">
        <v>3140</v>
      </c>
      <c r="B3487">
        <v>0</v>
      </c>
      <c r="C3487">
        <v>22</v>
      </c>
      <c r="D3487" t="s">
        <v>88</v>
      </c>
      <c r="E3487" s="1">
        <v>44601.886828703704</v>
      </c>
    </row>
    <row r="3488" spans="1:5" x14ac:dyDescent="0.4">
      <c r="A3488">
        <v>3141</v>
      </c>
      <c r="B3488">
        <v>0</v>
      </c>
      <c r="C3488">
        <v>23</v>
      </c>
      <c r="D3488" t="s">
        <v>88</v>
      </c>
      <c r="E3488" s="1">
        <v>44601.886828703704</v>
      </c>
    </row>
    <row r="3489" spans="1:5" x14ac:dyDescent="0.4">
      <c r="A3489">
        <v>3142</v>
      </c>
      <c r="B3489">
        <v>0</v>
      </c>
      <c r="C3489">
        <v>24</v>
      </c>
      <c r="D3489" t="s">
        <v>88</v>
      </c>
      <c r="E3489" s="1">
        <v>44601.886828703704</v>
      </c>
    </row>
    <row r="3490" spans="1:5" x14ac:dyDescent="0.4">
      <c r="A3490">
        <v>3143</v>
      </c>
      <c r="B3490">
        <v>0</v>
      </c>
      <c r="C3490">
        <v>25</v>
      </c>
      <c r="D3490" t="s">
        <v>88</v>
      </c>
      <c r="E3490" s="1">
        <v>44601.886828703704</v>
      </c>
    </row>
    <row r="3491" spans="1:5" x14ac:dyDescent="0.4">
      <c r="A3491">
        <v>3144</v>
      </c>
      <c r="B3491">
        <v>0</v>
      </c>
      <c r="C3491">
        <v>26</v>
      </c>
      <c r="D3491" t="s">
        <v>88</v>
      </c>
      <c r="E3491" s="1">
        <v>44601.886828703704</v>
      </c>
    </row>
    <row r="3492" spans="1:5" x14ac:dyDescent="0.4">
      <c r="A3492">
        <v>3145</v>
      </c>
      <c r="B3492">
        <v>0</v>
      </c>
      <c r="C3492">
        <v>27</v>
      </c>
      <c r="D3492" t="s">
        <v>88</v>
      </c>
      <c r="E3492" s="1">
        <v>44601.886828703704</v>
      </c>
    </row>
    <row r="3493" spans="1:5" x14ac:dyDescent="0.4">
      <c r="A3493">
        <v>3146</v>
      </c>
      <c r="B3493">
        <v>0</v>
      </c>
      <c r="C3493">
        <v>28</v>
      </c>
      <c r="D3493" t="s">
        <v>88</v>
      </c>
      <c r="E3493" s="1">
        <v>44601.886828703704</v>
      </c>
    </row>
    <row r="3494" spans="1:5" x14ac:dyDescent="0.4">
      <c r="A3494">
        <v>3147</v>
      </c>
      <c r="B3494">
        <v>0</v>
      </c>
      <c r="C3494">
        <v>29</v>
      </c>
      <c r="D3494" t="s">
        <v>88</v>
      </c>
      <c r="E3494" s="1">
        <v>44601.886828703704</v>
      </c>
    </row>
    <row r="3495" spans="1:5" x14ac:dyDescent="0.4">
      <c r="A3495">
        <v>3148</v>
      </c>
      <c r="B3495">
        <v>0</v>
      </c>
      <c r="C3495">
        <v>30</v>
      </c>
      <c r="D3495" t="s">
        <v>88</v>
      </c>
      <c r="E3495" s="1">
        <v>44601.886828703704</v>
      </c>
    </row>
    <row r="3496" spans="1:5" x14ac:dyDescent="0.4">
      <c r="A3496">
        <v>3149</v>
      </c>
      <c r="B3496">
        <v>0</v>
      </c>
      <c r="C3496">
        <v>31</v>
      </c>
      <c r="D3496" t="s">
        <v>88</v>
      </c>
      <c r="E3496" s="1">
        <v>44601.886828703704</v>
      </c>
    </row>
    <row r="3497" spans="1:5" x14ac:dyDescent="0.4">
      <c r="A3497">
        <v>3150</v>
      </c>
      <c r="B3497">
        <v>0</v>
      </c>
      <c r="C3497">
        <v>32</v>
      </c>
      <c r="D3497" t="s">
        <v>88</v>
      </c>
      <c r="E3497" s="1">
        <v>44601.886828703704</v>
      </c>
    </row>
    <row r="3498" spans="1:5" x14ac:dyDescent="0.4">
      <c r="A3498">
        <v>3151</v>
      </c>
      <c r="B3498">
        <v>0</v>
      </c>
      <c r="C3498">
        <v>33</v>
      </c>
      <c r="D3498" t="s">
        <v>88</v>
      </c>
      <c r="E3498" s="1">
        <v>44601.886828703704</v>
      </c>
    </row>
    <row r="3499" spans="1:5" x14ac:dyDescent="0.4">
      <c r="A3499">
        <v>3152</v>
      </c>
      <c r="B3499">
        <v>0</v>
      </c>
      <c r="C3499">
        <v>41</v>
      </c>
      <c r="D3499" t="s">
        <v>88</v>
      </c>
      <c r="E3499" s="1">
        <v>44601.886828703704</v>
      </c>
    </row>
    <row r="3500" spans="1:5" x14ac:dyDescent="0.4">
      <c r="A3500">
        <v>3153</v>
      </c>
      <c r="B3500">
        <v>0</v>
      </c>
      <c r="C3500">
        <v>42</v>
      </c>
      <c r="D3500" t="s">
        <v>88</v>
      </c>
      <c r="E3500" s="1">
        <v>44601.886828703704</v>
      </c>
    </row>
    <row r="3501" spans="1:5" x14ac:dyDescent="0.4">
      <c r="A3501">
        <v>3154</v>
      </c>
      <c r="B3501">
        <v>0</v>
      </c>
      <c r="C3501">
        <v>43</v>
      </c>
      <c r="D3501" t="s">
        <v>88</v>
      </c>
      <c r="E3501" s="1">
        <v>44601.886828703704</v>
      </c>
    </row>
    <row r="3502" spans="1:5" x14ac:dyDescent="0.4">
      <c r="A3502">
        <v>3155</v>
      </c>
      <c r="B3502">
        <v>0</v>
      </c>
      <c r="C3502">
        <v>44</v>
      </c>
      <c r="D3502" t="s">
        <v>88</v>
      </c>
      <c r="E3502" s="1">
        <v>44601.886828703704</v>
      </c>
    </row>
    <row r="3503" spans="1:5" x14ac:dyDescent="0.4">
      <c r="A3503">
        <v>3156</v>
      </c>
      <c r="B3503">
        <v>0</v>
      </c>
      <c r="C3503">
        <v>45</v>
      </c>
      <c r="D3503" t="s">
        <v>88</v>
      </c>
      <c r="E3503" s="1">
        <v>44601.886828703704</v>
      </c>
    </row>
    <row r="3504" spans="1:5" x14ac:dyDescent="0.4">
      <c r="A3504">
        <v>3157</v>
      </c>
      <c r="B3504">
        <v>0</v>
      </c>
      <c r="C3504">
        <v>46</v>
      </c>
      <c r="D3504" t="s">
        <v>88</v>
      </c>
      <c r="E3504" s="1">
        <v>44601.886828703704</v>
      </c>
    </row>
    <row r="3505" spans="1:5" x14ac:dyDescent="0.4">
      <c r="A3505">
        <v>3158</v>
      </c>
      <c r="B3505">
        <v>0</v>
      </c>
      <c r="C3505">
        <v>47</v>
      </c>
      <c r="D3505" t="s">
        <v>88</v>
      </c>
      <c r="E3505" s="1">
        <v>44601.886828703704</v>
      </c>
    </row>
    <row r="3506" spans="1:5" x14ac:dyDescent="0.4">
      <c r="A3506">
        <v>3159</v>
      </c>
      <c r="B3506">
        <v>0</v>
      </c>
      <c r="C3506">
        <v>48</v>
      </c>
      <c r="D3506" t="s">
        <v>88</v>
      </c>
      <c r="E3506" s="1">
        <v>44601.886828703704</v>
      </c>
    </row>
    <row r="3507" spans="1:5" x14ac:dyDescent="0.4">
      <c r="A3507">
        <v>3160</v>
      </c>
      <c r="B3507">
        <v>0</v>
      </c>
      <c r="C3507">
        <v>49</v>
      </c>
      <c r="D3507" t="s">
        <v>88</v>
      </c>
      <c r="E3507" s="1">
        <v>44601.886828703704</v>
      </c>
    </row>
    <row r="3508" spans="1:5" x14ac:dyDescent="0.4">
      <c r="A3508">
        <v>3161</v>
      </c>
      <c r="B3508">
        <v>0</v>
      </c>
      <c r="C3508">
        <v>50</v>
      </c>
      <c r="D3508" t="s">
        <v>88</v>
      </c>
      <c r="E3508" s="1">
        <v>44601.886828703704</v>
      </c>
    </row>
    <row r="3509" spans="1:5" x14ac:dyDescent="0.4">
      <c r="A3509">
        <v>3162</v>
      </c>
      <c r="B3509">
        <v>0</v>
      </c>
      <c r="C3509">
        <v>51</v>
      </c>
      <c r="D3509" t="s">
        <v>88</v>
      </c>
      <c r="E3509" s="1">
        <v>44601.886828703704</v>
      </c>
    </row>
    <row r="3510" spans="1:5" x14ac:dyDescent="0.4">
      <c r="A3510">
        <v>3163</v>
      </c>
      <c r="B3510">
        <v>0</v>
      </c>
      <c r="C3510">
        <v>52</v>
      </c>
      <c r="D3510" t="s">
        <v>88</v>
      </c>
      <c r="E3510" s="1">
        <v>44601.886828703704</v>
      </c>
    </row>
    <row r="3511" spans="1:5" x14ac:dyDescent="0.4">
      <c r="A3511">
        <v>3164</v>
      </c>
      <c r="B3511">
        <v>0</v>
      </c>
      <c r="C3511">
        <v>53</v>
      </c>
      <c r="D3511" t="s">
        <v>88</v>
      </c>
      <c r="E3511" s="1">
        <v>44601.886828703704</v>
      </c>
    </row>
    <row r="3512" spans="1:5" x14ac:dyDescent="0.4">
      <c r="A3512">
        <v>3165</v>
      </c>
      <c r="B3512">
        <v>0</v>
      </c>
      <c r="C3512">
        <v>54</v>
      </c>
      <c r="D3512" t="s">
        <v>88</v>
      </c>
      <c r="E3512" s="1">
        <v>44601.886828703704</v>
      </c>
    </row>
    <row r="3513" spans="1:5" x14ac:dyDescent="0.4">
      <c r="A3513">
        <v>3166</v>
      </c>
      <c r="B3513">
        <v>0</v>
      </c>
      <c r="C3513">
        <v>55</v>
      </c>
      <c r="D3513" t="s">
        <v>88</v>
      </c>
      <c r="E3513" s="1">
        <v>44601.886828703704</v>
      </c>
    </row>
    <row r="3514" spans="1:5" x14ac:dyDescent="0.4">
      <c r="A3514">
        <v>3167</v>
      </c>
      <c r="B3514">
        <v>0</v>
      </c>
      <c r="C3514">
        <v>61</v>
      </c>
      <c r="D3514" t="s">
        <v>88</v>
      </c>
      <c r="E3514" s="1">
        <v>44601.886828703704</v>
      </c>
    </row>
    <row r="3515" spans="1:5" x14ac:dyDescent="0.4">
      <c r="A3515">
        <v>3168</v>
      </c>
      <c r="B3515">
        <v>0</v>
      </c>
      <c r="C3515">
        <v>62</v>
      </c>
      <c r="D3515" t="s">
        <v>88</v>
      </c>
      <c r="E3515" s="1">
        <v>44601.886828703704</v>
      </c>
    </row>
    <row r="3516" spans="1:5" x14ac:dyDescent="0.4">
      <c r="A3516">
        <v>3169</v>
      </c>
      <c r="B3516">
        <v>0</v>
      </c>
      <c r="C3516">
        <v>63</v>
      </c>
      <c r="D3516" t="s">
        <v>88</v>
      </c>
      <c r="E3516" s="1">
        <v>44601.886828703704</v>
      </c>
    </row>
    <row r="3517" spans="1:5" x14ac:dyDescent="0.4">
      <c r="A3517">
        <v>3170</v>
      </c>
      <c r="B3517">
        <v>0</v>
      </c>
      <c r="C3517">
        <v>64</v>
      </c>
      <c r="D3517" t="s">
        <v>88</v>
      </c>
      <c r="E3517" s="1">
        <v>44601.886828703704</v>
      </c>
    </row>
    <row r="3518" spans="1:5" x14ac:dyDescent="0.4">
      <c r="A3518">
        <v>3171</v>
      </c>
      <c r="B3518">
        <v>0</v>
      </c>
      <c r="C3518">
        <v>65</v>
      </c>
      <c r="D3518" t="s">
        <v>88</v>
      </c>
      <c r="E3518" s="1">
        <v>44601.886828703704</v>
      </c>
    </row>
    <row r="3519" spans="1:5" x14ac:dyDescent="0.4">
      <c r="A3519">
        <v>3172</v>
      </c>
      <c r="B3519">
        <v>0</v>
      </c>
      <c r="C3519">
        <v>66</v>
      </c>
      <c r="D3519" t="s">
        <v>88</v>
      </c>
      <c r="E3519" s="1">
        <v>44601.886828703704</v>
      </c>
    </row>
    <row r="3520" spans="1:5" x14ac:dyDescent="0.4">
      <c r="A3520">
        <v>3173</v>
      </c>
      <c r="B3520">
        <v>0</v>
      </c>
      <c r="C3520">
        <v>67</v>
      </c>
      <c r="D3520" t="s">
        <v>88</v>
      </c>
      <c r="E3520" s="1">
        <v>44601.886828703704</v>
      </c>
    </row>
    <row r="3521" spans="1:5" x14ac:dyDescent="0.4">
      <c r="A3521">
        <v>3174</v>
      </c>
      <c r="B3521">
        <v>0</v>
      </c>
      <c r="C3521">
        <v>68</v>
      </c>
      <c r="D3521" t="s">
        <v>88</v>
      </c>
      <c r="E3521" s="1">
        <v>44601.886828703704</v>
      </c>
    </row>
    <row r="3522" spans="1:5" x14ac:dyDescent="0.4">
      <c r="A3522">
        <v>3175</v>
      </c>
      <c r="B3522">
        <v>0</v>
      </c>
      <c r="C3522">
        <v>69</v>
      </c>
      <c r="D3522" t="s">
        <v>88</v>
      </c>
      <c r="E3522" s="1">
        <v>44601.886828703704</v>
      </c>
    </row>
    <row r="3523" spans="1:5" x14ac:dyDescent="0.4">
      <c r="A3523">
        <v>3176</v>
      </c>
      <c r="B3523">
        <v>0</v>
      </c>
      <c r="C3523">
        <v>70</v>
      </c>
      <c r="D3523" t="s">
        <v>88</v>
      </c>
      <c r="E3523" s="1">
        <v>44601.886828703704</v>
      </c>
    </row>
    <row r="3524" spans="1:5" x14ac:dyDescent="0.4">
      <c r="A3524">
        <v>3177</v>
      </c>
      <c r="B3524">
        <v>0</v>
      </c>
      <c r="C3524">
        <v>71</v>
      </c>
      <c r="D3524" t="s">
        <v>88</v>
      </c>
      <c r="E3524" s="1">
        <v>44601.886828703704</v>
      </c>
    </row>
    <row r="3525" spans="1:5" x14ac:dyDescent="0.4">
      <c r="A3525">
        <v>3178</v>
      </c>
      <c r="B3525">
        <v>0</v>
      </c>
      <c r="C3525">
        <v>72</v>
      </c>
      <c r="D3525" t="s">
        <v>88</v>
      </c>
      <c r="E3525" s="1">
        <v>44601.886828703704</v>
      </c>
    </row>
    <row r="3526" spans="1:5" x14ac:dyDescent="0.4">
      <c r="A3526">
        <v>3179</v>
      </c>
      <c r="B3526">
        <v>0</v>
      </c>
      <c r="C3526">
        <v>73</v>
      </c>
      <c r="D3526" t="s">
        <v>88</v>
      </c>
      <c r="E3526" s="1">
        <v>44601.886828703704</v>
      </c>
    </row>
    <row r="3527" spans="1:5" x14ac:dyDescent="0.4">
      <c r="A3527">
        <v>3180</v>
      </c>
      <c r="B3527">
        <v>0</v>
      </c>
      <c r="C3527">
        <v>74</v>
      </c>
      <c r="D3527" t="s">
        <v>88</v>
      </c>
      <c r="E3527" s="1">
        <v>44601.886828703704</v>
      </c>
    </row>
    <row r="3528" spans="1:5" x14ac:dyDescent="0.4">
      <c r="A3528">
        <v>3181</v>
      </c>
      <c r="B3528">
        <v>0</v>
      </c>
      <c r="C3528">
        <v>75</v>
      </c>
      <c r="D3528" t="s">
        <v>88</v>
      </c>
      <c r="E3528" s="1">
        <v>44601.886828703704</v>
      </c>
    </row>
    <row r="3529" spans="1:5" x14ac:dyDescent="0.4">
      <c r="A3529">
        <v>3182</v>
      </c>
      <c r="B3529">
        <v>0</v>
      </c>
      <c r="C3529">
        <v>76</v>
      </c>
      <c r="D3529" t="s">
        <v>88</v>
      </c>
      <c r="E3529" s="1">
        <v>44601.886828703704</v>
      </c>
    </row>
    <row r="3530" spans="1:5" x14ac:dyDescent="0.4">
      <c r="A3530">
        <v>3183</v>
      </c>
      <c r="B3530">
        <v>0</v>
      </c>
      <c r="C3530">
        <v>77</v>
      </c>
      <c r="D3530" t="s">
        <v>88</v>
      </c>
      <c r="E3530" s="1">
        <v>44601.886828703704</v>
      </c>
    </row>
    <row r="3531" spans="1:5" x14ac:dyDescent="0.4">
      <c r="A3531">
        <v>3184</v>
      </c>
      <c r="B3531">
        <v>0</v>
      </c>
      <c r="C3531">
        <v>78</v>
      </c>
      <c r="D3531" t="s">
        <v>88</v>
      </c>
      <c r="E3531" s="1">
        <v>44601.886828703704</v>
      </c>
    </row>
    <row r="3532" spans="1:5" x14ac:dyDescent="0.4">
      <c r="A3532">
        <v>3185</v>
      </c>
      <c r="B3532">
        <v>0</v>
      </c>
      <c r="C3532">
        <v>79</v>
      </c>
      <c r="D3532" t="s">
        <v>88</v>
      </c>
      <c r="E3532" s="1">
        <v>44601.886828703704</v>
      </c>
    </row>
    <row r="3533" spans="1:5" x14ac:dyDescent="0.4">
      <c r="A3533">
        <v>3186</v>
      </c>
      <c r="B3533">
        <v>0</v>
      </c>
      <c r="C3533">
        <v>91</v>
      </c>
      <c r="D3533" t="s">
        <v>88</v>
      </c>
      <c r="E3533" s="1">
        <v>44601.886828703704</v>
      </c>
    </row>
    <row r="3534" spans="1:5" x14ac:dyDescent="0.4">
      <c r="A3534">
        <v>3187</v>
      </c>
      <c r="B3534">
        <v>0</v>
      </c>
      <c r="C3534">
        <v>92</v>
      </c>
      <c r="D3534" t="s">
        <v>88</v>
      </c>
      <c r="E3534" s="1">
        <v>44601.886828703704</v>
      </c>
    </row>
    <row r="3535" spans="1:5" x14ac:dyDescent="0.4">
      <c r="A3535">
        <v>3188</v>
      </c>
      <c r="B3535">
        <v>0</v>
      </c>
      <c r="C3535">
        <v>93</v>
      </c>
      <c r="D3535" t="s">
        <v>88</v>
      </c>
      <c r="E3535" s="1">
        <v>44601.886828703704</v>
      </c>
    </row>
    <row r="3536" spans="1:5" x14ac:dyDescent="0.4">
      <c r="A3536">
        <v>3189</v>
      </c>
      <c r="B3536">
        <v>0</v>
      </c>
      <c r="C3536">
        <v>94</v>
      </c>
      <c r="D3536" t="s">
        <v>88</v>
      </c>
      <c r="E3536" s="1">
        <v>44601.886828703704</v>
      </c>
    </row>
    <row r="3537" spans="1:5" x14ac:dyDescent="0.4">
      <c r="A3537">
        <v>3190</v>
      </c>
      <c r="B3537">
        <v>0</v>
      </c>
      <c r="C3537">
        <v>95</v>
      </c>
      <c r="D3537" t="s">
        <v>88</v>
      </c>
      <c r="E3537" s="1">
        <v>44601.886828703704</v>
      </c>
    </row>
    <row r="3538" spans="1:5" x14ac:dyDescent="0.4">
      <c r="A3538">
        <v>3191</v>
      </c>
      <c r="B3538">
        <v>0</v>
      </c>
      <c r="C3538">
        <v>96</v>
      </c>
      <c r="D3538" t="s">
        <v>88</v>
      </c>
      <c r="E3538" s="1">
        <v>44601.886828703704</v>
      </c>
    </row>
    <row r="3539" spans="1:5" x14ac:dyDescent="0.4">
      <c r="A3539">
        <v>3192</v>
      </c>
      <c r="B3539">
        <v>0</v>
      </c>
      <c r="C3539">
        <v>97</v>
      </c>
      <c r="D3539" t="s">
        <v>88</v>
      </c>
      <c r="E3539" s="1">
        <v>44601.886828703704</v>
      </c>
    </row>
    <row r="3540" spans="1:5" x14ac:dyDescent="0.4">
      <c r="A3540">
        <v>3193</v>
      </c>
      <c r="B3540">
        <v>0</v>
      </c>
      <c r="C3540">
        <v>98</v>
      </c>
      <c r="D3540" t="s">
        <v>88</v>
      </c>
      <c r="E3540" s="1">
        <v>44601.886828703704</v>
      </c>
    </row>
    <row r="3541" spans="1:5" x14ac:dyDescent="0.4">
      <c r="A3541">
        <v>3194</v>
      </c>
      <c r="B3541">
        <v>0</v>
      </c>
      <c r="C3541">
        <v>99</v>
      </c>
      <c r="D3541" t="s">
        <v>88</v>
      </c>
      <c r="E3541" s="1">
        <v>44601.886828703704</v>
      </c>
    </row>
    <row r="3542" spans="1:5" x14ac:dyDescent="0.4">
      <c r="A3542">
        <v>3195</v>
      </c>
      <c r="B3542">
        <v>0</v>
      </c>
      <c r="C3542">
        <v>100</v>
      </c>
      <c r="D3542" t="s">
        <v>88</v>
      </c>
      <c r="E3542" s="1">
        <v>44601.886828703704</v>
      </c>
    </row>
    <row r="3543" spans="1:5" x14ac:dyDescent="0.4">
      <c r="A3543">
        <v>3196</v>
      </c>
      <c r="B3543">
        <v>0</v>
      </c>
      <c r="C3543">
        <v>101</v>
      </c>
      <c r="D3543" t="s">
        <v>88</v>
      </c>
      <c r="E3543" s="1">
        <v>44601.886828703704</v>
      </c>
    </row>
    <row r="3544" spans="1:5" x14ac:dyDescent="0.4">
      <c r="A3544">
        <v>3197</v>
      </c>
      <c r="B3544">
        <v>0</v>
      </c>
      <c r="C3544">
        <v>102</v>
      </c>
      <c r="D3544" t="s">
        <v>88</v>
      </c>
      <c r="E3544" s="1">
        <v>44601.886828703704</v>
      </c>
    </row>
    <row r="3545" spans="1:5" x14ac:dyDescent="0.4">
      <c r="A3545">
        <v>3198</v>
      </c>
      <c r="B3545">
        <v>0</v>
      </c>
      <c r="C3545">
        <v>103</v>
      </c>
      <c r="D3545" t="s">
        <v>88</v>
      </c>
      <c r="E3545" s="1">
        <v>44601.886828703704</v>
      </c>
    </row>
    <row r="3546" spans="1:5" x14ac:dyDescent="0.4">
      <c r="A3546">
        <v>3199</v>
      </c>
      <c r="B3546">
        <v>0</v>
      </c>
      <c r="C3546">
        <v>104</v>
      </c>
      <c r="D3546" t="s">
        <v>88</v>
      </c>
      <c r="E3546" s="1">
        <v>44601.886828703704</v>
      </c>
    </row>
    <row r="3547" spans="1:5" x14ac:dyDescent="0.4">
      <c r="A3547">
        <v>3200</v>
      </c>
      <c r="B3547">
        <v>0</v>
      </c>
      <c r="C3547">
        <v>105</v>
      </c>
      <c r="D3547" t="s">
        <v>88</v>
      </c>
      <c r="E3547" s="1">
        <v>44601.886828703704</v>
      </c>
    </row>
    <row r="3548" spans="1:5" x14ac:dyDescent="0.4">
      <c r="A3548">
        <v>3201</v>
      </c>
      <c r="B3548">
        <v>0</v>
      </c>
      <c r="C3548">
        <v>106</v>
      </c>
      <c r="D3548" t="s">
        <v>88</v>
      </c>
      <c r="E3548" s="1">
        <v>44601.886828703704</v>
      </c>
    </row>
    <row r="3549" spans="1:5" x14ac:dyDescent="0.4">
      <c r="A3549">
        <v>3202</v>
      </c>
      <c r="B3549">
        <v>0</v>
      </c>
      <c r="C3549">
        <v>107</v>
      </c>
      <c r="D3549" t="s">
        <v>88</v>
      </c>
      <c r="E3549" s="1">
        <v>44601.886828703704</v>
      </c>
    </row>
    <row r="3550" spans="1:5" x14ac:dyDescent="0.4">
      <c r="A3550">
        <v>3203</v>
      </c>
      <c r="B3550">
        <v>0</v>
      </c>
      <c r="C3550">
        <v>108</v>
      </c>
      <c r="D3550" t="s">
        <v>88</v>
      </c>
      <c r="E3550" s="1">
        <v>44601.886828703704</v>
      </c>
    </row>
    <row r="3551" spans="1:5" x14ac:dyDescent="0.4">
      <c r="A3551">
        <v>3204</v>
      </c>
      <c r="B3551">
        <v>0</v>
      </c>
      <c r="C3551">
        <v>109</v>
      </c>
      <c r="D3551" t="s">
        <v>88</v>
      </c>
      <c r="E3551" s="1">
        <v>44601.886828703704</v>
      </c>
    </row>
    <row r="3552" spans="1:5" x14ac:dyDescent="0.4">
      <c r="A3552">
        <v>3205</v>
      </c>
      <c r="B3552">
        <v>0</v>
      </c>
      <c r="C3552">
        <v>110</v>
      </c>
      <c r="D3552" t="s">
        <v>88</v>
      </c>
      <c r="E3552" s="1">
        <v>44601.886828703704</v>
      </c>
    </row>
    <row r="3553" spans="1:5" x14ac:dyDescent="0.4">
      <c r="A3553">
        <v>3206</v>
      </c>
      <c r="B3553">
        <v>0</v>
      </c>
      <c r="C3553">
        <v>111</v>
      </c>
      <c r="D3553" t="s">
        <v>88</v>
      </c>
      <c r="E3553" s="1">
        <v>44601.886828703704</v>
      </c>
    </row>
    <row r="3554" spans="1:5" x14ac:dyDescent="0.4">
      <c r="A3554">
        <v>3207</v>
      </c>
      <c r="B3554">
        <v>0</v>
      </c>
      <c r="C3554">
        <v>112</v>
      </c>
      <c r="D3554" t="s">
        <v>88</v>
      </c>
      <c r="E3554" s="1">
        <v>44601.886828703704</v>
      </c>
    </row>
    <row r="3555" spans="1:5" x14ac:dyDescent="0.4">
      <c r="A3555">
        <v>3208</v>
      </c>
      <c r="B3555">
        <v>0</v>
      </c>
      <c r="C3555">
        <v>113</v>
      </c>
      <c r="D3555" t="s">
        <v>88</v>
      </c>
      <c r="E3555" s="1">
        <v>44601.886828703704</v>
      </c>
    </row>
    <row r="3556" spans="1:5" x14ac:dyDescent="0.4">
      <c r="A3556">
        <v>3209</v>
      </c>
      <c r="B3556">
        <v>0</v>
      </c>
      <c r="C3556">
        <v>114</v>
      </c>
      <c r="D3556" t="s">
        <v>88</v>
      </c>
      <c r="E3556" s="1">
        <v>44601.886828703704</v>
      </c>
    </row>
    <row r="3557" spans="1:5" x14ac:dyDescent="0.4">
      <c r="A3557">
        <v>3210</v>
      </c>
      <c r="B3557">
        <v>0</v>
      </c>
      <c r="C3557">
        <v>115</v>
      </c>
      <c r="D3557" t="s">
        <v>88</v>
      </c>
      <c r="E3557" s="1">
        <v>44601.886828703704</v>
      </c>
    </row>
    <row r="3558" spans="1:5" x14ac:dyDescent="0.4">
      <c r="A3558">
        <v>3211</v>
      </c>
      <c r="B3558">
        <v>0</v>
      </c>
      <c r="C3558">
        <v>116</v>
      </c>
      <c r="D3558" t="s">
        <v>88</v>
      </c>
      <c r="E3558" s="1">
        <v>44601.886828703704</v>
      </c>
    </row>
    <row r="3559" spans="1:5" x14ac:dyDescent="0.4">
      <c r="A3559">
        <v>3212</v>
      </c>
      <c r="B3559">
        <v>0</v>
      </c>
      <c r="C3559">
        <v>121</v>
      </c>
      <c r="D3559" t="s">
        <v>88</v>
      </c>
      <c r="E3559" s="1">
        <v>44601.886828703704</v>
      </c>
    </row>
    <row r="3560" spans="1:5" x14ac:dyDescent="0.4">
      <c r="A3560">
        <v>3213</v>
      </c>
      <c r="B3560">
        <v>0</v>
      </c>
      <c r="C3560">
        <v>122</v>
      </c>
      <c r="D3560" t="s">
        <v>88</v>
      </c>
      <c r="E3560" s="1">
        <v>44601.886828703704</v>
      </c>
    </row>
    <row r="3561" spans="1:5" x14ac:dyDescent="0.4">
      <c r="A3561">
        <v>3214</v>
      </c>
      <c r="B3561">
        <v>0</v>
      </c>
      <c r="C3561">
        <v>123</v>
      </c>
      <c r="D3561" t="s">
        <v>88</v>
      </c>
      <c r="E3561" s="1">
        <v>44601.886828703704</v>
      </c>
    </row>
    <row r="3562" spans="1:5" x14ac:dyDescent="0.4">
      <c r="A3562">
        <v>3215</v>
      </c>
      <c r="B3562">
        <v>0</v>
      </c>
      <c r="C3562">
        <v>124</v>
      </c>
      <c r="D3562" t="s">
        <v>88</v>
      </c>
      <c r="E3562" s="1">
        <v>44601.886828703704</v>
      </c>
    </row>
    <row r="3563" spans="1:5" x14ac:dyDescent="0.4">
      <c r="A3563">
        <v>3216</v>
      </c>
      <c r="B3563">
        <v>0</v>
      </c>
      <c r="C3563">
        <v>125</v>
      </c>
      <c r="D3563" t="s">
        <v>88</v>
      </c>
      <c r="E3563" s="1">
        <v>44601.886828703704</v>
      </c>
    </row>
    <row r="3564" spans="1:5" x14ac:dyDescent="0.4">
      <c r="A3564">
        <v>3217</v>
      </c>
      <c r="B3564">
        <v>0</v>
      </c>
      <c r="C3564">
        <v>126</v>
      </c>
      <c r="D3564" t="s">
        <v>88</v>
      </c>
      <c r="E3564" s="1">
        <v>44601.886828703704</v>
      </c>
    </row>
    <row r="3565" spans="1:5" x14ac:dyDescent="0.4">
      <c r="A3565">
        <v>3218</v>
      </c>
      <c r="B3565">
        <v>0</v>
      </c>
      <c r="C3565">
        <v>131</v>
      </c>
      <c r="D3565" t="s">
        <v>88</v>
      </c>
      <c r="E3565" s="1">
        <v>44601.886828703704</v>
      </c>
    </row>
    <row r="3566" spans="1:5" x14ac:dyDescent="0.4">
      <c r="A3566">
        <v>3219</v>
      </c>
      <c r="B3566">
        <v>0</v>
      </c>
      <c r="C3566">
        <v>141</v>
      </c>
      <c r="D3566" t="s">
        <v>88</v>
      </c>
      <c r="E3566" s="1">
        <v>44601.886828703704</v>
      </c>
    </row>
    <row r="3567" spans="1:5" x14ac:dyDescent="0.4">
      <c r="A3567">
        <v>3220</v>
      </c>
      <c r="B3567">
        <v>0</v>
      </c>
      <c r="C3567">
        <v>142</v>
      </c>
      <c r="D3567" t="s">
        <v>88</v>
      </c>
      <c r="E3567" s="1">
        <v>44601.886828703704</v>
      </c>
    </row>
    <row r="3568" spans="1:5" x14ac:dyDescent="0.4">
      <c r="A3568">
        <v>3221</v>
      </c>
      <c r="B3568">
        <v>0</v>
      </c>
      <c r="C3568">
        <v>143</v>
      </c>
      <c r="D3568" t="s">
        <v>88</v>
      </c>
      <c r="E3568" s="1">
        <v>44601.886828703704</v>
      </c>
    </row>
    <row r="3569" spans="1:5" x14ac:dyDescent="0.4">
      <c r="A3569">
        <v>3222</v>
      </c>
      <c r="B3569">
        <v>0</v>
      </c>
      <c r="C3569">
        <v>144</v>
      </c>
      <c r="D3569" t="s">
        <v>88</v>
      </c>
      <c r="E3569" s="1">
        <v>44601.886828703704</v>
      </c>
    </row>
    <row r="3570" spans="1:5" x14ac:dyDescent="0.4">
      <c r="A3570">
        <v>3223</v>
      </c>
      <c r="B3570">
        <v>0</v>
      </c>
      <c r="C3570">
        <v>145</v>
      </c>
      <c r="D3570" t="s">
        <v>88</v>
      </c>
      <c r="E3570" s="1">
        <v>44601.886828703704</v>
      </c>
    </row>
    <row r="3571" spans="1:5" x14ac:dyDescent="0.4">
      <c r="A3571">
        <v>3224</v>
      </c>
      <c r="B3571">
        <v>0</v>
      </c>
      <c r="C3571">
        <v>146</v>
      </c>
      <c r="D3571" t="s">
        <v>88</v>
      </c>
      <c r="E3571" s="1">
        <v>44601.886828703704</v>
      </c>
    </row>
    <row r="3572" spans="1:5" x14ac:dyDescent="0.4">
      <c r="A3572">
        <v>3225</v>
      </c>
      <c r="B3572">
        <v>0</v>
      </c>
      <c r="C3572">
        <v>147</v>
      </c>
      <c r="D3572" t="s">
        <v>88</v>
      </c>
      <c r="E3572" s="1">
        <v>44601.886828703704</v>
      </c>
    </row>
    <row r="3573" spans="1:5" x14ac:dyDescent="0.4">
      <c r="A3573">
        <v>3226</v>
      </c>
      <c r="B3573">
        <v>0</v>
      </c>
      <c r="C3573">
        <v>161</v>
      </c>
      <c r="D3573" t="s">
        <v>88</v>
      </c>
      <c r="E3573" s="1">
        <v>44601.886828703704</v>
      </c>
    </row>
    <row r="3574" spans="1:5" x14ac:dyDescent="0.4">
      <c r="A3574">
        <v>3227</v>
      </c>
      <c r="B3574">
        <v>0</v>
      </c>
      <c r="C3574">
        <v>162</v>
      </c>
      <c r="D3574" t="s">
        <v>88</v>
      </c>
      <c r="E3574" s="1">
        <v>44601.886828703704</v>
      </c>
    </row>
    <row r="3575" spans="1:5" x14ac:dyDescent="0.4">
      <c r="A3575">
        <v>3228</v>
      </c>
      <c r="B3575">
        <v>0</v>
      </c>
      <c r="C3575">
        <v>163</v>
      </c>
      <c r="D3575" t="s">
        <v>88</v>
      </c>
      <c r="E3575" s="1">
        <v>44601.886828703704</v>
      </c>
    </row>
    <row r="3576" spans="1:5" x14ac:dyDescent="0.4">
      <c r="A3576">
        <v>3229</v>
      </c>
      <c r="B3576">
        <v>0</v>
      </c>
      <c r="C3576">
        <v>164</v>
      </c>
      <c r="D3576" t="s">
        <v>88</v>
      </c>
      <c r="E3576" s="1">
        <v>44601.886828703704</v>
      </c>
    </row>
    <row r="3577" spans="1:5" x14ac:dyDescent="0.4">
      <c r="A3577">
        <v>3230</v>
      </c>
      <c r="B3577">
        <v>0</v>
      </c>
      <c r="C3577">
        <v>165</v>
      </c>
      <c r="D3577" t="s">
        <v>88</v>
      </c>
      <c r="E3577" s="1">
        <v>44601.886828703704</v>
      </c>
    </row>
    <row r="3578" spans="1:5" x14ac:dyDescent="0.4">
      <c r="A3578">
        <v>3231</v>
      </c>
      <c r="B3578">
        <v>0</v>
      </c>
      <c r="C3578">
        <v>166</v>
      </c>
      <c r="D3578" t="s">
        <v>88</v>
      </c>
      <c r="E3578" s="1">
        <v>44601.886828703704</v>
      </c>
    </row>
    <row r="3579" spans="1:5" x14ac:dyDescent="0.4">
      <c r="A3579">
        <v>3232</v>
      </c>
      <c r="B3579">
        <v>0</v>
      </c>
      <c r="C3579">
        <v>167</v>
      </c>
      <c r="D3579" t="s">
        <v>88</v>
      </c>
      <c r="E3579" s="1">
        <v>44601.886828703704</v>
      </c>
    </row>
    <row r="3580" spans="1:5" x14ac:dyDescent="0.4">
      <c r="A3580">
        <v>3233</v>
      </c>
      <c r="B3580">
        <v>0</v>
      </c>
      <c r="C3580">
        <v>168</v>
      </c>
      <c r="D3580" t="s">
        <v>88</v>
      </c>
      <c r="E3580" s="1">
        <v>44601.886828703704</v>
      </c>
    </row>
    <row r="3581" spans="1:5" x14ac:dyDescent="0.4">
      <c r="A3581">
        <v>3234</v>
      </c>
      <c r="B3581">
        <v>0</v>
      </c>
      <c r="C3581">
        <v>169</v>
      </c>
      <c r="D3581" t="s">
        <v>88</v>
      </c>
      <c r="E3581" s="1">
        <v>44601.886828703704</v>
      </c>
    </row>
    <row r="3582" spans="1:5" x14ac:dyDescent="0.4">
      <c r="A3582">
        <v>3235</v>
      </c>
      <c r="B3582">
        <v>0</v>
      </c>
      <c r="C3582">
        <v>170</v>
      </c>
      <c r="D3582" t="s">
        <v>88</v>
      </c>
      <c r="E3582" s="1">
        <v>44601.886828703704</v>
      </c>
    </row>
    <row r="3583" spans="1:5" x14ac:dyDescent="0.4">
      <c r="A3583">
        <v>3236</v>
      </c>
      <c r="B3583">
        <v>0</v>
      </c>
      <c r="C3583">
        <v>171</v>
      </c>
      <c r="D3583" t="s">
        <v>88</v>
      </c>
      <c r="E3583" s="1">
        <v>44601.886828703704</v>
      </c>
    </row>
    <row r="3584" spans="1:5" x14ac:dyDescent="0.4">
      <c r="A3584">
        <v>3237</v>
      </c>
      <c r="B3584">
        <v>0</v>
      </c>
      <c r="C3584">
        <v>172</v>
      </c>
      <c r="D3584" t="s">
        <v>88</v>
      </c>
      <c r="E3584" s="1">
        <v>44601.886828703704</v>
      </c>
    </row>
    <row r="3585" spans="1:5" x14ac:dyDescent="0.4">
      <c r="A3585">
        <v>3238</v>
      </c>
      <c r="B3585">
        <v>0</v>
      </c>
      <c r="C3585">
        <v>173</v>
      </c>
      <c r="D3585" t="s">
        <v>88</v>
      </c>
      <c r="E3585" s="1">
        <v>44601.886828703704</v>
      </c>
    </row>
    <row r="3586" spans="1:5" x14ac:dyDescent="0.4">
      <c r="A3586">
        <v>3239</v>
      </c>
      <c r="B3586">
        <v>0</v>
      </c>
      <c r="C3586">
        <v>174</v>
      </c>
      <c r="D3586" t="s">
        <v>88</v>
      </c>
      <c r="E3586" s="1">
        <v>44601.886828703704</v>
      </c>
    </row>
    <row r="3587" spans="1:5" x14ac:dyDescent="0.4">
      <c r="A3587">
        <v>3240</v>
      </c>
      <c r="B3587">
        <v>0</v>
      </c>
      <c r="C3587">
        <v>175</v>
      </c>
      <c r="D3587" t="s">
        <v>88</v>
      </c>
      <c r="E3587" s="1">
        <v>44601.886828703704</v>
      </c>
    </row>
    <row r="3588" spans="1:5" x14ac:dyDescent="0.4">
      <c r="A3588">
        <v>3241</v>
      </c>
      <c r="B3588">
        <v>0</v>
      </c>
      <c r="C3588">
        <v>181</v>
      </c>
      <c r="D3588" t="s">
        <v>88</v>
      </c>
      <c r="E3588" s="1">
        <v>44601.886828703704</v>
      </c>
    </row>
    <row r="3589" spans="1:5" x14ac:dyDescent="0.4">
      <c r="A3589">
        <v>3242</v>
      </c>
      <c r="B3589">
        <v>0</v>
      </c>
      <c r="C3589">
        <v>182</v>
      </c>
      <c r="D3589" t="s">
        <v>88</v>
      </c>
      <c r="E3589" s="1">
        <v>44601.886828703704</v>
      </c>
    </row>
    <row r="3590" spans="1:5" x14ac:dyDescent="0.4">
      <c r="A3590">
        <v>3243</v>
      </c>
      <c r="B3590">
        <v>0</v>
      </c>
      <c r="C3590">
        <v>183</v>
      </c>
      <c r="D3590" t="s">
        <v>88</v>
      </c>
      <c r="E3590" s="1">
        <v>44601.886828703704</v>
      </c>
    </row>
    <row r="3591" spans="1:5" x14ac:dyDescent="0.4">
      <c r="A3591">
        <v>3244</v>
      </c>
      <c r="B3591">
        <v>0</v>
      </c>
      <c r="C3591">
        <v>184</v>
      </c>
      <c r="D3591" t="s">
        <v>88</v>
      </c>
      <c r="E3591" s="1">
        <v>44601.886828703704</v>
      </c>
    </row>
    <row r="3592" spans="1:5" x14ac:dyDescent="0.4">
      <c r="A3592">
        <v>3245</v>
      </c>
      <c r="B3592">
        <v>0</v>
      </c>
      <c r="C3592">
        <v>185</v>
      </c>
      <c r="D3592" t="s">
        <v>88</v>
      </c>
      <c r="E3592" s="1">
        <v>44601.886828703704</v>
      </c>
    </row>
    <row r="3593" spans="1:5" x14ac:dyDescent="0.4">
      <c r="A3593">
        <v>3246</v>
      </c>
      <c r="B3593">
        <v>0</v>
      </c>
      <c r="C3593">
        <v>186</v>
      </c>
      <c r="D3593" t="s">
        <v>88</v>
      </c>
      <c r="E3593" s="1">
        <v>44601.886828703704</v>
      </c>
    </row>
    <row r="3594" spans="1:5" x14ac:dyDescent="0.4">
      <c r="A3594">
        <v>3247</v>
      </c>
      <c r="B3594">
        <v>0</v>
      </c>
      <c r="C3594">
        <v>190</v>
      </c>
      <c r="D3594" t="s">
        <v>88</v>
      </c>
      <c r="E3594" s="1">
        <v>44601.886828703704</v>
      </c>
    </row>
    <row r="3595" spans="1:5" x14ac:dyDescent="0.4">
      <c r="A3595">
        <v>3248</v>
      </c>
      <c r="B3595">
        <v>0</v>
      </c>
      <c r="C3595">
        <v>191</v>
      </c>
      <c r="D3595" t="s">
        <v>88</v>
      </c>
      <c r="E3595" s="1">
        <v>44601.886828703704</v>
      </c>
    </row>
    <row r="3596" spans="1:5" x14ac:dyDescent="0.4">
      <c r="A3596">
        <v>3249</v>
      </c>
      <c r="B3596">
        <v>0</v>
      </c>
      <c r="C3596">
        <v>192</v>
      </c>
      <c r="D3596" t="s">
        <v>88</v>
      </c>
      <c r="E3596" s="1">
        <v>44601.886828703704</v>
      </c>
    </row>
    <row r="3597" spans="1:5" x14ac:dyDescent="0.4">
      <c r="A3597">
        <v>3250</v>
      </c>
      <c r="B3597">
        <v>0</v>
      </c>
      <c r="C3597">
        <v>193</v>
      </c>
      <c r="D3597" t="s">
        <v>88</v>
      </c>
      <c r="E3597" s="1">
        <v>44601.886828703704</v>
      </c>
    </row>
    <row r="3598" spans="1:5" x14ac:dyDescent="0.4">
      <c r="A3598">
        <v>3251</v>
      </c>
      <c r="B3598">
        <v>0</v>
      </c>
      <c r="C3598">
        <v>194</v>
      </c>
      <c r="D3598" t="s">
        <v>88</v>
      </c>
      <c r="E3598" s="1">
        <v>44601.886828703704</v>
      </c>
    </row>
    <row r="3599" spans="1:5" x14ac:dyDescent="0.4">
      <c r="A3599">
        <v>3252</v>
      </c>
      <c r="B3599">
        <v>0</v>
      </c>
      <c r="C3599">
        <v>195</v>
      </c>
      <c r="D3599" t="s">
        <v>88</v>
      </c>
      <c r="E3599" s="1">
        <v>44601.886828703704</v>
      </c>
    </row>
    <row r="3600" spans="1:5" x14ac:dyDescent="0.4">
      <c r="A3600">
        <v>3253</v>
      </c>
      <c r="B3600">
        <v>0</v>
      </c>
      <c r="C3600">
        <v>301</v>
      </c>
      <c r="D3600" t="s">
        <v>88</v>
      </c>
      <c r="E3600" s="1">
        <v>44601.886828703704</v>
      </c>
    </row>
    <row r="3601" spans="1:5" x14ac:dyDescent="0.4">
      <c r="A3601">
        <v>3254</v>
      </c>
      <c r="B3601">
        <v>0</v>
      </c>
      <c r="C3601">
        <v>302</v>
      </c>
      <c r="D3601" t="s">
        <v>88</v>
      </c>
      <c r="E3601" s="1">
        <v>44601.886828703704</v>
      </c>
    </row>
    <row r="3602" spans="1:5" x14ac:dyDescent="0.4">
      <c r="A3602">
        <v>3255</v>
      </c>
      <c r="B3602">
        <v>0</v>
      </c>
      <c r="C3602">
        <v>321</v>
      </c>
      <c r="D3602" t="s">
        <v>88</v>
      </c>
      <c r="E3602" s="1">
        <v>44601.886828703704</v>
      </c>
    </row>
    <row r="3603" spans="1:5" x14ac:dyDescent="0.4">
      <c r="A3603">
        <v>3256</v>
      </c>
      <c r="B3603">
        <v>0</v>
      </c>
      <c r="C3603">
        <v>322</v>
      </c>
      <c r="D3603" t="s">
        <v>88</v>
      </c>
      <c r="E3603" s="1">
        <v>44601.886828703704</v>
      </c>
    </row>
    <row r="3604" spans="1:5" x14ac:dyDescent="0.4">
      <c r="A3604">
        <v>3257</v>
      </c>
      <c r="B3604">
        <v>0</v>
      </c>
      <c r="C3604">
        <v>323</v>
      </c>
      <c r="D3604" t="s">
        <v>88</v>
      </c>
      <c r="E3604" s="1">
        <v>44601.886828703704</v>
      </c>
    </row>
    <row r="3605" spans="1:5" x14ac:dyDescent="0.4">
      <c r="A3605">
        <v>3258</v>
      </c>
      <c r="B3605">
        <v>0</v>
      </c>
      <c r="C3605">
        <v>324</v>
      </c>
      <c r="D3605" t="s">
        <v>88</v>
      </c>
      <c r="E3605" s="1">
        <v>44601.886828703704</v>
      </c>
    </row>
    <row r="3606" spans="1:5" x14ac:dyDescent="0.4">
      <c r="A3606">
        <v>3259</v>
      </c>
      <c r="B3606">
        <v>0</v>
      </c>
      <c r="C3606">
        <v>325</v>
      </c>
      <c r="D3606" t="s">
        <v>88</v>
      </c>
      <c r="E3606" s="1">
        <v>44601.886828703704</v>
      </c>
    </row>
    <row r="3607" spans="1:5" x14ac:dyDescent="0.4">
      <c r="A3607">
        <v>3260</v>
      </c>
      <c r="B3607">
        <v>0</v>
      </c>
      <c r="C3607">
        <v>326</v>
      </c>
      <c r="D3607" t="s">
        <v>88</v>
      </c>
      <c r="E3607" s="1">
        <v>44601.886828703704</v>
      </c>
    </row>
    <row r="3608" spans="1:5" x14ac:dyDescent="0.4">
      <c r="A3608">
        <v>3261</v>
      </c>
      <c r="B3608">
        <v>0</v>
      </c>
      <c r="C3608">
        <v>327</v>
      </c>
      <c r="D3608" t="s">
        <v>88</v>
      </c>
      <c r="E3608" s="1">
        <v>44601.886828703704</v>
      </c>
    </row>
    <row r="3609" spans="1:5" x14ac:dyDescent="0.4">
      <c r="A3609">
        <v>3262</v>
      </c>
      <c r="B3609">
        <v>0</v>
      </c>
      <c r="C3609">
        <v>328</v>
      </c>
      <c r="D3609" t="s">
        <v>88</v>
      </c>
      <c r="E3609" s="1">
        <v>44601.886828703704</v>
      </c>
    </row>
    <row r="3610" spans="1:5" x14ac:dyDescent="0.4">
      <c r="A3610">
        <v>3263</v>
      </c>
      <c r="B3610">
        <v>0</v>
      </c>
      <c r="C3610">
        <v>329</v>
      </c>
      <c r="D3610" t="s">
        <v>88</v>
      </c>
      <c r="E3610" s="1">
        <v>44601.886828703704</v>
      </c>
    </row>
    <row r="3611" spans="1:5" x14ac:dyDescent="0.4">
      <c r="A3611">
        <v>3264</v>
      </c>
      <c r="B3611">
        <v>0</v>
      </c>
      <c r="C3611">
        <v>330</v>
      </c>
      <c r="D3611" t="s">
        <v>88</v>
      </c>
      <c r="E3611" s="1">
        <v>44601.886828703704</v>
      </c>
    </row>
    <row r="3612" spans="1:5" x14ac:dyDescent="0.4">
      <c r="A3612">
        <v>3265</v>
      </c>
      <c r="B3612">
        <v>0</v>
      </c>
      <c r="C3612">
        <v>331</v>
      </c>
      <c r="D3612" t="s">
        <v>88</v>
      </c>
      <c r="E3612" s="1">
        <v>44601.886828703704</v>
      </c>
    </row>
    <row r="3613" spans="1:5" x14ac:dyDescent="0.4">
      <c r="A3613">
        <v>3266</v>
      </c>
      <c r="B3613">
        <v>0</v>
      </c>
      <c r="C3613">
        <v>332</v>
      </c>
      <c r="D3613" t="s">
        <v>88</v>
      </c>
      <c r="E3613" s="1">
        <v>44601.886828703704</v>
      </c>
    </row>
    <row r="3614" spans="1:5" x14ac:dyDescent="0.4">
      <c r="A3614">
        <v>3267</v>
      </c>
      <c r="B3614">
        <v>0</v>
      </c>
      <c r="C3614">
        <v>333</v>
      </c>
      <c r="D3614" t="s">
        <v>88</v>
      </c>
      <c r="E3614" s="1">
        <v>44601.886828703704</v>
      </c>
    </row>
    <row r="3615" spans="1:5" x14ac:dyDescent="0.4">
      <c r="A3615">
        <v>3268</v>
      </c>
      <c r="B3615">
        <v>0</v>
      </c>
      <c r="C3615">
        <v>341</v>
      </c>
      <c r="D3615" t="s">
        <v>88</v>
      </c>
      <c r="E3615" s="1">
        <v>44601.886828703704</v>
      </c>
    </row>
    <row r="3616" spans="1:5" x14ac:dyDescent="0.4">
      <c r="A3616">
        <v>3269</v>
      </c>
      <c r="B3616">
        <v>0</v>
      </c>
      <c r="C3616">
        <v>342</v>
      </c>
      <c r="D3616" t="s">
        <v>88</v>
      </c>
      <c r="E3616" s="1">
        <v>44601.886828703704</v>
      </c>
    </row>
    <row r="3617" spans="1:5" x14ac:dyDescent="0.4">
      <c r="A3617">
        <v>3270</v>
      </c>
      <c r="B3617">
        <v>0</v>
      </c>
      <c r="C3617">
        <v>343</v>
      </c>
      <c r="D3617" t="s">
        <v>88</v>
      </c>
      <c r="E3617" s="1">
        <v>44601.886828703704</v>
      </c>
    </row>
    <row r="3618" spans="1:5" x14ac:dyDescent="0.4">
      <c r="A3618">
        <v>3271</v>
      </c>
      <c r="B3618">
        <v>0</v>
      </c>
      <c r="C3618">
        <v>344</v>
      </c>
      <c r="D3618" t="s">
        <v>88</v>
      </c>
      <c r="E3618" s="1">
        <v>44601.886828703704</v>
      </c>
    </row>
    <row r="3619" spans="1:5" x14ac:dyDescent="0.4">
      <c r="A3619">
        <v>3272</v>
      </c>
      <c r="B3619">
        <v>0</v>
      </c>
      <c r="C3619">
        <v>345</v>
      </c>
      <c r="D3619" t="s">
        <v>88</v>
      </c>
      <c r="E3619" s="1">
        <v>44601.886828703704</v>
      </c>
    </row>
    <row r="3620" spans="1:5" x14ac:dyDescent="0.4">
      <c r="A3620">
        <v>3273</v>
      </c>
      <c r="B3620">
        <v>0</v>
      </c>
      <c r="C3620">
        <v>346</v>
      </c>
      <c r="D3620" t="s">
        <v>88</v>
      </c>
      <c r="E3620" s="1">
        <v>44601.886828703704</v>
      </c>
    </row>
    <row r="3621" spans="1:5" x14ac:dyDescent="0.4">
      <c r="A3621">
        <v>3274</v>
      </c>
      <c r="B3621">
        <v>0</v>
      </c>
      <c r="C3621">
        <v>361</v>
      </c>
      <c r="D3621" t="s">
        <v>88</v>
      </c>
      <c r="E3621" s="1">
        <v>44601.886828703704</v>
      </c>
    </row>
    <row r="3622" spans="1:5" x14ac:dyDescent="0.4">
      <c r="A3622">
        <v>3275</v>
      </c>
      <c r="B3622">
        <v>0</v>
      </c>
      <c r="C3622">
        <v>362</v>
      </c>
      <c r="D3622" t="s">
        <v>88</v>
      </c>
      <c r="E3622" s="1">
        <v>44601.886828703704</v>
      </c>
    </row>
    <row r="3623" spans="1:5" x14ac:dyDescent="0.4">
      <c r="A3623">
        <v>3276</v>
      </c>
      <c r="B3623">
        <v>0</v>
      </c>
      <c r="C3623">
        <v>363</v>
      </c>
      <c r="D3623" t="s">
        <v>88</v>
      </c>
      <c r="E3623" s="1">
        <v>44601.886828703704</v>
      </c>
    </row>
    <row r="3624" spans="1:5" x14ac:dyDescent="0.4">
      <c r="A3624">
        <v>3277</v>
      </c>
      <c r="B3624">
        <v>0</v>
      </c>
      <c r="C3624">
        <v>364</v>
      </c>
      <c r="D3624" t="s">
        <v>88</v>
      </c>
      <c r="E3624" s="1">
        <v>44601.886828703704</v>
      </c>
    </row>
    <row r="3625" spans="1:5" x14ac:dyDescent="0.4">
      <c r="A3625">
        <v>3278</v>
      </c>
      <c r="B3625">
        <v>0</v>
      </c>
      <c r="C3625">
        <v>365</v>
      </c>
      <c r="D3625" t="s">
        <v>88</v>
      </c>
      <c r="E3625" s="1">
        <v>44601.886828703704</v>
      </c>
    </row>
    <row r="3626" spans="1:5" x14ac:dyDescent="0.4">
      <c r="A3626">
        <v>3279</v>
      </c>
      <c r="B3626">
        <v>0</v>
      </c>
      <c r="C3626">
        <v>366</v>
      </c>
      <c r="D3626" t="s">
        <v>88</v>
      </c>
      <c r="E3626" s="1">
        <v>44601.886828703704</v>
      </c>
    </row>
    <row r="3627" spans="1:5" x14ac:dyDescent="0.4">
      <c r="A3627">
        <v>3280</v>
      </c>
      <c r="B3627">
        <v>0</v>
      </c>
      <c r="C3627">
        <v>367</v>
      </c>
      <c r="D3627" t="s">
        <v>88</v>
      </c>
      <c r="E3627" s="1">
        <v>44601.886828703704</v>
      </c>
    </row>
    <row r="3628" spans="1:5" x14ac:dyDescent="0.4">
      <c r="A3628">
        <v>3281</v>
      </c>
      <c r="B3628">
        <v>0</v>
      </c>
      <c r="C3628">
        <v>368</v>
      </c>
      <c r="D3628" t="s">
        <v>88</v>
      </c>
      <c r="E3628" s="1">
        <v>44601.886828703704</v>
      </c>
    </row>
    <row r="3629" spans="1:5" x14ac:dyDescent="0.4">
      <c r="A3629">
        <v>3282</v>
      </c>
      <c r="B3629">
        <v>0</v>
      </c>
      <c r="C3629">
        <v>369</v>
      </c>
      <c r="D3629" t="s">
        <v>88</v>
      </c>
      <c r="E3629" s="1">
        <v>44601.886828703704</v>
      </c>
    </row>
    <row r="3630" spans="1:5" x14ac:dyDescent="0.4">
      <c r="A3630">
        <v>3283</v>
      </c>
      <c r="B3630">
        <v>0</v>
      </c>
      <c r="C3630">
        <v>370</v>
      </c>
      <c r="D3630" t="s">
        <v>88</v>
      </c>
      <c r="E3630" s="1">
        <v>44601.886828703704</v>
      </c>
    </row>
    <row r="3631" spans="1:5" x14ac:dyDescent="0.4">
      <c r="A3631">
        <v>3284</v>
      </c>
      <c r="B3631">
        <v>0</v>
      </c>
      <c r="C3631">
        <v>371</v>
      </c>
      <c r="D3631" t="s">
        <v>88</v>
      </c>
      <c r="E3631" s="1">
        <v>44601.886828703704</v>
      </c>
    </row>
    <row r="3632" spans="1:5" x14ac:dyDescent="0.4">
      <c r="A3632">
        <v>3285</v>
      </c>
      <c r="B3632">
        <v>0</v>
      </c>
      <c r="C3632">
        <v>372</v>
      </c>
      <c r="D3632" t="s">
        <v>88</v>
      </c>
      <c r="E3632" s="1">
        <v>44601.886828703704</v>
      </c>
    </row>
    <row r="3633" spans="1:5" x14ac:dyDescent="0.4">
      <c r="A3633">
        <v>3286</v>
      </c>
      <c r="B3633">
        <v>0</v>
      </c>
      <c r="C3633">
        <v>373</v>
      </c>
      <c r="D3633" t="s">
        <v>88</v>
      </c>
      <c r="E3633" s="1">
        <v>44601.886828703704</v>
      </c>
    </row>
    <row r="3634" spans="1:5" x14ac:dyDescent="0.4">
      <c r="A3634">
        <v>3287</v>
      </c>
      <c r="B3634">
        <v>0</v>
      </c>
      <c r="C3634">
        <v>381</v>
      </c>
      <c r="D3634" t="s">
        <v>88</v>
      </c>
      <c r="E3634" s="1">
        <v>44601.886828703704</v>
      </c>
    </row>
    <row r="3635" spans="1:5" x14ac:dyDescent="0.4">
      <c r="A3635">
        <v>3288</v>
      </c>
      <c r="B3635">
        <v>0</v>
      </c>
      <c r="C3635">
        <v>382</v>
      </c>
      <c r="D3635" t="s">
        <v>88</v>
      </c>
      <c r="E3635" s="1">
        <v>44601.886828703704</v>
      </c>
    </row>
    <row r="3636" spans="1:5" x14ac:dyDescent="0.4">
      <c r="A3636">
        <v>3289</v>
      </c>
      <c r="B3636">
        <v>0</v>
      </c>
      <c r="C3636">
        <v>383</v>
      </c>
      <c r="D3636" t="s">
        <v>88</v>
      </c>
      <c r="E3636" s="1">
        <v>44601.886828703704</v>
      </c>
    </row>
    <row r="3637" spans="1:5" x14ac:dyDescent="0.4">
      <c r="A3637">
        <v>3290</v>
      </c>
      <c r="B3637">
        <v>0</v>
      </c>
      <c r="C3637">
        <v>384</v>
      </c>
      <c r="D3637" t="s">
        <v>88</v>
      </c>
      <c r="E3637" s="1">
        <v>44601.886828703704</v>
      </c>
    </row>
    <row r="3638" spans="1:5" x14ac:dyDescent="0.4">
      <c r="A3638">
        <v>3291</v>
      </c>
      <c r="B3638">
        <v>0</v>
      </c>
      <c r="C3638">
        <v>385</v>
      </c>
      <c r="D3638" t="s">
        <v>88</v>
      </c>
      <c r="E3638" s="1">
        <v>44601.886828703704</v>
      </c>
    </row>
    <row r="3639" spans="1:5" x14ac:dyDescent="0.4">
      <c r="A3639">
        <v>3292</v>
      </c>
      <c r="B3639">
        <v>0</v>
      </c>
      <c r="C3639">
        <v>386</v>
      </c>
      <c r="D3639" t="s">
        <v>88</v>
      </c>
      <c r="E3639" s="1">
        <v>44601.886828703704</v>
      </c>
    </row>
    <row r="3640" spans="1:5" x14ac:dyDescent="0.4">
      <c r="A3640">
        <v>3293</v>
      </c>
      <c r="B3640">
        <v>0</v>
      </c>
      <c r="C3640">
        <v>391</v>
      </c>
      <c r="D3640" t="s">
        <v>88</v>
      </c>
      <c r="E3640" s="1">
        <v>44601.886828703704</v>
      </c>
    </row>
    <row r="3641" spans="1:5" x14ac:dyDescent="0.4">
      <c r="A3641">
        <v>3294</v>
      </c>
      <c r="B3641">
        <v>0</v>
      </c>
      <c r="C3641">
        <v>392</v>
      </c>
      <c r="D3641" t="s">
        <v>88</v>
      </c>
      <c r="E3641" s="1">
        <v>44601.886828703704</v>
      </c>
    </row>
    <row r="3642" spans="1:5" x14ac:dyDescent="0.4">
      <c r="A3642">
        <v>3295</v>
      </c>
      <c r="B3642">
        <v>0</v>
      </c>
      <c r="C3642">
        <v>393</v>
      </c>
      <c r="D3642" t="s">
        <v>88</v>
      </c>
      <c r="E3642" s="1">
        <v>44601.886828703704</v>
      </c>
    </row>
    <row r="3643" spans="1:5" x14ac:dyDescent="0.4">
      <c r="A3643">
        <v>3296</v>
      </c>
      <c r="B3643">
        <v>0</v>
      </c>
      <c r="C3643">
        <v>395</v>
      </c>
      <c r="D3643" t="s">
        <v>88</v>
      </c>
      <c r="E3643" s="1">
        <v>44601.886828703704</v>
      </c>
    </row>
    <row r="3644" spans="1:5" x14ac:dyDescent="0.4">
      <c r="A3644">
        <v>3297</v>
      </c>
      <c r="B3644">
        <v>0</v>
      </c>
      <c r="C3644">
        <v>396</v>
      </c>
      <c r="D3644" t="s">
        <v>88</v>
      </c>
      <c r="E3644" s="1">
        <v>44601.886828703704</v>
      </c>
    </row>
    <row r="3645" spans="1:5" x14ac:dyDescent="0.4">
      <c r="A3645">
        <v>3298</v>
      </c>
      <c r="B3645">
        <v>0</v>
      </c>
      <c r="C3645">
        <v>401</v>
      </c>
      <c r="D3645" t="s">
        <v>88</v>
      </c>
      <c r="E3645" s="1">
        <v>44601.886828703704</v>
      </c>
    </row>
    <row r="3646" spans="1:5" x14ac:dyDescent="0.4">
      <c r="A3646">
        <v>3299</v>
      </c>
      <c r="B3646">
        <v>0</v>
      </c>
      <c r="C3646">
        <v>402</v>
      </c>
      <c r="D3646" t="s">
        <v>88</v>
      </c>
      <c r="E3646" s="1">
        <v>44601.886828703704</v>
      </c>
    </row>
    <row r="3647" spans="1:5" x14ac:dyDescent="0.4">
      <c r="A3647">
        <v>3300</v>
      </c>
      <c r="B3647">
        <v>0</v>
      </c>
      <c r="C3647">
        <v>403</v>
      </c>
      <c r="D3647" t="s">
        <v>88</v>
      </c>
      <c r="E3647" s="1">
        <v>44601.886828703704</v>
      </c>
    </row>
    <row r="3648" spans="1:5" x14ac:dyDescent="0.4">
      <c r="A3648">
        <v>3301</v>
      </c>
      <c r="B3648">
        <v>0</v>
      </c>
      <c r="C3648">
        <v>404</v>
      </c>
      <c r="D3648" t="s">
        <v>88</v>
      </c>
      <c r="E3648" s="1">
        <v>44601.886828703704</v>
      </c>
    </row>
    <row r="3649" spans="1:5" x14ac:dyDescent="0.4">
      <c r="A3649">
        <v>3302</v>
      </c>
      <c r="B3649">
        <v>0</v>
      </c>
      <c r="C3649">
        <v>405</v>
      </c>
      <c r="D3649" t="s">
        <v>88</v>
      </c>
      <c r="E3649" s="1">
        <v>44601.886828703704</v>
      </c>
    </row>
    <row r="3650" spans="1:5" x14ac:dyDescent="0.4">
      <c r="A3650">
        <v>3303</v>
      </c>
      <c r="B3650">
        <v>0</v>
      </c>
      <c r="C3650">
        <v>406</v>
      </c>
      <c r="D3650" t="s">
        <v>88</v>
      </c>
      <c r="E3650" s="1">
        <v>44601.886828703704</v>
      </c>
    </row>
    <row r="3651" spans="1:5" x14ac:dyDescent="0.4">
      <c r="A3651">
        <v>3304</v>
      </c>
      <c r="B3651">
        <v>0</v>
      </c>
      <c r="C3651">
        <v>411</v>
      </c>
      <c r="D3651" t="s">
        <v>88</v>
      </c>
      <c r="E3651" s="1">
        <v>44601.886828703704</v>
      </c>
    </row>
    <row r="3652" spans="1:5" x14ac:dyDescent="0.4">
      <c r="A3652">
        <v>3305</v>
      </c>
      <c r="B3652">
        <v>0</v>
      </c>
      <c r="C3652">
        <v>412</v>
      </c>
      <c r="D3652" t="s">
        <v>88</v>
      </c>
      <c r="E3652" s="1">
        <v>44601.886828703704</v>
      </c>
    </row>
    <row r="3653" spans="1:5" x14ac:dyDescent="0.4">
      <c r="A3653">
        <v>3306</v>
      </c>
      <c r="B3653">
        <v>0</v>
      </c>
      <c r="C3653">
        <v>413</v>
      </c>
      <c r="D3653" t="s">
        <v>88</v>
      </c>
      <c r="E3653" s="1">
        <v>44601.886828703704</v>
      </c>
    </row>
    <row r="3654" spans="1:5" x14ac:dyDescent="0.4">
      <c r="A3654">
        <v>3307</v>
      </c>
      <c r="B3654">
        <v>0</v>
      </c>
      <c r="C3654">
        <v>414</v>
      </c>
      <c r="D3654" t="s">
        <v>88</v>
      </c>
      <c r="E3654" s="1">
        <v>44601.886828703704</v>
      </c>
    </row>
    <row r="3655" spans="1:5" x14ac:dyDescent="0.4">
      <c r="A3655">
        <v>3308</v>
      </c>
      <c r="B3655">
        <v>0</v>
      </c>
      <c r="C3655">
        <v>421</v>
      </c>
      <c r="D3655" t="s">
        <v>88</v>
      </c>
      <c r="E3655" s="1">
        <v>44601.886828703704</v>
      </c>
    </row>
    <row r="3656" spans="1:5" x14ac:dyDescent="0.4">
      <c r="A3656">
        <v>3309</v>
      </c>
      <c r="B3656">
        <v>0</v>
      </c>
      <c r="C3656">
        <v>422</v>
      </c>
      <c r="D3656" t="s">
        <v>88</v>
      </c>
      <c r="E3656" s="1">
        <v>44601.886828703704</v>
      </c>
    </row>
    <row r="3657" spans="1:5" x14ac:dyDescent="0.4">
      <c r="A3657">
        <v>3310</v>
      </c>
      <c r="B3657">
        <v>0</v>
      </c>
      <c r="C3657">
        <v>431</v>
      </c>
      <c r="D3657" t="s">
        <v>88</v>
      </c>
      <c r="E3657" s="1">
        <v>44601.886828703704</v>
      </c>
    </row>
    <row r="3658" spans="1:5" x14ac:dyDescent="0.4">
      <c r="A3658">
        <v>3311</v>
      </c>
      <c r="B3658">
        <v>0</v>
      </c>
      <c r="C3658">
        <v>432</v>
      </c>
      <c r="D3658" t="s">
        <v>88</v>
      </c>
      <c r="E3658" s="1">
        <v>44601.886828703704</v>
      </c>
    </row>
    <row r="3659" spans="1:5" x14ac:dyDescent="0.4">
      <c r="A3659">
        <v>3312</v>
      </c>
      <c r="B3659">
        <v>0</v>
      </c>
      <c r="C3659">
        <v>433</v>
      </c>
      <c r="D3659" t="s">
        <v>88</v>
      </c>
      <c r="E3659" s="1">
        <v>44601.886828703704</v>
      </c>
    </row>
    <row r="3660" spans="1:5" x14ac:dyDescent="0.4">
      <c r="A3660">
        <v>3313</v>
      </c>
      <c r="B3660">
        <v>1</v>
      </c>
      <c r="C3660">
        <v>1</v>
      </c>
      <c r="D3660" t="s">
        <v>88</v>
      </c>
      <c r="E3660" s="1">
        <v>44601.886828703704</v>
      </c>
    </row>
    <row r="3661" spans="1:5" x14ac:dyDescent="0.4">
      <c r="A3661">
        <v>3314</v>
      </c>
      <c r="B3661">
        <v>0</v>
      </c>
      <c r="C3661">
        <v>2</v>
      </c>
      <c r="D3661" t="s">
        <v>88</v>
      </c>
      <c r="E3661" s="1">
        <v>44601.886828703704</v>
      </c>
    </row>
    <row r="3662" spans="1:5" x14ac:dyDescent="0.4">
      <c r="A3662">
        <v>3315</v>
      </c>
      <c r="B3662">
        <v>0</v>
      </c>
      <c r="C3662">
        <v>3</v>
      </c>
      <c r="D3662" t="s">
        <v>88</v>
      </c>
      <c r="E3662" s="1">
        <v>44601.886828703704</v>
      </c>
    </row>
    <row r="3663" spans="1:5" x14ac:dyDescent="0.4">
      <c r="A3663">
        <v>3316</v>
      </c>
      <c r="B3663">
        <v>0</v>
      </c>
      <c r="C3663">
        <v>4</v>
      </c>
      <c r="D3663" t="s">
        <v>88</v>
      </c>
      <c r="E3663" s="1">
        <v>44601.886828703704</v>
      </c>
    </row>
    <row r="3664" spans="1:5" x14ac:dyDescent="0.4">
      <c r="A3664">
        <v>3317</v>
      </c>
      <c r="B3664">
        <v>0</v>
      </c>
      <c r="C3664">
        <v>5</v>
      </c>
      <c r="D3664" t="s">
        <v>88</v>
      </c>
      <c r="E3664" s="1">
        <v>44601.886828703704</v>
      </c>
    </row>
    <row r="3665" spans="1:5" x14ac:dyDescent="0.4">
      <c r="A3665">
        <v>3318</v>
      </c>
      <c r="B3665">
        <v>0</v>
      </c>
      <c r="C3665">
        <v>11</v>
      </c>
      <c r="D3665" t="s">
        <v>88</v>
      </c>
      <c r="E3665" s="1">
        <v>44601.886828703704</v>
      </c>
    </row>
    <row r="3666" spans="1:5" x14ac:dyDescent="0.4">
      <c r="A3666">
        <v>3319</v>
      </c>
      <c r="B3666">
        <v>0</v>
      </c>
      <c r="C3666">
        <v>12</v>
      </c>
      <c r="D3666" t="s">
        <v>88</v>
      </c>
      <c r="E3666" s="1">
        <v>44601.886828703704</v>
      </c>
    </row>
    <row r="3667" spans="1:5" x14ac:dyDescent="0.4">
      <c r="A3667">
        <v>3320</v>
      </c>
      <c r="B3667">
        <v>0</v>
      </c>
      <c r="C3667">
        <v>15</v>
      </c>
      <c r="D3667" t="s">
        <v>88</v>
      </c>
      <c r="E3667" s="1">
        <v>44601.886828703704</v>
      </c>
    </row>
    <row r="3668" spans="1:5" x14ac:dyDescent="0.4">
      <c r="A3668">
        <v>3321</v>
      </c>
      <c r="B3668">
        <v>0</v>
      </c>
      <c r="C3668">
        <v>16</v>
      </c>
      <c r="D3668" t="s">
        <v>88</v>
      </c>
      <c r="E3668" s="1">
        <v>44601.886828703704</v>
      </c>
    </row>
    <row r="3669" spans="1:5" x14ac:dyDescent="0.4">
      <c r="A3669">
        <v>3322</v>
      </c>
      <c r="B3669">
        <v>0</v>
      </c>
      <c r="C3669">
        <v>17</v>
      </c>
      <c r="D3669" t="s">
        <v>88</v>
      </c>
      <c r="E3669" s="1">
        <v>44601.886828703704</v>
      </c>
    </row>
    <row r="3670" spans="1:5" x14ac:dyDescent="0.4">
      <c r="A3670">
        <v>3323</v>
      </c>
      <c r="B3670">
        <v>0</v>
      </c>
      <c r="C3670">
        <v>21</v>
      </c>
      <c r="D3670" t="s">
        <v>88</v>
      </c>
      <c r="E3670" s="1">
        <v>44601.886828703704</v>
      </c>
    </row>
    <row r="3671" spans="1:5" x14ac:dyDescent="0.4">
      <c r="A3671">
        <v>3324</v>
      </c>
      <c r="B3671">
        <v>0</v>
      </c>
      <c r="C3671">
        <v>22</v>
      </c>
      <c r="D3671" t="s">
        <v>88</v>
      </c>
      <c r="E3671" s="1">
        <v>44601.886828703704</v>
      </c>
    </row>
    <row r="3672" spans="1:5" x14ac:dyDescent="0.4">
      <c r="A3672">
        <v>3325</v>
      </c>
      <c r="B3672">
        <v>0</v>
      </c>
      <c r="C3672">
        <v>23</v>
      </c>
      <c r="D3672" t="s">
        <v>88</v>
      </c>
      <c r="E3672" s="1">
        <v>44601.886828703704</v>
      </c>
    </row>
    <row r="3673" spans="1:5" x14ac:dyDescent="0.4">
      <c r="A3673">
        <v>3326</v>
      </c>
      <c r="B3673">
        <v>0</v>
      </c>
      <c r="C3673">
        <v>24</v>
      </c>
      <c r="D3673" t="s">
        <v>88</v>
      </c>
      <c r="E3673" s="1">
        <v>44601.886828703704</v>
      </c>
    </row>
    <row r="3674" spans="1:5" x14ac:dyDescent="0.4">
      <c r="A3674">
        <v>3327</v>
      </c>
      <c r="B3674">
        <v>0</v>
      </c>
      <c r="C3674">
        <v>25</v>
      </c>
      <c r="D3674" t="s">
        <v>88</v>
      </c>
      <c r="E3674" s="1">
        <v>44601.886828703704</v>
      </c>
    </row>
    <row r="3675" spans="1:5" x14ac:dyDescent="0.4">
      <c r="A3675">
        <v>3328</v>
      </c>
      <c r="B3675">
        <v>0</v>
      </c>
      <c r="C3675">
        <v>26</v>
      </c>
      <c r="D3675" t="s">
        <v>88</v>
      </c>
      <c r="E3675" s="1">
        <v>44601.886828703704</v>
      </c>
    </row>
    <row r="3676" spans="1:5" x14ac:dyDescent="0.4">
      <c r="A3676">
        <v>3329</v>
      </c>
      <c r="B3676">
        <v>0</v>
      </c>
      <c r="C3676">
        <v>27</v>
      </c>
      <c r="D3676" t="s">
        <v>88</v>
      </c>
      <c r="E3676" s="1">
        <v>44601.886828703704</v>
      </c>
    </row>
    <row r="3677" spans="1:5" x14ac:dyDescent="0.4">
      <c r="A3677">
        <v>3330</v>
      </c>
      <c r="B3677">
        <v>0</v>
      </c>
      <c r="C3677">
        <v>28</v>
      </c>
      <c r="D3677" t="s">
        <v>88</v>
      </c>
      <c r="E3677" s="1">
        <v>44601.886828703704</v>
      </c>
    </row>
    <row r="3678" spans="1:5" x14ac:dyDescent="0.4">
      <c r="A3678">
        <v>3331</v>
      </c>
      <c r="B3678">
        <v>0</v>
      </c>
      <c r="C3678">
        <v>29</v>
      </c>
      <c r="D3678" t="s">
        <v>88</v>
      </c>
      <c r="E3678" s="1">
        <v>44601.886828703704</v>
      </c>
    </row>
    <row r="3679" spans="1:5" x14ac:dyDescent="0.4">
      <c r="A3679">
        <v>3332</v>
      </c>
      <c r="B3679">
        <v>0</v>
      </c>
      <c r="C3679">
        <v>30</v>
      </c>
      <c r="D3679" t="s">
        <v>88</v>
      </c>
      <c r="E3679" s="1">
        <v>44601.886828703704</v>
      </c>
    </row>
    <row r="3680" spans="1:5" x14ac:dyDescent="0.4">
      <c r="A3680">
        <v>3333</v>
      </c>
      <c r="B3680">
        <v>0</v>
      </c>
      <c r="C3680">
        <v>31</v>
      </c>
      <c r="D3680" t="s">
        <v>88</v>
      </c>
      <c r="E3680" s="1">
        <v>44601.886828703704</v>
      </c>
    </row>
    <row r="3681" spans="1:5" x14ac:dyDescent="0.4">
      <c r="A3681">
        <v>3334</v>
      </c>
      <c r="B3681">
        <v>0</v>
      </c>
      <c r="C3681">
        <v>32</v>
      </c>
      <c r="D3681" t="s">
        <v>88</v>
      </c>
      <c r="E3681" s="1">
        <v>44601.886828703704</v>
      </c>
    </row>
    <row r="3682" spans="1:5" x14ac:dyDescent="0.4">
      <c r="A3682">
        <v>3335</v>
      </c>
      <c r="B3682">
        <v>0</v>
      </c>
      <c r="C3682">
        <v>33</v>
      </c>
      <c r="D3682" t="s">
        <v>88</v>
      </c>
      <c r="E3682" s="1">
        <v>44601.886828703704</v>
      </c>
    </row>
    <row r="3683" spans="1:5" x14ac:dyDescent="0.4">
      <c r="A3683">
        <v>3336</v>
      </c>
      <c r="B3683">
        <v>0</v>
      </c>
      <c r="C3683">
        <v>41</v>
      </c>
      <c r="D3683" t="s">
        <v>88</v>
      </c>
      <c r="E3683" s="1">
        <v>44601.886828703704</v>
      </c>
    </row>
    <row r="3684" spans="1:5" x14ac:dyDescent="0.4">
      <c r="A3684">
        <v>3337</v>
      </c>
      <c r="B3684">
        <v>0</v>
      </c>
      <c r="C3684">
        <v>42</v>
      </c>
      <c r="D3684" t="s">
        <v>88</v>
      </c>
      <c r="E3684" s="1">
        <v>44601.886828703704</v>
      </c>
    </row>
    <row r="3685" spans="1:5" x14ac:dyDescent="0.4">
      <c r="A3685">
        <v>3338</v>
      </c>
      <c r="B3685">
        <v>0</v>
      </c>
      <c r="C3685">
        <v>43</v>
      </c>
      <c r="D3685" t="s">
        <v>88</v>
      </c>
      <c r="E3685" s="1">
        <v>44601.886828703704</v>
      </c>
    </row>
    <row r="3686" spans="1:5" x14ac:dyDescent="0.4">
      <c r="A3686">
        <v>3339</v>
      </c>
      <c r="B3686">
        <v>0</v>
      </c>
      <c r="C3686">
        <v>44</v>
      </c>
      <c r="D3686" t="s">
        <v>88</v>
      </c>
      <c r="E3686" s="1">
        <v>44601.886828703704</v>
      </c>
    </row>
    <row r="3687" spans="1:5" x14ac:dyDescent="0.4">
      <c r="A3687">
        <v>3340</v>
      </c>
      <c r="B3687">
        <v>0</v>
      </c>
      <c r="C3687">
        <v>45</v>
      </c>
      <c r="D3687" t="s">
        <v>88</v>
      </c>
      <c r="E3687" s="1">
        <v>44601.886828703704</v>
      </c>
    </row>
    <row r="3688" spans="1:5" x14ac:dyDescent="0.4">
      <c r="A3688">
        <v>3341</v>
      </c>
      <c r="B3688">
        <v>0</v>
      </c>
      <c r="C3688">
        <v>46</v>
      </c>
      <c r="D3688" t="s">
        <v>88</v>
      </c>
      <c r="E3688" s="1">
        <v>44601.886828703704</v>
      </c>
    </row>
    <row r="3689" spans="1:5" x14ac:dyDescent="0.4">
      <c r="A3689">
        <v>3342</v>
      </c>
      <c r="B3689">
        <v>0</v>
      </c>
      <c r="C3689">
        <v>47</v>
      </c>
      <c r="D3689" t="s">
        <v>88</v>
      </c>
      <c r="E3689" s="1">
        <v>44601.886828703704</v>
      </c>
    </row>
    <row r="3690" spans="1:5" x14ac:dyDescent="0.4">
      <c r="A3690">
        <v>3343</v>
      </c>
      <c r="B3690">
        <v>0</v>
      </c>
      <c r="C3690">
        <v>48</v>
      </c>
      <c r="D3690" t="s">
        <v>88</v>
      </c>
      <c r="E3690" s="1">
        <v>44601.886828703704</v>
      </c>
    </row>
    <row r="3691" spans="1:5" x14ac:dyDescent="0.4">
      <c r="A3691">
        <v>3344</v>
      </c>
      <c r="B3691">
        <v>0</v>
      </c>
      <c r="C3691">
        <v>49</v>
      </c>
      <c r="D3691" t="s">
        <v>88</v>
      </c>
      <c r="E3691" s="1">
        <v>44601.886828703704</v>
      </c>
    </row>
    <row r="3692" spans="1:5" x14ac:dyDescent="0.4">
      <c r="A3692">
        <v>3345</v>
      </c>
      <c r="B3692">
        <v>0</v>
      </c>
      <c r="C3692">
        <v>50</v>
      </c>
      <c r="D3692" t="s">
        <v>88</v>
      </c>
      <c r="E3692" s="1">
        <v>44601.886828703704</v>
      </c>
    </row>
    <row r="3693" spans="1:5" x14ac:dyDescent="0.4">
      <c r="A3693">
        <v>3346</v>
      </c>
      <c r="B3693">
        <v>0</v>
      </c>
      <c r="C3693">
        <v>51</v>
      </c>
      <c r="D3693" t="s">
        <v>88</v>
      </c>
      <c r="E3693" s="1">
        <v>44601.886828703704</v>
      </c>
    </row>
    <row r="3694" spans="1:5" x14ac:dyDescent="0.4">
      <c r="A3694">
        <v>3347</v>
      </c>
      <c r="B3694">
        <v>0</v>
      </c>
      <c r="C3694">
        <v>52</v>
      </c>
      <c r="D3694" t="s">
        <v>88</v>
      </c>
      <c r="E3694" s="1">
        <v>44601.886828703704</v>
      </c>
    </row>
    <row r="3695" spans="1:5" x14ac:dyDescent="0.4">
      <c r="A3695">
        <v>3348</v>
      </c>
      <c r="B3695">
        <v>0</v>
      </c>
      <c r="C3695">
        <v>53</v>
      </c>
      <c r="D3695" t="s">
        <v>88</v>
      </c>
      <c r="E3695" s="1">
        <v>44601.886828703704</v>
      </c>
    </row>
    <row r="3696" spans="1:5" x14ac:dyDescent="0.4">
      <c r="A3696">
        <v>3349</v>
      </c>
      <c r="B3696">
        <v>0</v>
      </c>
      <c r="C3696">
        <v>54</v>
      </c>
      <c r="D3696" t="s">
        <v>88</v>
      </c>
      <c r="E3696" s="1">
        <v>44601.886828703704</v>
      </c>
    </row>
    <row r="3697" spans="1:5" x14ac:dyDescent="0.4">
      <c r="A3697">
        <v>3350</v>
      </c>
      <c r="B3697">
        <v>0</v>
      </c>
      <c r="C3697">
        <v>55</v>
      </c>
      <c r="D3697" t="s">
        <v>88</v>
      </c>
      <c r="E3697" s="1">
        <v>44601.886828703704</v>
      </c>
    </row>
    <row r="3698" spans="1:5" x14ac:dyDescent="0.4">
      <c r="A3698">
        <v>3351</v>
      </c>
      <c r="B3698">
        <v>0</v>
      </c>
      <c r="C3698">
        <v>61</v>
      </c>
      <c r="D3698" t="s">
        <v>88</v>
      </c>
      <c r="E3698" s="1">
        <v>44601.886828703704</v>
      </c>
    </row>
    <row r="3699" spans="1:5" x14ac:dyDescent="0.4">
      <c r="A3699">
        <v>3352</v>
      </c>
      <c r="B3699">
        <v>0</v>
      </c>
      <c r="C3699">
        <v>62</v>
      </c>
      <c r="D3699" t="s">
        <v>88</v>
      </c>
      <c r="E3699" s="1">
        <v>44601.886828703704</v>
      </c>
    </row>
    <row r="3700" spans="1:5" x14ac:dyDescent="0.4">
      <c r="A3700">
        <v>3353</v>
      </c>
      <c r="B3700">
        <v>0</v>
      </c>
      <c r="C3700">
        <v>63</v>
      </c>
      <c r="D3700" t="s">
        <v>88</v>
      </c>
      <c r="E3700" s="1">
        <v>44601.886828703704</v>
      </c>
    </row>
    <row r="3701" spans="1:5" x14ac:dyDescent="0.4">
      <c r="A3701">
        <v>3354</v>
      </c>
      <c r="B3701">
        <v>0</v>
      </c>
      <c r="C3701">
        <v>64</v>
      </c>
      <c r="D3701" t="s">
        <v>88</v>
      </c>
      <c r="E3701" s="1">
        <v>44601.886828703704</v>
      </c>
    </row>
    <row r="3702" spans="1:5" x14ac:dyDescent="0.4">
      <c r="A3702">
        <v>3355</v>
      </c>
      <c r="B3702">
        <v>0</v>
      </c>
      <c r="C3702">
        <v>65</v>
      </c>
      <c r="D3702" t="s">
        <v>88</v>
      </c>
      <c r="E3702" s="1">
        <v>44601.886828703704</v>
      </c>
    </row>
    <row r="3703" spans="1:5" x14ac:dyDescent="0.4">
      <c r="A3703">
        <v>3356</v>
      </c>
      <c r="B3703">
        <v>0</v>
      </c>
      <c r="C3703">
        <v>66</v>
      </c>
      <c r="D3703" t="s">
        <v>88</v>
      </c>
      <c r="E3703" s="1">
        <v>44601.886828703704</v>
      </c>
    </row>
    <row r="3704" spans="1:5" x14ac:dyDescent="0.4">
      <c r="A3704">
        <v>3357</v>
      </c>
      <c r="B3704">
        <v>0</v>
      </c>
      <c r="C3704">
        <v>67</v>
      </c>
      <c r="D3704" t="s">
        <v>88</v>
      </c>
      <c r="E3704" s="1">
        <v>44601.886828703704</v>
      </c>
    </row>
    <row r="3705" spans="1:5" x14ac:dyDescent="0.4">
      <c r="A3705">
        <v>3358</v>
      </c>
      <c r="B3705">
        <v>0</v>
      </c>
      <c r="C3705">
        <v>68</v>
      </c>
      <c r="D3705" t="s">
        <v>88</v>
      </c>
      <c r="E3705" s="1">
        <v>44601.886828703704</v>
      </c>
    </row>
    <row r="3706" spans="1:5" x14ac:dyDescent="0.4">
      <c r="A3706">
        <v>3359</v>
      </c>
      <c r="B3706">
        <v>0</v>
      </c>
      <c r="C3706">
        <v>69</v>
      </c>
      <c r="D3706" t="s">
        <v>88</v>
      </c>
      <c r="E3706" s="1">
        <v>44601.886828703704</v>
      </c>
    </row>
    <row r="3707" spans="1:5" x14ac:dyDescent="0.4">
      <c r="A3707">
        <v>3360</v>
      </c>
      <c r="B3707">
        <v>0</v>
      </c>
      <c r="C3707">
        <v>70</v>
      </c>
      <c r="D3707" t="s">
        <v>88</v>
      </c>
      <c r="E3707" s="1">
        <v>44601.886828703704</v>
      </c>
    </row>
    <row r="3708" spans="1:5" x14ac:dyDescent="0.4">
      <c r="A3708">
        <v>3361</v>
      </c>
      <c r="B3708">
        <v>0</v>
      </c>
      <c r="C3708">
        <v>71</v>
      </c>
      <c r="D3708" t="s">
        <v>88</v>
      </c>
      <c r="E3708" s="1">
        <v>44601.886828703704</v>
      </c>
    </row>
    <row r="3709" spans="1:5" x14ac:dyDescent="0.4">
      <c r="A3709">
        <v>3362</v>
      </c>
      <c r="B3709">
        <v>0</v>
      </c>
      <c r="C3709">
        <v>72</v>
      </c>
      <c r="D3709" t="s">
        <v>88</v>
      </c>
      <c r="E3709" s="1">
        <v>44601.886828703704</v>
      </c>
    </row>
    <row r="3710" spans="1:5" x14ac:dyDescent="0.4">
      <c r="A3710">
        <v>3363</v>
      </c>
      <c r="B3710">
        <v>0</v>
      </c>
      <c r="C3710">
        <v>73</v>
      </c>
      <c r="D3710" t="s">
        <v>88</v>
      </c>
      <c r="E3710" s="1">
        <v>44601.886828703704</v>
      </c>
    </row>
    <row r="3711" spans="1:5" x14ac:dyDescent="0.4">
      <c r="A3711">
        <v>3364</v>
      </c>
      <c r="B3711">
        <v>0</v>
      </c>
      <c r="C3711">
        <v>74</v>
      </c>
      <c r="D3711" t="s">
        <v>88</v>
      </c>
      <c r="E3711" s="1">
        <v>44601.886828703704</v>
      </c>
    </row>
    <row r="3712" spans="1:5" x14ac:dyDescent="0.4">
      <c r="A3712">
        <v>3365</v>
      </c>
      <c r="B3712">
        <v>0</v>
      </c>
      <c r="C3712">
        <v>75</v>
      </c>
      <c r="D3712" t="s">
        <v>88</v>
      </c>
      <c r="E3712" s="1">
        <v>44601.886828703704</v>
      </c>
    </row>
    <row r="3713" spans="1:5" x14ac:dyDescent="0.4">
      <c r="A3713">
        <v>3366</v>
      </c>
      <c r="B3713">
        <v>0</v>
      </c>
      <c r="C3713">
        <v>76</v>
      </c>
      <c r="D3713" t="s">
        <v>88</v>
      </c>
      <c r="E3713" s="1">
        <v>44601.886828703704</v>
      </c>
    </row>
    <row r="3714" spans="1:5" x14ac:dyDescent="0.4">
      <c r="A3714">
        <v>3367</v>
      </c>
      <c r="B3714">
        <v>0</v>
      </c>
      <c r="C3714">
        <v>77</v>
      </c>
      <c r="D3714" t="s">
        <v>88</v>
      </c>
      <c r="E3714" s="1">
        <v>44601.886828703704</v>
      </c>
    </row>
    <row r="3715" spans="1:5" x14ac:dyDescent="0.4">
      <c r="A3715">
        <v>3368</v>
      </c>
      <c r="B3715">
        <v>0</v>
      </c>
      <c r="C3715">
        <v>78</v>
      </c>
      <c r="D3715" t="s">
        <v>88</v>
      </c>
      <c r="E3715" s="1">
        <v>44601.886828703704</v>
      </c>
    </row>
    <row r="3716" spans="1:5" x14ac:dyDescent="0.4">
      <c r="A3716">
        <v>3369</v>
      </c>
      <c r="B3716">
        <v>0</v>
      </c>
      <c r="C3716">
        <v>79</v>
      </c>
      <c r="D3716" t="s">
        <v>88</v>
      </c>
      <c r="E3716" s="1">
        <v>44601.886828703704</v>
      </c>
    </row>
    <row r="3717" spans="1:5" x14ac:dyDescent="0.4">
      <c r="A3717">
        <v>3370</v>
      </c>
      <c r="B3717">
        <v>0</v>
      </c>
      <c r="C3717">
        <v>91</v>
      </c>
      <c r="D3717" t="s">
        <v>88</v>
      </c>
      <c r="E3717" s="1">
        <v>44601.886828703704</v>
      </c>
    </row>
    <row r="3718" spans="1:5" x14ac:dyDescent="0.4">
      <c r="A3718">
        <v>3371</v>
      </c>
      <c r="B3718">
        <v>0</v>
      </c>
      <c r="C3718">
        <v>92</v>
      </c>
      <c r="D3718" t="s">
        <v>88</v>
      </c>
      <c r="E3718" s="1">
        <v>44601.886828703704</v>
      </c>
    </row>
    <row r="3719" spans="1:5" x14ac:dyDescent="0.4">
      <c r="A3719">
        <v>3372</v>
      </c>
      <c r="B3719">
        <v>0</v>
      </c>
      <c r="C3719">
        <v>93</v>
      </c>
      <c r="D3719" t="s">
        <v>88</v>
      </c>
      <c r="E3719" s="1">
        <v>44601.886828703704</v>
      </c>
    </row>
    <row r="3720" spans="1:5" x14ac:dyDescent="0.4">
      <c r="A3720">
        <v>3373</v>
      </c>
      <c r="B3720">
        <v>0</v>
      </c>
      <c r="C3720">
        <v>94</v>
      </c>
      <c r="D3720" t="s">
        <v>88</v>
      </c>
      <c r="E3720" s="1">
        <v>44601.886828703704</v>
      </c>
    </row>
    <row r="3721" spans="1:5" x14ac:dyDescent="0.4">
      <c r="A3721">
        <v>3374</v>
      </c>
      <c r="B3721">
        <v>0</v>
      </c>
      <c r="C3721">
        <v>95</v>
      </c>
      <c r="D3721" t="s">
        <v>88</v>
      </c>
      <c r="E3721" s="1">
        <v>44601.886828703704</v>
      </c>
    </row>
    <row r="3722" spans="1:5" x14ac:dyDescent="0.4">
      <c r="A3722">
        <v>3375</v>
      </c>
      <c r="B3722">
        <v>0</v>
      </c>
      <c r="C3722">
        <v>96</v>
      </c>
      <c r="D3722" t="s">
        <v>88</v>
      </c>
      <c r="E3722" s="1">
        <v>44601.886828703704</v>
      </c>
    </row>
    <row r="3723" spans="1:5" x14ac:dyDescent="0.4">
      <c r="A3723">
        <v>3376</v>
      </c>
      <c r="B3723">
        <v>0</v>
      </c>
      <c r="C3723">
        <v>97</v>
      </c>
      <c r="D3723" t="s">
        <v>88</v>
      </c>
      <c r="E3723" s="1">
        <v>44601.886828703704</v>
      </c>
    </row>
    <row r="3724" spans="1:5" x14ac:dyDescent="0.4">
      <c r="A3724">
        <v>3377</v>
      </c>
      <c r="B3724">
        <v>0</v>
      </c>
      <c r="C3724">
        <v>98</v>
      </c>
      <c r="D3724" t="s">
        <v>88</v>
      </c>
      <c r="E3724" s="1">
        <v>44601.886828703704</v>
      </c>
    </row>
    <row r="3725" spans="1:5" x14ac:dyDescent="0.4">
      <c r="A3725">
        <v>3378</v>
      </c>
      <c r="B3725">
        <v>0</v>
      </c>
      <c r="C3725">
        <v>99</v>
      </c>
      <c r="D3725" t="s">
        <v>88</v>
      </c>
      <c r="E3725" s="1">
        <v>44601.886828703704</v>
      </c>
    </row>
    <row r="3726" spans="1:5" x14ac:dyDescent="0.4">
      <c r="A3726">
        <v>3379</v>
      </c>
      <c r="B3726">
        <v>0</v>
      </c>
      <c r="C3726">
        <v>100</v>
      </c>
      <c r="D3726" t="s">
        <v>88</v>
      </c>
      <c r="E3726" s="1">
        <v>44601.886828703704</v>
      </c>
    </row>
    <row r="3727" spans="1:5" x14ac:dyDescent="0.4">
      <c r="A3727">
        <v>3380</v>
      </c>
      <c r="B3727">
        <v>0</v>
      </c>
      <c r="C3727">
        <v>101</v>
      </c>
      <c r="D3727" t="s">
        <v>88</v>
      </c>
      <c r="E3727" s="1">
        <v>44601.886828703704</v>
      </c>
    </row>
    <row r="3728" spans="1:5" x14ac:dyDescent="0.4">
      <c r="A3728">
        <v>3381</v>
      </c>
      <c r="B3728">
        <v>0</v>
      </c>
      <c r="C3728">
        <v>102</v>
      </c>
      <c r="D3728" t="s">
        <v>88</v>
      </c>
      <c r="E3728" s="1">
        <v>44601.886828703704</v>
      </c>
    </row>
    <row r="3729" spans="1:5" x14ac:dyDescent="0.4">
      <c r="A3729">
        <v>3382</v>
      </c>
      <c r="B3729">
        <v>0</v>
      </c>
      <c r="C3729">
        <v>103</v>
      </c>
      <c r="D3729" t="s">
        <v>88</v>
      </c>
      <c r="E3729" s="1">
        <v>44601.886828703704</v>
      </c>
    </row>
    <row r="3730" spans="1:5" x14ac:dyDescent="0.4">
      <c r="A3730">
        <v>3383</v>
      </c>
      <c r="B3730">
        <v>0</v>
      </c>
      <c r="C3730">
        <v>104</v>
      </c>
      <c r="D3730" t="s">
        <v>88</v>
      </c>
      <c r="E3730" s="1">
        <v>44601.886828703704</v>
      </c>
    </row>
    <row r="3731" spans="1:5" x14ac:dyDescent="0.4">
      <c r="A3731">
        <v>3384</v>
      </c>
      <c r="B3731">
        <v>0</v>
      </c>
      <c r="C3731">
        <v>105</v>
      </c>
      <c r="D3731" t="s">
        <v>88</v>
      </c>
      <c r="E3731" s="1">
        <v>44601.886828703704</v>
      </c>
    </row>
    <row r="3732" spans="1:5" x14ac:dyDescent="0.4">
      <c r="A3732">
        <v>3385</v>
      </c>
      <c r="B3732">
        <v>0</v>
      </c>
      <c r="C3732">
        <v>106</v>
      </c>
      <c r="D3732" t="s">
        <v>88</v>
      </c>
      <c r="E3732" s="1">
        <v>44601.886828703704</v>
      </c>
    </row>
    <row r="3733" spans="1:5" x14ac:dyDescent="0.4">
      <c r="A3733">
        <v>3386</v>
      </c>
      <c r="B3733">
        <v>0</v>
      </c>
      <c r="C3733">
        <v>107</v>
      </c>
      <c r="D3733" t="s">
        <v>88</v>
      </c>
      <c r="E3733" s="1">
        <v>44601.886828703704</v>
      </c>
    </row>
    <row r="3734" spans="1:5" x14ac:dyDescent="0.4">
      <c r="A3734">
        <v>3387</v>
      </c>
      <c r="B3734">
        <v>0</v>
      </c>
      <c r="C3734">
        <v>108</v>
      </c>
      <c r="D3734" t="s">
        <v>88</v>
      </c>
      <c r="E3734" s="1">
        <v>44601.886828703704</v>
      </c>
    </row>
    <row r="3735" spans="1:5" x14ac:dyDescent="0.4">
      <c r="A3735">
        <v>3388</v>
      </c>
      <c r="B3735">
        <v>0</v>
      </c>
      <c r="C3735">
        <v>109</v>
      </c>
      <c r="D3735" t="s">
        <v>88</v>
      </c>
      <c r="E3735" s="1">
        <v>44601.886828703704</v>
      </c>
    </row>
    <row r="3736" spans="1:5" x14ac:dyDescent="0.4">
      <c r="A3736">
        <v>3389</v>
      </c>
      <c r="B3736">
        <v>0</v>
      </c>
      <c r="C3736">
        <v>110</v>
      </c>
      <c r="D3736" t="s">
        <v>88</v>
      </c>
      <c r="E3736" s="1">
        <v>44601.886828703704</v>
      </c>
    </row>
    <row r="3737" spans="1:5" x14ac:dyDescent="0.4">
      <c r="A3737">
        <v>3390</v>
      </c>
      <c r="B3737">
        <v>0</v>
      </c>
      <c r="C3737">
        <v>111</v>
      </c>
      <c r="D3737" t="s">
        <v>88</v>
      </c>
      <c r="E3737" s="1">
        <v>44601.886828703704</v>
      </c>
    </row>
    <row r="3738" spans="1:5" x14ac:dyDescent="0.4">
      <c r="A3738">
        <v>3391</v>
      </c>
      <c r="B3738">
        <v>0</v>
      </c>
      <c r="C3738">
        <v>112</v>
      </c>
      <c r="D3738" t="s">
        <v>88</v>
      </c>
      <c r="E3738" s="1">
        <v>44601.886828703704</v>
      </c>
    </row>
    <row r="3739" spans="1:5" x14ac:dyDescent="0.4">
      <c r="A3739">
        <v>3392</v>
      </c>
      <c r="B3739">
        <v>0</v>
      </c>
      <c r="C3739">
        <v>113</v>
      </c>
      <c r="D3739" t="s">
        <v>88</v>
      </c>
      <c r="E3739" s="1">
        <v>44601.886828703704</v>
      </c>
    </row>
    <row r="3740" spans="1:5" x14ac:dyDescent="0.4">
      <c r="A3740">
        <v>3393</v>
      </c>
      <c r="B3740">
        <v>0</v>
      </c>
      <c r="C3740">
        <v>114</v>
      </c>
      <c r="D3740" t="s">
        <v>88</v>
      </c>
      <c r="E3740" s="1">
        <v>44601.886828703704</v>
      </c>
    </row>
    <row r="3741" spans="1:5" x14ac:dyDescent="0.4">
      <c r="A3741">
        <v>3394</v>
      </c>
      <c r="B3741">
        <v>0</v>
      </c>
      <c r="C3741">
        <v>115</v>
      </c>
      <c r="D3741" t="s">
        <v>88</v>
      </c>
      <c r="E3741" s="1">
        <v>44601.886828703704</v>
      </c>
    </row>
    <row r="3742" spans="1:5" x14ac:dyDescent="0.4">
      <c r="A3742">
        <v>3395</v>
      </c>
      <c r="B3742">
        <v>0</v>
      </c>
      <c r="C3742">
        <v>116</v>
      </c>
      <c r="D3742" t="s">
        <v>88</v>
      </c>
      <c r="E3742" s="1">
        <v>44601.886828703704</v>
      </c>
    </row>
    <row r="3743" spans="1:5" x14ac:dyDescent="0.4">
      <c r="A3743">
        <v>3396</v>
      </c>
      <c r="B3743">
        <v>0</v>
      </c>
      <c r="C3743">
        <v>121</v>
      </c>
      <c r="D3743" t="s">
        <v>88</v>
      </c>
      <c r="E3743" s="1">
        <v>44601.886828703704</v>
      </c>
    </row>
    <row r="3744" spans="1:5" x14ac:dyDescent="0.4">
      <c r="A3744">
        <v>3397</v>
      </c>
      <c r="B3744">
        <v>0</v>
      </c>
      <c r="C3744">
        <v>122</v>
      </c>
      <c r="D3744" t="s">
        <v>88</v>
      </c>
      <c r="E3744" s="1">
        <v>44601.886828703704</v>
      </c>
    </row>
    <row r="3745" spans="1:5" x14ac:dyDescent="0.4">
      <c r="A3745">
        <v>3398</v>
      </c>
      <c r="B3745">
        <v>0</v>
      </c>
      <c r="C3745">
        <v>123</v>
      </c>
      <c r="D3745" t="s">
        <v>88</v>
      </c>
      <c r="E3745" s="1">
        <v>44601.886828703704</v>
      </c>
    </row>
    <row r="3746" spans="1:5" x14ac:dyDescent="0.4">
      <c r="A3746">
        <v>3399</v>
      </c>
      <c r="B3746">
        <v>0</v>
      </c>
      <c r="C3746">
        <v>124</v>
      </c>
      <c r="D3746" t="s">
        <v>88</v>
      </c>
      <c r="E3746" s="1">
        <v>44601.886828703704</v>
      </c>
    </row>
    <row r="3747" spans="1:5" x14ac:dyDescent="0.4">
      <c r="A3747">
        <v>3400</v>
      </c>
      <c r="B3747">
        <v>0</v>
      </c>
      <c r="C3747">
        <v>125</v>
      </c>
      <c r="D3747" t="s">
        <v>88</v>
      </c>
      <c r="E3747" s="1">
        <v>44601.886828703704</v>
      </c>
    </row>
    <row r="3748" spans="1:5" x14ac:dyDescent="0.4">
      <c r="A3748">
        <v>3401</v>
      </c>
      <c r="B3748">
        <v>0</v>
      </c>
      <c r="C3748">
        <v>126</v>
      </c>
      <c r="D3748" t="s">
        <v>88</v>
      </c>
      <c r="E3748" s="1">
        <v>44601.886828703704</v>
      </c>
    </row>
    <row r="3749" spans="1:5" x14ac:dyDescent="0.4">
      <c r="A3749">
        <v>3402</v>
      </c>
      <c r="B3749">
        <v>0</v>
      </c>
      <c r="C3749">
        <v>131</v>
      </c>
      <c r="D3749" t="s">
        <v>88</v>
      </c>
      <c r="E3749" s="1">
        <v>44601.886828703704</v>
      </c>
    </row>
    <row r="3750" spans="1:5" x14ac:dyDescent="0.4">
      <c r="A3750">
        <v>3403</v>
      </c>
      <c r="B3750">
        <v>0</v>
      </c>
      <c r="C3750">
        <v>141</v>
      </c>
      <c r="D3750" t="s">
        <v>88</v>
      </c>
      <c r="E3750" s="1">
        <v>44601.886828703704</v>
      </c>
    </row>
    <row r="3751" spans="1:5" x14ac:dyDescent="0.4">
      <c r="A3751">
        <v>3404</v>
      </c>
      <c r="B3751">
        <v>0</v>
      </c>
      <c r="C3751">
        <v>142</v>
      </c>
      <c r="D3751" t="s">
        <v>88</v>
      </c>
      <c r="E3751" s="1">
        <v>44601.886828703704</v>
      </c>
    </row>
    <row r="3752" spans="1:5" x14ac:dyDescent="0.4">
      <c r="A3752">
        <v>3405</v>
      </c>
      <c r="B3752">
        <v>0</v>
      </c>
      <c r="C3752">
        <v>143</v>
      </c>
      <c r="D3752" t="s">
        <v>88</v>
      </c>
      <c r="E3752" s="1">
        <v>44601.886828703704</v>
      </c>
    </row>
    <row r="3753" spans="1:5" x14ac:dyDescent="0.4">
      <c r="A3753">
        <v>3406</v>
      </c>
      <c r="B3753">
        <v>0</v>
      </c>
      <c r="C3753">
        <v>144</v>
      </c>
      <c r="D3753" t="s">
        <v>88</v>
      </c>
      <c r="E3753" s="1">
        <v>44601.886828703704</v>
      </c>
    </row>
    <row r="3754" spans="1:5" x14ac:dyDescent="0.4">
      <c r="A3754">
        <v>3407</v>
      </c>
      <c r="B3754">
        <v>0</v>
      </c>
      <c r="C3754">
        <v>145</v>
      </c>
      <c r="D3754" t="s">
        <v>88</v>
      </c>
      <c r="E3754" s="1">
        <v>44601.886828703704</v>
      </c>
    </row>
    <row r="3755" spans="1:5" x14ac:dyDescent="0.4">
      <c r="A3755">
        <v>3408</v>
      </c>
      <c r="B3755">
        <v>0</v>
      </c>
      <c r="C3755">
        <v>146</v>
      </c>
      <c r="D3755" t="s">
        <v>88</v>
      </c>
      <c r="E3755" s="1">
        <v>44601.886828703704</v>
      </c>
    </row>
    <row r="3756" spans="1:5" x14ac:dyDescent="0.4">
      <c r="A3756">
        <v>3409</v>
      </c>
      <c r="B3756">
        <v>0</v>
      </c>
      <c r="C3756">
        <v>147</v>
      </c>
      <c r="D3756" t="s">
        <v>88</v>
      </c>
      <c r="E3756" s="1">
        <v>44601.886828703704</v>
      </c>
    </row>
    <row r="3757" spans="1:5" x14ac:dyDescent="0.4">
      <c r="A3757">
        <v>3410</v>
      </c>
      <c r="B3757">
        <v>0</v>
      </c>
      <c r="C3757">
        <v>161</v>
      </c>
      <c r="D3757" t="s">
        <v>88</v>
      </c>
      <c r="E3757" s="1">
        <v>44601.886828703704</v>
      </c>
    </row>
    <row r="3758" spans="1:5" x14ac:dyDescent="0.4">
      <c r="A3758">
        <v>3411</v>
      </c>
      <c r="B3758">
        <v>0</v>
      </c>
      <c r="C3758">
        <v>162</v>
      </c>
      <c r="D3758" t="s">
        <v>88</v>
      </c>
      <c r="E3758" s="1">
        <v>44601.886828703704</v>
      </c>
    </row>
    <row r="3759" spans="1:5" x14ac:dyDescent="0.4">
      <c r="A3759">
        <v>3412</v>
      </c>
      <c r="B3759">
        <v>0</v>
      </c>
      <c r="C3759">
        <v>163</v>
      </c>
      <c r="D3759" t="s">
        <v>88</v>
      </c>
      <c r="E3759" s="1">
        <v>44601.886828703704</v>
      </c>
    </row>
    <row r="3760" spans="1:5" x14ac:dyDescent="0.4">
      <c r="A3760">
        <v>3413</v>
      </c>
      <c r="B3760">
        <v>0</v>
      </c>
      <c r="C3760">
        <v>164</v>
      </c>
      <c r="D3760" t="s">
        <v>88</v>
      </c>
      <c r="E3760" s="1">
        <v>44601.886828703704</v>
      </c>
    </row>
    <row r="3761" spans="1:5" x14ac:dyDescent="0.4">
      <c r="A3761">
        <v>3414</v>
      </c>
      <c r="B3761">
        <v>0</v>
      </c>
      <c r="C3761">
        <v>165</v>
      </c>
      <c r="D3761" t="s">
        <v>88</v>
      </c>
      <c r="E3761" s="1">
        <v>44601.886828703704</v>
      </c>
    </row>
    <row r="3762" spans="1:5" x14ac:dyDescent="0.4">
      <c r="A3762">
        <v>3415</v>
      </c>
      <c r="B3762">
        <v>0</v>
      </c>
      <c r="C3762">
        <v>166</v>
      </c>
      <c r="D3762" t="s">
        <v>88</v>
      </c>
      <c r="E3762" s="1">
        <v>44601.886828703704</v>
      </c>
    </row>
    <row r="3763" spans="1:5" x14ac:dyDescent="0.4">
      <c r="A3763">
        <v>3416</v>
      </c>
      <c r="B3763">
        <v>0</v>
      </c>
      <c r="C3763">
        <v>167</v>
      </c>
      <c r="D3763" t="s">
        <v>88</v>
      </c>
      <c r="E3763" s="1">
        <v>44601.886828703704</v>
      </c>
    </row>
    <row r="3764" spans="1:5" x14ac:dyDescent="0.4">
      <c r="A3764">
        <v>3417</v>
      </c>
      <c r="B3764">
        <v>0</v>
      </c>
      <c r="C3764">
        <v>168</v>
      </c>
      <c r="D3764" t="s">
        <v>88</v>
      </c>
      <c r="E3764" s="1">
        <v>44601.886828703704</v>
      </c>
    </row>
    <row r="3765" spans="1:5" x14ac:dyDescent="0.4">
      <c r="A3765">
        <v>3418</v>
      </c>
      <c r="B3765">
        <v>0</v>
      </c>
      <c r="C3765">
        <v>169</v>
      </c>
      <c r="D3765" t="s">
        <v>88</v>
      </c>
      <c r="E3765" s="1">
        <v>44601.886828703704</v>
      </c>
    </row>
    <row r="3766" spans="1:5" x14ac:dyDescent="0.4">
      <c r="A3766">
        <v>3419</v>
      </c>
      <c r="B3766">
        <v>0</v>
      </c>
      <c r="C3766">
        <v>170</v>
      </c>
      <c r="D3766" t="s">
        <v>88</v>
      </c>
      <c r="E3766" s="1">
        <v>44601.886828703704</v>
      </c>
    </row>
    <row r="3767" spans="1:5" x14ac:dyDescent="0.4">
      <c r="A3767">
        <v>3420</v>
      </c>
      <c r="B3767">
        <v>0</v>
      </c>
      <c r="C3767">
        <v>171</v>
      </c>
      <c r="D3767" t="s">
        <v>88</v>
      </c>
      <c r="E3767" s="1">
        <v>44601.886828703704</v>
      </c>
    </row>
    <row r="3768" spans="1:5" x14ac:dyDescent="0.4">
      <c r="A3768">
        <v>3421</v>
      </c>
      <c r="B3768">
        <v>0</v>
      </c>
      <c r="C3768">
        <v>172</v>
      </c>
      <c r="D3768" t="s">
        <v>88</v>
      </c>
      <c r="E3768" s="1">
        <v>44601.886828703704</v>
      </c>
    </row>
    <row r="3769" spans="1:5" x14ac:dyDescent="0.4">
      <c r="A3769">
        <v>3422</v>
      </c>
      <c r="B3769">
        <v>0</v>
      </c>
      <c r="C3769">
        <v>173</v>
      </c>
      <c r="D3769" t="s">
        <v>88</v>
      </c>
      <c r="E3769" s="1">
        <v>44601.886828703704</v>
      </c>
    </row>
    <row r="3770" spans="1:5" x14ac:dyDescent="0.4">
      <c r="A3770">
        <v>3423</v>
      </c>
      <c r="B3770">
        <v>0</v>
      </c>
      <c r="C3770">
        <v>174</v>
      </c>
      <c r="D3770" t="s">
        <v>88</v>
      </c>
      <c r="E3770" s="1">
        <v>44601.886828703704</v>
      </c>
    </row>
    <row r="3771" spans="1:5" x14ac:dyDescent="0.4">
      <c r="A3771">
        <v>3424</v>
      </c>
      <c r="B3771">
        <v>0</v>
      </c>
      <c r="C3771">
        <v>175</v>
      </c>
      <c r="D3771" t="s">
        <v>88</v>
      </c>
      <c r="E3771" s="1">
        <v>44601.886828703704</v>
      </c>
    </row>
    <row r="3772" spans="1:5" x14ac:dyDescent="0.4">
      <c r="A3772">
        <v>3425</v>
      </c>
      <c r="B3772">
        <v>0</v>
      </c>
      <c r="C3772">
        <v>181</v>
      </c>
      <c r="D3772" t="s">
        <v>88</v>
      </c>
      <c r="E3772" s="1">
        <v>44601.886828703704</v>
      </c>
    </row>
    <row r="3773" spans="1:5" x14ac:dyDescent="0.4">
      <c r="A3773">
        <v>3426</v>
      </c>
      <c r="B3773">
        <v>0</v>
      </c>
      <c r="C3773">
        <v>182</v>
      </c>
      <c r="D3773" t="s">
        <v>88</v>
      </c>
      <c r="E3773" s="1">
        <v>44601.886828703704</v>
      </c>
    </row>
    <row r="3774" spans="1:5" x14ac:dyDescent="0.4">
      <c r="A3774">
        <v>3427</v>
      </c>
      <c r="B3774">
        <v>0</v>
      </c>
      <c r="C3774">
        <v>183</v>
      </c>
      <c r="D3774" t="s">
        <v>88</v>
      </c>
      <c r="E3774" s="1">
        <v>44601.886828703704</v>
      </c>
    </row>
    <row r="3775" spans="1:5" x14ac:dyDescent="0.4">
      <c r="A3775">
        <v>3428</v>
      </c>
      <c r="B3775">
        <v>0</v>
      </c>
      <c r="C3775">
        <v>184</v>
      </c>
      <c r="D3775" t="s">
        <v>88</v>
      </c>
      <c r="E3775" s="1">
        <v>44601.886828703704</v>
      </c>
    </row>
    <row r="3776" spans="1:5" x14ac:dyDescent="0.4">
      <c r="A3776">
        <v>3429</v>
      </c>
      <c r="B3776">
        <v>0</v>
      </c>
      <c r="C3776">
        <v>185</v>
      </c>
      <c r="D3776" t="s">
        <v>88</v>
      </c>
      <c r="E3776" s="1">
        <v>44601.886828703704</v>
      </c>
    </row>
    <row r="3777" spans="1:5" x14ac:dyDescent="0.4">
      <c r="A3777">
        <v>3430</v>
      </c>
      <c r="B3777">
        <v>0</v>
      </c>
      <c r="C3777">
        <v>186</v>
      </c>
      <c r="D3777" t="s">
        <v>88</v>
      </c>
      <c r="E3777" s="1">
        <v>44601.886828703704</v>
      </c>
    </row>
    <row r="3778" spans="1:5" x14ac:dyDescent="0.4">
      <c r="A3778">
        <v>3431</v>
      </c>
      <c r="B3778">
        <v>0</v>
      </c>
      <c r="C3778">
        <v>190</v>
      </c>
      <c r="D3778" t="s">
        <v>88</v>
      </c>
      <c r="E3778" s="1">
        <v>44601.886828703704</v>
      </c>
    </row>
    <row r="3779" spans="1:5" x14ac:dyDescent="0.4">
      <c r="A3779">
        <v>3432</v>
      </c>
      <c r="B3779">
        <v>0</v>
      </c>
      <c r="C3779">
        <v>191</v>
      </c>
      <c r="D3779" t="s">
        <v>88</v>
      </c>
      <c r="E3779" s="1">
        <v>44601.886828703704</v>
      </c>
    </row>
    <row r="3780" spans="1:5" x14ac:dyDescent="0.4">
      <c r="A3780">
        <v>3433</v>
      </c>
      <c r="B3780">
        <v>0</v>
      </c>
      <c r="C3780">
        <v>192</v>
      </c>
      <c r="D3780" t="s">
        <v>88</v>
      </c>
      <c r="E3780" s="1">
        <v>44601.886828703704</v>
      </c>
    </row>
    <row r="3781" spans="1:5" x14ac:dyDescent="0.4">
      <c r="A3781">
        <v>3434</v>
      </c>
      <c r="B3781">
        <v>0</v>
      </c>
      <c r="C3781">
        <v>193</v>
      </c>
      <c r="D3781" t="s">
        <v>88</v>
      </c>
      <c r="E3781" s="1">
        <v>44601.886828703704</v>
      </c>
    </row>
    <row r="3782" spans="1:5" x14ac:dyDescent="0.4">
      <c r="A3782">
        <v>3435</v>
      </c>
      <c r="B3782">
        <v>0</v>
      </c>
      <c r="C3782">
        <v>194</v>
      </c>
      <c r="D3782" t="s">
        <v>88</v>
      </c>
      <c r="E3782" s="1">
        <v>44601.886828703704</v>
      </c>
    </row>
    <row r="3783" spans="1:5" x14ac:dyDescent="0.4">
      <c r="A3783">
        <v>3436</v>
      </c>
      <c r="B3783">
        <v>0</v>
      </c>
      <c r="C3783">
        <v>195</v>
      </c>
      <c r="D3783" t="s">
        <v>88</v>
      </c>
      <c r="E3783" s="1">
        <v>44601.886828703704</v>
      </c>
    </row>
    <row r="3784" spans="1:5" x14ac:dyDescent="0.4">
      <c r="A3784">
        <v>3437</v>
      </c>
      <c r="B3784">
        <v>0</v>
      </c>
      <c r="C3784">
        <v>301</v>
      </c>
      <c r="D3784" t="s">
        <v>88</v>
      </c>
      <c r="E3784" s="1">
        <v>44601.886828703704</v>
      </c>
    </row>
    <row r="3785" spans="1:5" x14ac:dyDescent="0.4">
      <c r="A3785">
        <v>3438</v>
      </c>
      <c r="B3785">
        <v>0</v>
      </c>
      <c r="C3785">
        <v>302</v>
      </c>
      <c r="D3785" t="s">
        <v>88</v>
      </c>
      <c r="E3785" s="1">
        <v>44601.886828703704</v>
      </c>
    </row>
    <row r="3786" spans="1:5" x14ac:dyDescent="0.4">
      <c r="A3786">
        <v>3439</v>
      </c>
      <c r="B3786">
        <v>0</v>
      </c>
      <c r="C3786">
        <v>321</v>
      </c>
      <c r="D3786" t="s">
        <v>88</v>
      </c>
      <c r="E3786" s="1">
        <v>44601.886828703704</v>
      </c>
    </row>
    <row r="3787" spans="1:5" x14ac:dyDescent="0.4">
      <c r="A3787">
        <v>3440</v>
      </c>
      <c r="B3787">
        <v>0</v>
      </c>
      <c r="C3787">
        <v>322</v>
      </c>
      <c r="D3787" t="s">
        <v>88</v>
      </c>
      <c r="E3787" s="1">
        <v>44601.886828703704</v>
      </c>
    </row>
    <row r="3788" spans="1:5" x14ac:dyDescent="0.4">
      <c r="A3788">
        <v>3441</v>
      </c>
      <c r="B3788">
        <v>0</v>
      </c>
      <c r="C3788">
        <v>323</v>
      </c>
      <c r="D3788" t="s">
        <v>88</v>
      </c>
      <c r="E3788" s="1">
        <v>44601.886828703704</v>
      </c>
    </row>
    <row r="3789" spans="1:5" x14ac:dyDescent="0.4">
      <c r="A3789">
        <v>3442</v>
      </c>
      <c r="B3789">
        <v>0</v>
      </c>
      <c r="C3789">
        <v>324</v>
      </c>
      <c r="D3789" t="s">
        <v>88</v>
      </c>
      <c r="E3789" s="1">
        <v>44601.886828703704</v>
      </c>
    </row>
    <row r="3790" spans="1:5" x14ac:dyDescent="0.4">
      <c r="A3790">
        <v>3443</v>
      </c>
      <c r="B3790">
        <v>0</v>
      </c>
      <c r="C3790">
        <v>325</v>
      </c>
      <c r="D3790" t="s">
        <v>88</v>
      </c>
      <c r="E3790" s="1">
        <v>44601.886828703704</v>
      </c>
    </row>
    <row r="3791" spans="1:5" x14ac:dyDescent="0.4">
      <c r="A3791">
        <v>3444</v>
      </c>
      <c r="B3791">
        <v>0</v>
      </c>
      <c r="C3791">
        <v>326</v>
      </c>
      <c r="D3791" t="s">
        <v>88</v>
      </c>
      <c r="E3791" s="1">
        <v>44601.886828703704</v>
      </c>
    </row>
    <row r="3792" spans="1:5" x14ac:dyDescent="0.4">
      <c r="A3792">
        <v>3445</v>
      </c>
      <c r="B3792">
        <v>0</v>
      </c>
      <c r="C3792">
        <v>327</v>
      </c>
      <c r="D3792" t="s">
        <v>88</v>
      </c>
      <c r="E3792" s="1">
        <v>44601.886828703704</v>
      </c>
    </row>
    <row r="3793" spans="1:5" x14ac:dyDescent="0.4">
      <c r="A3793">
        <v>3446</v>
      </c>
      <c r="B3793">
        <v>0</v>
      </c>
      <c r="C3793">
        <v>328</v>
      </c>
      <c r="D3793" t="s">
        <v>88</v>
      </c>
      <c r="E3793" s="1">
        <v>44601.886828703704</v>
      </c>
    </row>
    <row r="3794" spans="1:5" x14ac:dyDescent="0.4">
      <c r="A3794">
        <v>3447</v>
      </c>
      <c r="B3794">
        <v>0</v>
      </c>
      <c r="C3794">
        <v>329</v>
      </c>
      <c r="D3794" t="s">
        <v>88</v>
      </c>
      <c r="E3794" s="1">
        <v>44601.886828703704</v>
      </c>
    </row>
    <row r="3795" spans="1:5" x14ac:dyDescent="0.4">
      <c r="A3795">
        <v>3448</v>
      </c>
      <c r="B3795">
        <v>0</v>
      </c>
      <c r="C3795">
        <v>330</v>
      </c>
      <c r="D3795" t="s">
        <v>88</v>
      </c>
      <c r="E3795" s="1">
        <v>44601.886828703704</v>
      </c>
    </row>
    <row r="3796" spans="1:5" x14ac:dyDescent="0.4">
      <c r="A3796">
        <v>3449</v>
      </c>
      <c r="B3796">
        <v>0</v>
      </c>
      <c r="C3796">
        <v>331</v>
      </c>
      <c r="D3796" t="s">
        <v>88</v>
      </c>
      <c r="E3796" s="1">
        <v>44601.886828703704</v>
      </c>
    </row>
    <row r="3797" spans="1:5" x14ac:dyDescent="0.4">
      <c r="A3797">
        <v>3450</v>
      </c>
      <c r="B3797">
        <v>0</v>
      </c>
      <c r="C3797">
        <v>332</v>
      </c>
      <c r="D3797" t="s">
        <v>88</v>
      </c>
      <c r="E3797" s="1">
        <v>44601.886828703704</v>
      </c>
    </row>
    <row r="3798" spans="1:5" x14ac:dyDescent="0.4">
      <c r="A3798">
        <v>3451</v>
      </c>
      <c r="B3798">
        <v>0</v>
      </c>
      <c r="C3798">
        <v>333</v>
      </c>
      <c r="D3798" t="s">
        <v>88</v>
      </c>
      <c r="E3798" s="1">
        <v>44601.886828703704</v>
      </c>
    </row>
    <row r="3799" spans="1:5" x14ac:dyDescent="0.4">
      <c r="A3799">
        <v>3452</v>
      </c>
      <c r="B3799">
        <v>0</v>
      </c>
      <c r="C3799">
        <v>341</v>
      </c>
      <c r="D3799" t="s">
        <v>88</v>
      </c>
      <c r="E3799" s="1">
        <v>44601.886828703704</v>
      </c>
    </row>
    <row r="3800" spans="1:5" x14ac:dyDescent="0.4">
      <c r="A3800">
        <v>3453</v>
      </c>
      <c r="B3800">
        <v>0</v>
      </c>
      <c r="C3800">
        <v>342</v>
      </c>
      <c r="D3800" t="s">
        <v>88</v>
      </c>
      <c r="E3800" s="1">
        <v>44601.886828703704</v>
      </c>
    </row>
    <row r="3801" spans="1:5" x14ac:dyDescent="0.4">
      <c r="A3801">
        <v>3454</v>
      </c>
      <c r="B3801">
        <v>0</v>
      </c>
      <c r="C3801">
        <v>343</v>
      </c>
      <c r="D3801" t="s">
        <v>88</v>
      </c>
      <c r="E3801" s="1">
        <v>44601.886828703704</v>
      </c>
    </row>
    <row r="3802" spans="1:5" x14ac:dyDescent="0.4">
      <c r="A3802">
        <v>3455</v>
      </c>
      <c r="B3802">
        <v>0</v>
      </c>
      <c r="C3802">
        <v>344</v>
      </c>
      <c r="D3802" t="s">
        <v>88</v>
      </c>
      <c r="E3802" s="1">
        <v>44601.886828703704</v>
      </c>
    </row>
    <row r="3803" spans="1:5" x14ac:dyDescent="0.4">
      <c r="A3803">
        <v>3456</v>
      </c>
      <c r="B3803">
        <v>0</v>
      </c>
      <c r="C3803">
        <v>345</v>
      </c>
      <c r="D3803" t="s">
        <v>88</v>
      </c>
      <c r="E3803" s="1">
        <v>44601.886828703704</v>
      </c>
    </row>
    <row r="3804" spans="1:5" x14ac:dyDescent="0.4">
      <c r="A3804">
        <v>3457</v>
      </c>
      <c r="B3804">
        <v>0</v>
      </c>
      <c r="C3804">
        <v>346</v>
      </c>
      <c r="D3804" t="s">
        <v>88</v>
      </c>
      <c r="E3804" s="1">
        <v>44601.886828703704</v>
      </c>
    </row>
    <row r="3805" spans="1:5" x14ac:dyDescent="0.4">
      <c r="A3805">
        <v>3458</v>
      </c>
      <c r="B3805">
        <v>0</v>
      </c>
      <c r="C3805">
        <v>361</v>
      </c>
      <c r="D3805" t="s">
        <v>88</v>
      </c>
      <c r="E3805" s="1">
        <v>44601.886828703704</v>
      </c>
    </row>
    <row r="3806" spans="1:5" x14ac:dyDescent="0.4">
      <c r="A3806">
        <v>3459</v>
      </c>
      <c r="B3806">
        <v>0</v>
      </c>
      <c r="C3806">
        <v>362</v>
      </c>
      <c r="D3806" t="s">
        <v>88</v>
      </c>
      <c r="E3806" s="1">
        <v>44601.886828703704</v>
      </c>
    </row>
    <row r="3807" spans="1:5" x14ac:dyDescent="0.4">
      <c r="A3807">
        <v>3460</v>
      </c>
      <c r="B3807">
        <v>0</v>
      </c>
      <c r="C3807">
        <v>363</v>
      </c>
      <c r="D3807" t="s">
        <v>88</v>
      </c>
      <c r="E3807" s="1">
        <v>44601.886828703704</v>
      </c>
    </row>
    <row r="3808" spans="1:5" x14ac:dyDescent="0.4">
      <c r="A3808">
        <v>3461</v>
      </c>
      <c r="B3808">
        <v>0</v>
      </c>
      <c r="C3808">
        <v>364</v>
      </c>
      <c r="D3808" t="s">
        <v>88</v>
      </c>
      <c r="E3808" s="1">
        <v>44601.886828703704</v>
      </c>
    </row>
    <row r="3809" spans="1:5" x14ac:dyDescent="0.4">
      <c r="A3809">
        <v>3462</v>
      </c>
      <c r="B3809">
        <v>0</v>
      </c>
      <c r="C3809">
        <v>365</v>
      </c>
      <c r="D3809" t="s">
        <v>88</v>
      </c>
      <c r="E3809" s="1">
        <v>44601.886828703704</v>
      </c>
    </row>
    <row r="3810" spans="1:5" x14ac:dyDescent="0.4">
      <c r="A3810">
        <v>3463</v>
      </c>
      <c r="B3810">
        <v>0</v>
      </c>
      <c r="C3810">
        <v>366</v>
      </c>
      <c r="D3810" t="s">
        <v>88</v>
      </c>
      <c r="E3810" s="1">
        <v>44601.886828703704</v>
      </c>
    </row>
    <row r="3811" spans="1:5" x14ac:dyDescent="0.4">
      <c r="A3811">
        <v>3464</v>
      </c>
      <c r="B3811">
        <v>0</v>
      </c>
      <c r="C3811">
        <v>367</v>
      </c>
      <c r="D3811" t="s">
        <v>88</v>
      </c>
      <c r="E3811" s="1">
        <v>44601.886828703704</v>
      </c>
    </row>
    <row r="3812" spans="1:5" x14ac:dyDescent="0.4">
      <c r="A3812">
        <v>3465</v>
      </c>
      <c r="B3812">
        <v>0</v>
      </c>
      <c r="C3812">
        <v>368</v>
      </c>
      <c r="D3812" t="s">
        <v>88</v>
      </c>
      <c r="E3812" s="1">
        <v>44601.886828703704</v>
      </c>
    </row>
    <row r="3813" spans="1:5" x14ac:dyDescent="0.4">
      <c r="A3813">
        <v>3466</v>
      </c>
      <c r="B3813">
        <v>0</v>
      </c>
      <c r="C3813">
        <v>369</v>
      </c>
      <c r="D3813" t="s">
        <v>88</v>
      </c>
      <c r="E3813" s="1">
        <v>44601.886828703704</v>
      </c>
    </row>
    <row r="3814" spans="1:5" x14ac:dyDescent="0.4">
      <c r="A3814">
        <v>3467</v>
      </c>
      <c r="B3814">
        <v>0</v>
      </c>
      <c r="C3814">
        <v>370</v>
      </c>
      <c r="D3814" t="s">
        <v>88</v>
      </c>
      <c r="E3814" s="1">
        <v>44601.886828703704</v>
      </c>
    </row>
    <row r="3815" spans="1:5" x14ac:dyDescent="0.4">
      <c r="A3815">
        <v>3468</v>
      </c>
      <c r="B3815">
        <v>0</v>
      </c>
      <c r="C3815">
        <v>371</v>
      </c>
      <c r="D3815" t="s">
        <v>88</v>
      </c>
      <c r="E3815" s="1">
        <v>44601.886828703704</v>
      </c>
    </row>
    <row r="3816" spans="1:5" x14ac:dyDescent="0.4">
      <c r="A3816">
        <v>3469</v>
      </c>
      <c r="B3816">
        <v>0</v>
      </c>
      <c r="C3816">
        <v>372</v>
      </c>
      <c r="D3816" t="s">
        <v>88</v>
      </c>
      <c r="E3816" s="1">
        <v>44601.886828703704</v>
      </c>
    </row>
    <row r="3817" spans="1:5" x14ac:dyDescent="0.4">
      <c r="A3817">
        <v>3470</v>
      </c>
      <c r="B3817">
        <v>0</v>
      </c>
      <c r="C3817">
        <v>373</v>
      </c>
      <c r="D3817" t="s">
        <v>88</v>
      </c>
      <c r="E3817" s="1">
        <v>44601.886828703704</v>
      </c>
    </row>
    <row r="3818" spans="1:5" x14ac:dyDescent="0.4">
      <c r="A3818">
        <v>3471</v>
      </c>
      <c r="B3818">
        <v>0</v>
      </c>
      <c r="C3818">
        <v>381</v>
      </c>
      <c r="D3818" t="s">
        <v>88</v>
      </c>
      <c r="E3818" s="1">
        <v>44601.886828703704</v>
      </c>
    </row>
    <row r="3819" spans="1:5" x14ac:dyDescent="0.4">
      <c r="A3819">
        <v>3472</v>
      </c>
      <c r="B3819">
        <v>0</v>
      </c>
      <c r="C3819">
        <v>382</v>
      </c>
      <c r="D3819" t="s">
        <v>88</v>
      </c>
      <c r="E3819" s="1">
        <v>44601.886828703704</v>
      </c>
    </row>
    <row r="3820" spans="1:5" x14ac:dyDescent="0.4">
      <c r="A3820">
        <v>3473</v>
      </c>
      <c r="B3820">
        <v>0</v>
      </c>
      <c r="C3820">
        <v>383</v>
      </c>
      <c r="D3820" t="s">
        <v>88</v>
      </c>
      <c r="E3820" s="1">
        <v>44601.886828703704</v>
      </c>
    </row>
    <row r="3821" spans="1:5" x14ac:dyDescent="0.4">
      <c r="A3821">
        <v>3474</v>
      </c>
      <c r="B3821">
        <v>0</v>
      </c>
      <c r="C3821">
        <v>384</v>
      </c>
      <c r="D3821" t="s">
        <v>88</v>
      </c>
      <c r="E3821" s="1">
        <v>44601.886828703704</v>
      </c>
    </row>
    <row r="3822" spans="1:5" x14ac:dyDescent="0.4">
      <c r="A3822">
        <v>3475</v>
      </c>
      <c r="B3822">
        <v>0</v>
      </c>
      <c r="C3822">
        <v>385</v>
      </c>
      <c r="D3822" t="s">
        <v>88</v>
      </c>
      <c r="E3822" s="1">
        <v>44601.886828703704</v>
      </c>
    </row>
    <row r="3823" spans="1:5" x14ac:dyDescent="0.4">
      <c r="A3823">
        <v>3476</v>
      </c>
      <c r="B3823">
        <v>0</v>
      </c>
      <c r="C3823">
        <v>386</v>
      </c>
      <c r="D3823" t="s">
        <v>88</v>
      </c>
      <c r="E3823" s="1">
        <v>44601.886828703704</v>
      </c>
    </row>
    <row r="3824" spans="1:5" x14ac:dyDescent="0.4">
      <c r="A3824">
        <v>3477</v>
      </c>
      <c r="B3824">
        <v>0</v>
      </c>
      <c r="C3824">
        <v>391</v>
      </c>
      <c r="D3824" t="s">
        <v>88</v>
      </c>
      <c r="E3824" s="1">
        <v>44601.886828703704</v>
      </c>
    </row>
    <row r="3825" spans="1:5" x14ac:dyDescent="0.4">
      <c r="A3825">
        <v>3478</v>
      </c>
      <c r="B3825">
        <v>0</v>
      </c>
      <c r="C3825">
        <v>392</v>
      </c>
      <c r="D3825" t="s">
        <v>88</v>
      </c>
      <c r="E3825" s="1">
        <v>44601.886828703704</v>
      </c>
    </row>
    <row r="3826" spans="1:5" x14ac:dyDescent="0.4">
      <c r="A3826">
        <v>3479</v>
      </c>
      <c r="B3826">
        <v>0</v>
      </c>
      <c r="C3826">
        <v>393</v>
      </c>
      <c r="D3826" t="s">
        <v>88</v>
      </c>
      <c r="E3826" s="1">
        <v>44601.886828703704</v>
      </c>
    </row>
    <row r="3827" spans="1:5" x14ac:dyDescent="0.4">
      <c r="A3827">
        <v>3480</v>
      </c>
      <c r="B3827">
        <v>0</v>
      </c>
      <c r="C3827">
        <v>395</v>
      </c>
      <c r="D3827" t="s">
        <v>88</v>
      </c>
      <c r="E3827" s="1">
        <v>44601.886828703704</v>
      </c>
    </row>
    <row r="3828" spans="1:5" x14ac:dyDescent="0.4">
      <c r="A3828">
        <v>3481</v>
      </c>
      <c r="B3828">
        <v>0</v>
      </c>
      <c r="C3828">
        <v>396</v>
      </c>
      <c r="D3828" t="s">
        <v>88</v>
      </c>
      <c r="E3828" s="1">
        <v>44601.886828703704</v>
      </c>
    </row>
    <row r="3829" spans="1:5" x14ac:dyDescent="0.4">
      <c r="A3829">
        <v>3482</v>
      </c>
      <c r="B3829">
        <v>0</v>
      </c>
      <c r="C3829">
        <v>401</v>
      </c>
      <c r="D3829" t="s">
        <v>88</v>
      </c>
      <c r="E3829" s="1">
        <v>44601.886828703704</v>
      </c>
    </row>
    <row r="3830" spans="1:5" x14ac:dyDescent="0.4">
      <c r="A3830">
        <v>3483</v>
      </c>
      <c r="B3830">
        <v>0</v>
      </c>
      <c r="C3830">
        <v>402</v>
      </c>
      <c r="D3830" t="s">
        <v>88</v>
      </c>
      <c r="E3830" s="1">
        <v>44601.886828703704</v>
      </c>
    </row>
    <row r="3831" spans="1:5" x14ac:dyDescent="0.4">
      <c r="A3831">
        <v>3484</v>
      </c>
      <c r="B3831">
        <v>0</v>
      </c>
      <c r="C3831">
        <v>403</v>
      </c>
      <c r="D3831" t="s">
        <v>88</v>
      </c>
      <c r="E3831" s="1">
        <v>44601.886828703704</v>
      </c>
    </row>
    <row r="3832" spans="1:5" x14ac:dyDescent="0.4">
      <c r="A3832">
        <v>3485</v>
      </c>
      <c r="B3832">
        <v>0</v>
      </c>
      <c r="C3832">
        <v>404</v>
      </c>
      <c r="D3832" t="s">
        <v>88</v>
      </c>
      <c r="E3832" s="1">
        <v>44601.886828703704</v>
      </c>
    </row>
    <row r="3833" spans="1:5" x14ac:dyDescent="0.4">
      <c r="A3833">
        <v>3486</v>
      </c>
      <c r="B3833">
        <v>0</v>
      </c>
      <c r="C3833">
        <v>405</v>
      </c>
      <c r="D3833" t="s">
        <v>88</v>
      </c>
      <c r="E3833" s="1">
        <v>44601.886828703704</v>
      </c>
    </row>
    <row r="3834" spans="1:5" x14ac:dyDescent="0.4">
      <c r="A3834">
        <v>3487</v>
      </c>
      <c r="B3834">
        <v>0</v>
      </c>
      <c r="C3834">
        <v>406</v>
      </c>
      <c r="D3834" t="s">
        <v>88</v>
      </c>
      <c r="E3834" s="1">
        <v>44601.886828703704</v>
      </c>
    </row>
    <row r="3835" spans="1:5" x14ac:dyDescent="0.4">
      <c r="A3835">
        <v>3488</v>
      </c>
      <c r="B3835">
        <v>0</v>
      </c>
      <c r="C3835">
        <v>411</v>
      </c>
      <c r="D3835" t="s">
        <v>88</v>
      </c>
      <c r="E3835" s="1">
        <v>44601.886828703704</v>
      </c>
    </row>
    <row r="3836" spans="1:5" x14ac:dyDescent="0.4">
      <c r="A3836">
        <v>3489</v>
      </c>
      <c r="B3836">
        <v>0</v>
      </c>
      <c r="C3836">
        <v>412</v>
      </c>
      <c r="D3836" t="s">
        <v>88</v>
      </c>
      <c r="E3836" s="1">
        <v>44601.886828703704</v>
      </c>
    </row>
    <row r="3837" spans="1:5" x14ac:dyDescent="0.4">
      <c r="A3837">
        <v>3490</v>
      </c>
      <c r="B3837">
        <v>0</v>
      </c>
      <c r="C3837">
        <v>413</v>
      </c>
      <c r="D3837" t="s">
        <v>88</v>
      </c>
      <c r="E3837" s="1">
        <v>44601.886828703704</v>
      </c>
    </row>
    <row r="3838" spans="1:5" x14ac:dyDescent="0.4">
      <c r="A3838">
        <v>3491</v>
      </c>
      <c r="B3838">
        <v>0</v>
      </c>
      <c r="C3838">
        <v>414</v>
      </c>
      <c r="D3838" t="s">
        <v>88</v>
      </c>
      <c r="E3838" s="1">
        <v>44601.886828703704</v>
      </c>
    </row>
    <row r="3839" spans="1:5" x14ac:dyDescent="0.4">
      <c r="A3839">
        <v>3492</v>
      </c>
      <c r="B3839">
        <v>0</v>
      </c>
      <c r="C3839">
        <v>421</v>
      </c>
      <c r="D3839" t="s">
        <v>88</v>
      </c>
      <c r="E3839" s="1">
        <v>44601.886828703704</v>
      </c>
    </row>
    <row r="3840" spans="1:5" x14ac:dyDescent="0.4">
      <c r="A3840">
        <v>3493</v>
      </c>
      <c r="B3840">
        <v>0</v>
      </c>
      <c r="C3840">
        <v>422</v>
      </c>
      <c r="D3840" t="s">
        <v>88</v>
      </c>
      <c r="E3840" s="1">
        <v>44601.886828703704</v>
      </c>
    </row>
    <row r="3841" spans="1:5" x14ac:dyDescent="0.4">
      <c r="A3841">
        <v>3494</v>
      </c>
      <c r="B3841">
        <v>0</v>
      </c>
      <c r="C3841">
        <v>431</v>
      </c>
      <c r="D3841" t="s">
        <v>88</v>
      </c>
      <c r="E3841" s="1">
        <v>44601.886828703704</v>
      </c>
    </row>
    <row r="3842" spans="1:5" x14ac:dyDescent="0.4">
      <c r="A3842">
        <v>3495</v>
      </c>
      <c r="B3842">
        <v>0</v>
      </c>
      <c r="C3842">
        <v>432</v>
      </c>
      <c r="D3842" t="s">
        <v>88</v>
      </c>
      <c r="E3842" s="1">
        <v>44601.886828703704</v>
      </c>
    </row>
    <row r="3843" spans="1:5" x14ac:dyDescent="0.4">
      <c r="A3843">
        <v>3496</v>
      </c>
      <c r="B3843">
        <v>0</v>
      </c>
      <c r="C3843">
        <v>433</v>
      </c>
      <c r="D3843" t="s">
        <v>88</v>
      </c>
      <c r="E3843" s="1">
        <v>44601.886828703704</v>
      </c>
    </row>
    <row r="3844" spans="1:5" x14ac:dyDescent="0.4">
      <c r="A3844">
        <v>3497</v>
      </c>
      <c r="B3844">
        <v>1</v>
      </c>
      <c r="C3844">
        <v>1</v>
      </c>
      <c r="D3844" t="s">
        <v>88</v>
      </c>
      <c r="E3844" s="1">
        <v>44601.888888888891</v>
      </c>
    </row>
    <row r="3845" spans="1:5" x14ac:dyDescent="0.4">
      <c r="A3845">
        <v>3498</v>
      </c>
      <c r="B3845">
        <v>0</v>
      </c>
      <c r="C3845">
        <v>2</v>
      </c>
      <c r="D3845" t="s">
        <v>88</v>
      </c>
      <c r="E3845" s="1">
        <v>44601.888888888891</v>
      </c>
    </row>
    <row r="3846" spans="1:5" x14ac:dyDescent="0.4">
      <c r="A3846">
        <v>3499</v>
      </c>
      <c r="B3846">
        <v>0</v>
      </c>
      <c r="C3846">
        <v>3</v>
      </c>
      <c r="D3846" t="s">
        <v>88</v>
      </c>
      <c r="E3846" s="1">
        <v>44601.888888888891</v>
      </c>
    </row>
    <row r="3847" spans="1:5" x14ac:dyDescent="0.4">
      <c r="A3847">
        <v>3500</v>
      </c>
      <c r="B3847">
        <v>0</v>
      </c>
      <c r="C3847">
        <v>4</v>
      </c>
      <c r="D3847" t="s">
        <v>88</v>
      </c>
      <c r="E3847" s="1">
        <v>44601.888888888891</v>
      </c>
    </row>
    <row r="3848" spans="1:5" x14ac:dyDescent="0.4">
      <c r="A3848">
        <v>3501</v>
      </c>
      <c r="B3848">
        <v>0</v>
      </c>
      <c r="C3848">
        <v>5</v>
      </c>
      <c r="D3848" t="s">
        <v>88</v>
      </c>
      <c r="E3848" s="1">
        <v>44601.888888888891</v>
      </c>
    </row>
    <row r="3849" spans="1:5" x14ac:dyDescent="0.4">
      <c r="A3849">
        <v>3502</v>
      </c>
      <c r="B3849">
        <v>0</v>
      </c>
      <c r="C3849">
        <v>6</v>
      </c>
      <c r="D3849" t="s">
        <v>88</v>
      </c>
      <c r="E3849" s="1">
        <v>44601.888888888891</v>
      </c>
    </row>
    <row r="3850" spans="1:5" x14ac:dyDescent="0.4">
      <c r="A3850">
        <v>3503</v>
      </c>
      <c r="B3850">
        <v>0</v>
      </c>
      <c r="C3850">
        <v>7</v>
      </c>
      <c r="D3850" t="s">
        <v>88</v>
      </c>
      <c r="E3850" s="1">
        <v>44601.888888888891</v>
      </c>
    </row>
    <row r="3851" spans="1:5" x14ac:dyDescent="0.4">
      <c r="A3851">
        <v>3504</v>
      </c>
      <c r="B3851">
        <v>0</v>
      </c>
      <c r="C3851">
        <v>8</v>
      </c>
      <c r="D3851" t="s">
        <v>88</v>
      </c>
      <c r="E3851" s="1">
        <v>44601.888888888891</v>
      </c>
    </row>
    <row r="3852" spans="1:5" x14ac:dyDescent="0.4">
      <c r="A3852">
        <v>3505</v>
      </c>
      <c r="B3852">
        <v>0</v>
      </c>
      <c r="C3852">
        <v>10</v>
      </c>
      <c r="D3852" t="s">
        <v>88</v>
      </c>
      <c r="E3852" s="1">
        <v>44601.888888888891</v>
      </c>
    </row>
    <row r="3853" spans="1:5" x14ac:dyDescent="0.4">
      <c r="A3853">
        <v>3506</v>
      </c>
      <c r="B3853">
        <v>0</v>
      </c>
      <c r="C3853">
        <v>11</v>
      </c>
      <c r="D3853" t="s">
        <v>88</v>
      </c>
      <c r="E3853" s="1">
        <v>44601.888888888891</v>
      </c>
    </row>
    <row r="3854" spans="1:5" x14ac:dyDescent="0.4">
      <c r="A3854">
        <v>3507</v>
      </c>
      <c r="B3854">
        <v>0</v>
      </c>
      <c r="C3854">
        <v>12</v>
      </c>
      <c r="D3854" t="s">
        <v>88</v>
      </c>
      <c r="E3854" s="1">
        <v>44601.888888888891</v>
      </c>
    </row>
    <row r="3855" spans="1:5" x14ac:dyDescent="0.4">
      <c r="A3855">
        <v>3508</v>
      </c>
      <c r="B3855">
        <v>0</v>
      </c>
      <c r="C3855">
        <v>14</v>
      </c>
      <c r="D3855" t="s">
        <v>88</v>
      </c>
      <c r="E3855" s="1">
        <v>44601.888888888891</v>
      </c>
    </row>
    <row r="3856" spans="1:5" x14ac:dyDescent="0.4">
      <c r="A3856">
        <v>3509</v>
      </c>
      <c r="B3856">
        <v>0</v>
      </c>
      <c r="C3856">
        <v>15</v>
      </c>
      <c r="D3856" t="s">
        <v>88</v>
      </c>
      <c r="E3856" s="1">
        <v>44601.888888888891</v>
      </c>
    </row>
    <row r="3857" spans="1:5" x14ac:dyDescent="0.4">
      <c r="A3857">
        <v>3510</v>
      </c>
      <c r="B3857">
        <v>0</v>
      </c>
      <c r="C3857">
        <v>16</v>
      </c>
      <c r="D3857" t="s">
        <v>88</v>
      </c>
      <c r="E3857" s="1">
        <v>44601.888888888891</v>
      </c>
    </row>
    <row r="3858" spans="1:5" x14ac:dyDescent="0.4">
      <c r="A3858">
        <v>3511</v>
      </c>
      <c r="B3858">
        <v>0</v>
      </c>
      <c r="C3858">
        <v>17</v>
      </c>
      <c r="D3858" t="s">
        <v>88</v>
      </c>
      <c r="E3858" s="1">
        <v>44601.888888888891</v>
      </c>
    </row>
    <row r="3859" spans="1:5" x14ac:dyDescent="0.4">
      <c r="A3859">
        <v>3512</v>
      </c>
      <c r="B3859">
        <v>0</v>
      </c>
      <c r="C3859">
        <v>18</v>
      </c>
      <c r="D3859" t="s">
        <v>88</v>
      </c>
      <c r="E3859" s="1">
        <v>44601.888888888891</v>
      </c>
    </row>
    <row r="3860" spans="1:5" x14ac:dyDescent="0.4">
      <c r="A3860">
        <v>3513</v>
      </c>
      <c r="B3860">
        <v>0</v>
      </c>
      <c r="C3860">
        <v>19</v>
      </c>
      <c r="D3860" t="s">
        <v>88</v>
      </c>
      <c r="E3860" s="1">
        <v>44601.888888888891</v>
      </c>
    </row>
    <row r="3861" spans="1:5" x14ac:dyDescent="0.4">
      <c r="A3861">
        <v>3514</v>
      </c>
      <c r="B3861">
        <v>0</v>
      </c>
      <c r="C3861">
        <v>20</v>
      </c>
      <c r="D3861" t="s">
        <v>88</v>
      </c>
      <c r="E3861" s="1">
        <v>44601.888888888891</v>
      </c>
    </row>
    <row r="3862" spans="1:5" x14ac:dyDescent="0.4">
      <c r="A3862">
        <v>3515</v>
      </c>
      <c r="B3862">
        <v>0</v>
      </c>
      <c r="C3862">
        <v>21</v>
      </c>
      <c r="D3862" t="s">
        <v>88</v>
      </c>
      <c r="E3862" s="1">
        <v>44601.888888888891</v>
      </c>
    </row>
    <row r="3863" spans="1:5" x14ac:dyDescent="0.4">
      <c r="A3863">
        <v>3516</v>
      </c>
      <c r="B3863">
        <v>0</v>
      </c>
      <c r="C3863">
        <v>22</v>
      </c>
      <c r="D3863" t="s">
        <v>88</v>
      </c>
      <c r="E3863" s="1">
        <v>44601.888888888891</v>
      </c>
    </row>
    <row r="3864" spans="1:5" x14ac:dyDescent="0.4">
      <c r="A3864">
        <v>3517</v>
      </c>
      <c r="B3864">
        <v>0</v>
      </c>
      <c r="C3864">
        <v>25</v>
      </c>
      <c r="D3864" t="s">
        <v>88</v>
      </c>
      <c r="E3864" s="1">
        <v>44601.888888888891</v>
      </c>
    </row>
    <row r="3865" spans="1:5" x14ac:dyDescent="0.4">
      <c r="A3865">
        <v>3518</v>
      </c>
      <c r="B3865">
        <v>0</v>
      </c>
      <c r="C3865">
        <v>26</v>
      </c>
      <c r="D3865" t="s">
        <v>88</v>
      </c>
      <c r="E3865" s="1">
        <v>44601.888888888891</v>
      </c>
    </row>
    <row r="3866" spans="1:5" x14ac:dyDescent="0.4">
      <c r="A3866">
        <v>3519</v>
      </c>
      <c r="B3866">
        <v>0</v>
      </c>
      <c r="C3866">
        <v>27</v>
      </c>
      <c r="D3866" t="s">
        <v>88</v>
      </c>
      <c r="E3866" s="1">
        <v>44601.888888888891</v>
      </c>
    </row>
    <row r="3867" spans="1:5" x14ac:dyDescent="0.4">
      <c r="A3867">
        <v>3520</v>
      </c>
      <c r="B3867">
        <v>0</v>
      </c>
      <c r="C3867">
        <v>28</v>
      </c>
      <c r="D3867" t="s">
        <v>88</v>
      </c>
      <c r="E3867" s="1">
        <v>44601.888888888891</v>
      </c>
    </row>
    <row r="3868" spans="1:5" x14ac:dyDescent="0.4">
      <c r="A3868">
        <v>3521</v>
      </c>
      <c r="B3868">
        <v>0</v>
      </c>
      <c r="C3868">
        <v>30</v>
      </c>
      <c r="D3868" t="s">
        <v>88</v>
      </c>
      <c r="E3868" s="1">
        <v>44601.888888888891</v>
      </c>
    </row>
    <row r="3869" spans="1:5" x14ac:dyDescent="0.4">
      <c r="A3869">
        <v>3522</v>
      </c>
      <c r="B3869">
        <v>0</v>
      </c>
      <c r="C3869">
        <v>31</v>
      </c>
      <c r="D3869" t="s">
        <v>88</v>
      </c>
      <c r="E3869" s="1">
        <v>44601.888888888891</v>
      </c>
    </row>
    <row r="3870" spans="1:5" x14ac:dyDescent="0.4">
      <c r="A3870">
        <v>3523</v>
      </c>
      <c r="B3870">
        <v>0</v>
      </c>
      <c r="C3870">
        <v>34</v>
      </c>
      <c r="D3870" t="s">
        <v>88</v>
      </c>
      <c r="E3870" s="1">
        <v>44601.888888888891</v>
      </c>
    </row>
    <row r="3871" spans="1:5" x14ac:dyDescent="0.4">
      <c r="A3871">
        <v>3524</v>
      </c>
      <c r="B3871">
        <v>0</v>
      </c>
      <c r="C3871">
        <v>35</v>
      </c>
      <c r="D3871" t="s">
        <v>88</v>
      </c>
      <c r="E3871" s="1">
        <v>44601.888888888891</v>
      </c>
    </row>
    <row r="3872" spans="1:5" x14ac:dyDescent="0.4">
      <c r="A3872">
        <v>3525</v>
      </c>
      <c r="B3872">
        <v>0</v>
      </c>
      <c r="C3872">
        <v>36</v>
      </c>
      <c r="D3872" t="s">
        <v>88</v>
      </c>
      <c r="E3872" s="1">
        <v>44601.888888888891</v>
      </c>
    </row>
    <row r="3873" spans="1:5" x14ac:dyDescent="0.4">
      <c r="A3873">
        <v>3526</v>
      </c>
      <c r="B3873">
        <v>0</v>
      </c>
      <c r="C3873">
        <v>37</v>
      </c>
      <c r="D3873" t="s">
        <v>88</v>
      </c>
      <c r="E3873" s="1">
        <v>44601.888888888891</v>
      </c>
    </row>
    <row r="3874" spans="1:5" x14ac:dyDescent="0.4">
      <c r="A3874">
        <v>3527</v>
      </c>
      <c r="B3874">
        <v>0</v>
      </c>
      <c r="C3874">
        <v>39</v>
      </c>
      <c r="D3874" t="s">
        <v>88</v>
      </c>
      <c r="E3874" s="1">
        <v>44601.888888888891</v>
      </c>
    </row>
    <row r="3875" spans="1:5" x14ac:dyDescent="0.4">
      <c r="A3875">
        <v>3528</v>
      </c>
      <c r="B3875">
        <v>0</v>
      </c>
      <c r="C3875">
        <v>40</v>
      </c>
      <c r="D3875" t="s">
        <v>88</v>
      </c>
      <c r="E3875" s="1">
        <v>44601.888888888891</v>
      </c>
    </row>
    <row r="3876" spans="1:5" x14ac:dyDescent="0.4">
      <c r="A3876">
        <v>3529</v>
      </c>
      <c r="B3876">
        <v>0</v>
      </c>
      <c r="C3876">
        <v>43</v>
      </c>
      <c r="D3876" t="s">
        <v>88</v>
      </c>
      <c r="E3876" s="1">
        <v>44601.888888888891</v>
      </c>
    </row>
    <row r="3877" spans="1:5" x14ac:dyDescent="0.4">
      <c r="A3877">
        <v>3530</v>
      </c>
      <c r="B3877">
        <v>0</v>
      </c>
      <c r="C3877">
        <v>44</v>
      </c>
      <c r="D3877" t="s">
        <v>88</v>
      </c>
      <c r="E3877" s="1">
        <v>44601.888888888891</v>
      </c>
    </row>
    <row r="3878" spans="1:5" x14ac:dyDescent="0.4">
      <c r="A3878">
        <v>3531</v>
      </c>
      <c r="B3878">
        <v>0</v>
      </c>
      <c r="C3878">
        <v>45</v>
      </c>
      <c r="D3878" t="s">
        <v>88</v>
      </c>
      <c r="E3878" s="1">
        <v>44601.888888888891</v>
      </c>
    </row>
    <row r="3879" spans="1:5" x14ac:dyDescent="0.4">
      <c r="A3879">
        <v>3532</v>
      </c>
      <c r="B3879">
        <v>0</v>
      </c>
      <c r="C3879">
        <v>46</v>
      </c>
      <c r="D3879" t="s">
        <v>88</v>
      </c>
      <c r="E3879" s="1">
        <v>44601.888888888891</v>
      </c>
    </row>
    <row r="3880" spans="1:5" x14ac:dyDescent="0.4">
      <c r="A3880">
        <v>3533</v>
      </c>
      <c r="B3880">
        <v>0</v>
      </c>
      <c r="C3880">
        <v>47</v>
      </c>
      <c r="D3880" t="s">
        <v>88</v>
      </c>
      <c r="E3880" s="1">
        <v>44601.888888888891</v>
      </c>
    </row>
    <row r="3881" spans="1:5" x14ac:dyDescent="0.4">
      <c r="A3881">
        <v>3534</v>
      </c>
      <c r="B3881">
        <v>0</v>
      </c>
      <c r="C3881">
        <v>48</v>
      </c>
      <c r="D3881" t="s">
        <v>88</v>
      </c>
      <c r="E3881" s="1">
        <v>44601.888888888891</v>
      </c>
    </row>
    <row r="3882" spans="1:5" x14ac:dyDescent="0.4">
      <c r="A3882">
        <v>3535</v>
      </c>
      <c r="B3882">
        <v>0</v>
      </c>
      <c r="C3882">
        <v>49</v>
      </c>
      <c r="D3882" t="s">
        <v>88</v>
      </c>
      <c r="E3882" s="1">
        <v>44601.888888888891</v>
      </c>
    </row>
    <row r="3883" spans="1:5" x14ac:dyDescent="0.4">
      <c r="A3883">
        <v>3536</v>
      </c>
      <c r="B3883">
        <v>0</v>
      </c>
      <c r="C3883">
        <v>50</v>
      </c>
      <c r="D3883" t="s">
        <v>88</v>
      </c>
      <c r="E3883" s="1">
        <v>44601.888888888891</v>
      </c>
    </row>
    <row r="3884" spans="1:5" x14ac:dyDescent="0.4">
      <c r="A3884">
        <v>3537</v>
      </c>
      <c r="B3884">
        <v>0</v>
      </c>
      <c r="C3884">
        <v>51</v>
      </c>
      <c r="D3884" t="s">
        <v>88</v>
      </c>
      <c r="E3884" s="1">
        <v>44601.888888888891</v>
      </c>
    </row>
    <row r="3885" spans="1:5" x14ac:dyDescent="0.4">
      <c r="A3885">
        <v>3538</v>
      </c>
      <c r="B3885">
        <v>0</v>
      </c>
      <c r="C3885">
        <v>52</v>
      </c>
      <c r="D3885" t="s">
        <v>88</v>
      </c>
      <c r="E3885" s="1">
        <v>44601.888888888891</v>
      </c>
    </row>
    <row r="3886" spans="1:5" x14ac:dyDescent="0.4">
      <c r="A3886">
        <v>3539</v>
      </c>
      <c r="B3886">
        <v>0</v>
      </c>
      <c r="C3886">
        <v>54</v>
      </c>
      <c r="D3886" t="s">
        <v>88</v>
      </c>
      <c r="E3886" s="1">
        <v>44601.888888888891</v>
      </c>
    </row>
    <row r="3887" spans="1:5" x14ac:dyDescent="0.4">
      <c r="A3887">
        <v>3540</v>
      </c>
      <c r="B3887">
        <v>0</v>
      </c>
      <c r="C3887">
        <v>56</v>
      </c>
      <c r="D3887" t="s">
        <v>88</v>
      </c>
      <c r="E3887" s="1">
        <v>44601.888888888891</v>
      </c>
    </row>
    <row r="3888" spans="1:5" x14ac:dyDescent="0.4">
      <c r="A3888">
        <v>3541</v>
      </c>
      <c r="B3888">
        <v>0</v>
      </c>
      <c r="C3888">
        <v>57</v>
      </c>
      <c r="D3888" t="s">
        <v>88</v>
      </c>
      <c r="E3888" s="1">
        <v>44601.888888888891</v>
      </c>
    </row>
    <row r="3889" spans="1:5" x14ac:dyDescent="0.4">
      <c r="A3889">
        <v>3542</v>
      </c>
      <c r="B3889">
        <v>0</v>
      </c>
      <c r="C3889">
        <v>58</v>
      </c>
      <c r="D3889" t="s">
        <v>88</v>
      </c>
      <c r="E3889" s="1">
        <v>44601.888888888891</v>
      </c>
    </row>
    <row r="3890" spans="1:5" x14ac:dyDescent="0.4">
      <c r="A3890">
        <v>3543</v>
      </c>
      <c r="B3890">
        <v>0</v>
      </c>
      <c r="C3890">
        <v>59</v>
      </c>
      <c r="D3890" t="s">
        <v>88</v>
      </c>
      <c r="E3890" s="1">
        <v>44601.888888888891</v>
      </c>
    </row>
    <row r="3891" spans="1:5" x14ac:dyDescent="0.4">
      <c r="A3891">
        <v>3544</v>
      </c>
      <c r="B3891">
        <v>0</v>
      </c>
      <c r="C3891">
        <v>60</v>
      </c>
      <c r="D3891" t="s">
        <v>88</v>
      </c>
      <c r="E3891" s="1">
        <v>44601.888888888891</v>
      </c>
    </row>
    <row r="3892" spans="1:5" x14ac:dyDescent="0.4">
      <c r="A3892">
        <v>3545</v>
      </c>
      <c r="B3892">
        <v>0</v>
      </c>
      <c r="C3892">
        <v>61</v>
      </c>
      <c r="D3892" t="s">
        <v>88</v>
      </c>
      <c r="E3892" s="1">
        <v>44601.888888888891</v>
      </c>
    </row>
    <row r="3893" spans="1:5" x14ac:dyDescent="0.4">
      <c r="A3893">
        <v>3546</v>
      </c>
      <c r="B3893">
        <v>0</v>
      </c>
      <c r="C3893">
        <v>67</v>
      </c>
      <c r="D3893" t="s">
        <v>88</v>
      </c>
      <c r="E3893" s="1">
        <v>44601.888888888891</v>
      </c>
    </row>
    <row r="3894" spans="1:5" x14ac:dyDescent="0.4">
      <c r="A3894">
        <v>3547</v>
      </c>
      <c r="B3894">
        <v>0</v>
      </c>
      <c r="C3894">
        <v>68</v>
      </c>
      <c r="D3894" t="s">
        <v>88</v>
      </c>
      <c r="E3894" s="1">
        <v>44601.888888888891</v>
      </c>
    </row>
    <row r="3895" spans="1:5" x14ac:dyDescent="0.4">
      <c r="A3895">
        <v>3548</v>
      </c>
      <c r="B3895">
        <v>0</v>
      </c>
      <c r="C3895">
        <v>69</v>
      </c>
      <c r="D3895" t="s">
        <v>88</v>
      </c>
      <c r="E3895" s="1">
        <v>44601.888888888891</v>
      </c>
    </row>
    <row r="3896" spans="1:5" x14ac:dyDescent="0.4">
      <c r="A3896">
        <v>3549</v>
      </c>
      <c r="B3896">
        <v>0</v>
      </c>
      <c r="C3896">
        <v>70</v>
      </c>
      <c r="D3896" t="s">
        <v>88</v>
      </c>
      <c r="E3896" s="1">
        <v>44601.888888888891</v>
      </c>
    </row>
    <row r="3897" spans="1:5" x14ac:dyDescent="0.4">
      <c r="A3897">
        <v>3550</v>
      </c>
      <c r="B3897">
        <v>0</v>
      </c>
      <c r="C3897">
        <v>73</v>
      </c>
      <c r="D3897" t="s">
        <v>88</v>
      </c>
      <c r="E3897" s="1">
        <v>44601.888888888891</v>
      </c>
    </row>
    <row r="3898" spans="1:5" x14ac:dyDescent="0.4">
      <c r="A3898">
        <v>3551</v>
      </c>
      <c r="B3898">
        <v>0</v>
      </c>
      <c r="C3898">
        <v>74</v>
      </c>
      <c r="D3898" t="s">
        <v>88</v>
      </c>
      <c r="E3898" s="1">
        <v>44601.888888888891</v>
      </c>
    </row>
    <row r="3899" spans="1:5" x14ac:dyDescent="0.4">
      <c r="A3899">
        <v>3552</v>
      </c>
      <c r="B3899">
        <v>0</v>
      </c>
      <c r="C3899">
        <v>76</v>
      </c>
      <c r="D3899" t="s">
        <v>88</v>
      </c>
      <c r="E3899" s="1">
        <v>44601.888888888891</v>
      </c>
    </row>
    <row r="3900" spans="1:5" x14ac:dyDescent="0.4">
      <c r="A3900">
        <v>3553</v>
      </c>
      <c r="B3900">
        <v>0</v>
      </c>
      <c r="C3900">
        <v>77</v>
      </c>
      <c r="D3900" t="s">
        <v>88</v>
      </c>
      <c r="E3900" s="1">
        <v>44601.888888888891</v>
      </c>
    </row>
    <row r="3901" spans="1:5" x14ac:dyDescent="0.4">
      <c r="A3901">
        <v>3554</v>
      </c>
      <c r="B3901">
        <v>0</v>
      </c>
      <c r="C3901">
        <v>78</v>
      </c>
      <c r="D3901" t="s">
        <v>88</v>
      </c>
      <c r="E3901" s="1">
        <v>44601.888888888891</v>
      </c>
    </row>
    <row r="3902" spans="1:5" x14ac:dyDescent="0.4">
      <c r="A3902">
        <v>3555</v>
      </c>
      <c r="B3902">
        <v>0</v>
      </c>
      <c r="C3902">
        <v>79</v>
      </c>
      <c r="D3902" t="s">
        <v>88</v>
      </c>
      <c r="E3902" s="1">
        <v>44601.888888888891</v>
      </c>
    </row>
    <row r="3903" spans="1:5" x14ac:dyDescent="0.4">
      <c r="A3903">
        <v>3556</v>
      </c>
      <c r="B3903">
        <v>0</v>
      </c>
      <c r="C3903">
        <v>81</v>
      </c>
      <c r="D3903" t="s">
        <v>88</v>
      </c>
      <c r="E3903" s="1">
        <v>44601.888888888891</v>
      </c>
    </row>
    <row r="3904" spans="1:5" x14ac:dyDescent="0.4">
      <c r="A3904">
        <v>3557</v>
      </c>
      <c r="B3904">
        <v>0</v>
      </c>
      <c r="C3904">
        <v>83</v>
      </c>
      <c r="D3904" t="s">
        <v>88</v>
      </c>
      <c r="E3904" s="1">
        <v>44601.888888888891</v>
      </c>
    </row>
    <row r="3905" spans="1:5" x14ac:dyDescent="0.4">
      <c r="A3905">
        <v>3558</v>
      </c>
      <c r="B3905">
        <v>0</v>
      </c>
      <c r="C3905">
        <v>84</v>
      </c>
      <c r="D3905" t="s">
        <v>88</v>
      </c>
      <c r="E3905" s="1">
        <v>44601.888888888891</v>
      </c>
    </row>
    <row r="3906" spans="1:5" x14ac:dyDescent="0.4">
      <c r="A3906">
        <v>3559</v>
      </c>
      <c r="B3906">
        <v>0</v>
      </c>
      <c r="C3906">
        <v>89</v>
      </c>
      <c r="D3906" t="s">
        <v>88</v>
      </c>
      <c r="E3906" s="1">
        <v>44601.888888888891</v>
      </c>
    </row>
    <row r="3907" spans="1:5" x14ac:dyDescent="0.4">
      <c r="A3907">
        <v>3560</v>
      </c>
      <c r="B3907">
        <v>0</v>
      </c>
      <c r="C3907">
        <v>90</v>
      </c>
      <c r="D3907" t="s">
        <v>88</v>
      </c>
      <c r="E3907" s="1">
        <v>44601.888888888891</v>
      </c>
    </row>
    <row r="3908" spans="1:5" x14ac:dyDescent="0.4">
      <c r="A3908">
        <v>3561</v>
      </c>
      <c r="B3908">
        <v>0</v>
      </c>
      <c r="C3908">
        <v>92</v>
      </c>
      <c r="D3908" t="s">
        <v>88</v>
      </c>
      <c r="E3908" s="1">
        <v>44601.888888888891</v>
      </c>
    </row>
    <row r="3909" spans="1:5" x14ac:dyDescent="0.4">
      <c r="A3909">
        <v>3562</v>
      </c>
      <c r="B3909">
        <v>0</v>
      </c>
      <c r="C3909">
        <v>93</v>
      </c>
      <c r="D3909" t="s">
        <v>88</v>
      </c>
      <c r="E3909" s="1">
        <v>44601.888888888891</v>
      </c>
    </row>
    <row r="3910" spans="1:5" x14ac:dyDescent="0.4">
      <c r="A3910">
        <v>3563</v>
      </c>
      <c r="B3910">
        <v>0</v>
      </c>
      <c r="C3910">
        <v>94</v>
      </c>
      <c r="D3910" t="s">
        <v>88</v>
      </c>
      <c r="E3910" s="1">
        <v>44601.888888888891</v>
      </c>
    </row>
    <row r="3911" spans="1:5" x14ac:dyDescent="0.4">
      <c r="A3911">
        <v>3564</v>
      </c>
      <c r="B3911">
        <v>0</v>
      </c>
      <c r="C3911">
        <v>95</v>
      </c>
      <c r="D3911" t="s">
        <v>88</v>
      </c>
      <c r="E3911" s="1">
        <v>44601.888888888891</v>
      </c>
    </row>
    <row r="3912" spans="1:5" x14ac:dyDescent="0.4">
      <c r="A3912">
        <v>3565</v>
      </c>
      <c r="B3912">
        <v>0</v>
      </c>
      <c r="C3912">
        <v>97</v>
      </c>
      <c r="D3912" t="s">
        <v>88</v>
      </c>
      <c r="E3912" s="1">
        <v>44601.888888888891</v>
      </c>
    </row>
    <row r="3913" spans="1:5" x14ac:dyDescent="0.4">
      <c r="A3913">
        <v>3566</v>
      </c>
      <c r="B3913">
        <v>0</v>
      </c>
      <c r="C3913">
        <v>98</v>
      </c>
      <c r="D3913" t="s">
        <v>88</v>
      </c>
      <c r="E3913" s="1">
        <v>44601.888888888891</v>
      </c>
    </row>
    <row r="3914" spans="1:5" x14ac:dyDescent="0.4">
      <c r="A3914">
        <v>3567</v>
      </c>
      <c r="B3914">
        <v>0</v>
      </c>
      <c r="C3914">
        <v>100</v>
      </c>
      <c r="D3914" t="s">
        <v>88</v>
      </c>
      <c r="E3914" s="1">
        <v>44601.888888888891</v>
      </c>
    </row>
    <row r="3915" spans="1:5" x14ac:dyDescent="0.4">
      <c r="A3915">
        <v>3568</v>
      </c>
      <c r="B3915">
        <v>0</v>
      </c>
      <c r="C3915">
        <v>101</v>
      </c>
      <c r="D3915" t="s">
        <v>88</v>
      </c>
      <c r="E3915" s="1">
        <v>44601.888888888891</v>
      </c>
    </row>
    <row r="3916" spans="1:5" x14ac:dyDescent="0.4">
      <c r="A3916">
        <v>3569</v>
      </c>
      <c r="B3916">
        <v>0</v>
      </c>
      <c r="C3916">
        <v>107</v>
      </c>
      <c r="D3916" t="s">
        <v>88</v>
      </c>
      <c r="E3916" s="1">
        <v>44601.888888888891</v>
      </c>
    </row>
    <row r="3917" spans="1:5" x14ac:dyDescent="0.4">
      <c r="A3917">
        <v>3570</v>
      </c>
      <c r="B3917">
        <v>0</v>
      </c>
      <c r="C3917">
        <v>108</v>
      </c>
      <c r="D3917" t="s">
        <v>88</v>
      </c>
      <c r="E3917" s="1">
        <v>44601.888888888891</v>
      </c>
    </row>
    <row r="3918" spans="1:5" x14ac:dyDescent="0.4">
      <c r="A3918">
        <v>3571</v>
      </c>
      <c r="B3918">
        <v>0</v>
      </c>
      <c r="C3918">
        <v>112</v>
      </c>
      <c r="D3918" t="s">
        <v>88</v>
      </c>
      <c r="E3918" s="1">
        <v>44601.888888888891</v>
      </c>
    </row>
    <row r="3919" spans="1:5" x14ac:dyDescent="0.4">
      <c r="A3919">
        <v>3572</v>
      </c>
      <c r="B3919">
        <v>0</v>
      </c>
      <c r="C3919">
        <v>114</v>
      </c>
      <c r="D3919" t="s">
        <v>88</v>
      </c>
      <c r="E3919" s="1">
        <v>44601.888888888891</v>
      </c>
    </row>
    <row r="3920" spans="1:5" x14ac:dyDescent="0.4">
      <c r="A3920">
        <v>3573</v>
      </c>
      <c r="B3920">
        <v>0</v>
      </c>
      <c r="C3920">
        <v>119</v>
      </c>
      <c r="D3920" t="s">
        <v>88</v>
      </c>
      <c r="E3920" s="1">
        <v>44601.888888888891</v>
      </c>
    </row>
    <row r="3921" spans="1:5" x14ac:dyDescent="0.4">
      <c r="A3921">
        <v>3574</v>
      </c>
      <c r="B3921">
        <v>0</v>
      </c>
      <c r="C3921">
        <v>132</v>
      </c>
      <c r="D3921" t="s">
        <v>88</v>
      </c>
      <c r="E3921" s="1">
        <v>44601.888888888891</v>
      </c>
    </row>
    <row r="3922" spans="1:5" x14ac:dyDescent="0.4">
      <c r="A3922">
        <v>3575</v>
      </c>
      <c r="B3922">
        <v>0</v>
      </c>
      <c r="C3922">
        <v>135</v>
      </c>
      <c r="D3922" t="s">
        <v>88</v>
      </c>
      <c r="E3922" s="1">
        <v>44601.888888888891</v>
      </c>
    </row>
    <row r="3923" spans="1:5" x14ac:dyDescent="0.4">
      <c r="A3923">
        <v>3576</v>
      </c>
      <c r="B3923">
        <v>0</v>
      </c>
      <c r="C3923">
        <v>137</v>
      </c>
      <c r="D3923" t="s">
        <v>88</v>
      </c>
      <c r="E3923" s="1">
        <v>44601.888888888891</v>
      </c>
    </row>
    <row r="3924" spans="1:5" x14ac:dyDescent="0.4">
      <c r="A3924">
        <v>3577</v>
      </c>
      <c r="B3924">
        <v>0</v>
      </c>
      <c r="C3924">
        <v>139</v>
      </c>
      <c r="D3924" t="s">
        <v>88</v>
      </c>
      <c r="E3924" s="1">
        <v>44601.888888888891</v>
      </c>
    </row>
    <row r="3925" spans="1:5" x14ac:dyDescent="0.4">
      <c r="A3925">
        <v>3578</v>
      </c>
      <c r="B3925">
        <v>0</v>
      </c>
      <c r="C3925">
        <v>140</v>
      </c>
      <c r="D3925" t="s">
        <v>88</v>
      </c>
      <c r="E3925" s="1">
        <v>44601.888888888891</v>
      </c>
    </row>
    <row r="3926" spans="1:5" x14ac:dyDescent="0.4">
      <c r="A3926">
        <v>3579</v>
      </c>
      <c r="B3926">
        <v>0</v>
      </c>
      <c r="C3926">
        <v>151</v>
      </c>
      <c r="D3926" t="s">
        <v>88</v>
      </c>
      <c r="E3926" s="1">
        <v>44601.888888888891</v>
      </c>
    </row>
    <row r="3927" spans="1:5" x14ac:dyDescent="0.4">
      <c r="A3927">
        <v>3580</v>
      </c>
      <c r="B3927">
        <v>0</v>
      </c>
      <c r="C3927">
        <v>152</v>
      </c>
      <c r="D3927" t="s">
        <v>88</v>
      </c>
      <c r="E3927" s="1">
        <v>44601.888888888891</v>
      </c>
    </row>
    <row r="3928" spans="1:5" x14ac:dyDescent="0.4">
      <c r="A3928">
        <v>3581</v>
      </c>
      <c r="B3928">
        <v>0</v>
      </c>
      <c r="C3928">
        <v>153</v>
      </c>
      <c r="D3928" t="s">
        <v>88</v>
      </c>
      <c r="E3928" s="1">
        <v>44601.888888888891</v>
      </c>
    </row>
    <row r="3929" spans="1:5" x14ac:dyDescent="0.4">
      <c r="A3929">
        <v>3582</v>
      </c>
      <c r="B3929">
        <v>0</v>
      </c>
      <c r="C3929">
        <v>176</v>
      </c>
      <c r="D3929" t="s">
        <v>88</v>
      </c>
      <c r="E3929" s="1">
        <v>44601.888888888891</v>
      </c>
    </row>
    <row r="3930" spans="1:5" x14ac:dyDescent="0.4">
      <c r="A3930">
        <v>3583</v>
      </c>
      <c r="B3930">
        <v>0</v>
      </c>
      <c r="C3930">
        <v>177</v>
      </c>
      <c r="D3930" t="s">
        <v>88</v>
      </c>
      <c r="E3930" s="1">
        <v>44601.888888888891</v>
      </c>
    </row>
    <row r="3931" spans="1:5" x14ac:dyDescent="0.4">
      <c r="A3931">
        <v>3584</v>
      </c>
      <c r="B3931">
        <v>0</v>
      </c>
      <c r="C3931">
        <v>180</v>
      </c>
      <c r="D3931" t="s">
        <v>88</v>
      </c>
      <c r="E3931" s="1">
        <v>44601.888888888891</v>
      </c>
    </row>
    <row r="3932" spans="1:5" x14ac:dyDescent="0.4">
      <c r="A3932">
        <v>3585</v>
      </c>
      <c r="B3932">
        <v>0</v>
      </c>
      <c r="C3932">
        <v>183</v>
      </c>
      <c r="D3932" t="s">
        <v>88</v>
      </c>
      <c r="E3932" s="1">
        <v>44601.888888888891</v>
      </c>
    </row>
    <row r="3933" spans="1:5" x14ac:dyDescent="0.4">
      <c r="A3933">
        <v>3586</v>
      </c>
      <c r="B3933">
        <v>0</v>
      </c>
      <c r="C3933">
        <v>184</v>
      </c>
      <c r="D3933" t="s">
        <v>88</v>
      </c>
      <c r="E3933" s="1">
        <v>44601.888888888891</v>
      </c>
    </row>
    <row r="3934" spans="1:5" x14ac:dyDescent="0.4">
      <c r="A3934">
        <v>3587</v>
      </c>
      <c r="B3934">
        <v>0</v>
      </c>
      <c r="C3934">
        <v>342</v>
      </c>
      <c r="D3934" t="s">
        <v>88</v>
      </c>
      <c r="E3934" s="1">
        <v>44601.888888888891</v>
      </c>
    </row>
    <row r="3935" spans="1:5" x14ac:dyDescent="0.4">
      <c r="A3935">
        <v>3588</v>
      </c>
      <c r="B3935">
        <v>0</v>
      </c>
      <c r="C3935">
        <v>343</v>
      </c>
      <c r="D3935" t="s">
        <v>88</v>
      </c>
      <c r="E3935" s="1">
        <v>44601.888888888891</v>
      </c>
    </row>
    <row r="3936" spans="1:5" x14ac:dyDescent="0.4">
      <c r="A3936">
        <v>3589</v>
      </c>
      <c r="B3936">
        <v>0</v>
      </c>
      <c r="C3936">
        <v>344</v>
      </c>
      <c r="D3936" t="s">
        <v>88</v>
      </c>
      <c r="E3936" s="1">
        <v>44601.888888888891</v>
      </c>
    </row>
    <row r="3937" spans="1:5" x14ac:dyDescent="0.4">
      <c r="A3937">
        <v>3590</v>
      </c>
      <c r="B3937">
        <v>0</v>
      </c>
      <c r="C3937">
        <v>345</v>
      </c>
      <c r="D3937" t="s">
        <v>88</v>
      </c>
      <c r="E3937" s="1">
        <v>44601.888888888891</v>
      </c>
    </row>
    <row r="3938" spans="1:5" x14ac:dyDescent="0.4">
      <c r="A3938">
        <v>3591</v>
      </c>
      <c r="B3938">
        <v>0</v>
      </c>
      <c r="C3938">
        <v>356</v>
      </c>
      <c r="D3938" t="s">
        <v>88</v>
      </c>
      <c r="E3938" s="1">
        <v>44601.888888888891</v>
      </c>
    </row>
    <row r="3939" spans="1:5" x14ac:dyDescent="0.4">
      <c r="A3939">
        <v>3592</v>
      </c>
      <c r="B3939">
        <v>0</v>
      </c>
      <c r="C3939">
        <v>357</v>
      </c>
      <c r="D3939" t="s">
        <v>88</v>
      </c>
      <c r="E3939" s="1">
        <v>44601.888888888891</v>
      </c>
    </row>
    <row r="3940" spans="1:5" x14ac:dyDescent="0.4">
      <c r="A3940">
        <v>3593</v>
      </c>
      <c r="B3940">
        <v>0</v>
      </c>
      <c r="C3940">
        <v>358</v>
      </c>
      <c r="D3940" t="s">
        <v>88</v>
      </c>
      <c r="E3940" s="1">
        <v>44601.888888888891</v>
      </c>
    </row>
    <row r="3941" spans="1:5" x14ac:dyDescent="0.4">
      <c r="A3941">
        <v>3594</v>
      </c>
      <c r="B3941">
        <v>0</v>
      </c>
      <c r="C3941">
        <v>359</v>
      </c>
      <c r="D3941" t="s">
        <v>88</v>
      </c>
      <c r="E3941" s="1">
        <v>44601.888888888891</v>
      </c>
    </row>
    <row r="3942" spans="1:5" x14ac:dyDescent="0.4">
      <c r="A3942">
        <v>3595</v>
      </c>
      <c r="B3942">
        <v>0</v>
      </c>
      <c r="C3942">
        <v>361</v>
      </c>
      <c r="D3942" t="s">
        <v>88</v>
      </c>
      <c r="E3942" s="1">
        <v>44601.888888888891</v>
      </c>
    </row>
    <row r="3943" spans="1:5" x14ac:dyDescent="0.4">
      <c r="A3943">
        <v>3596</v>
      </c>
      <c r="B3943">
        <v>0</v>
      </c>
      <c r="C3943">
        <v>362</v>
      </c>
      <c r="D3943" t="s">
        <v>88</v>
      </c>
      <c r="E3943" s="1">
        <v>44601.888888888891</v>
      </c>
    </row>
    <row r="3944" spans="1:5" x14ac:dyDescent="0.4">
      <c r="A3944">
        <v>3597</v>
      </c>
      <c r="B3944">
        <v>0</v>
      </c>
      <c r="C3944">
        <v>363</v>
      </c>
      <c r="D3944" t="s">
        <v>88</v>
      </c>
      <c r="E3944" s="1">
        <v>44601.888888888891</v>
      </c>
    </row>
    <row r="3945" spans="1:5" x14ac:dyDescent="0.4">
      <c r="A3945">
        <v>3598</v>
      </c>
      <c r="B3945">
        <v>0</v>
      </c>
      <c r="C3945">
        <v>364</v>
      </c>
      <c r="D3945" t="s">
        <v>88</v>
      </c>
      <c r="E3945" s="1">
        <v>44601.888888888891</v>
      </c>
    </row>
    <row r="3946" spans="1:5" x14ac:dyDescent="0.4">
      <c r="A3946">
        <v>3599</v>
      </c>
      <c r="B3946">
        <v>0</v>
      </c>
      <c r="C3946">
        <v>366</v>
      </c>
      <c r="D3946" t="s">
        <v>88</v>
      </c>
      <c r="E3946" s="1">
        <v>44601.888888888891</v>
      </c>
    </row>
    <row r="3947" spans="1:5" x14ac:dyDescent="0.4">
      <c r="A3947">
        <v>3600</v>
      </c>
      <c r="B3947">
        <v>0</v>
      </c>
      <c r="C3947">
        <v>367</v>
      </c>
      <c r="D3947" t="s">
        <v>88</v>
      </c>
      <c r="E3947" s="1">
        <v>44601.888888888891</v>
      </c>
    </row>
    <row r="3948" spans="1:5" x14ac:dyDescent="0.4">
      <c r="A3948">
        <v>3601</v>
      </c>
      <c r="B3948">
        <v>0</v>
      </c>
      <c r="C3948">
        <v>369</v>
      </c>
      <c r="D3948" t="s">
        <v>88</v>
      </c>
      <c r="E3948" s="1">
        <v>44601.888888888891</v>
      </c>
    </row>
    <row r="3949" spans="1:5" x14ac:dyDescent="0.4">
      <c r="A3949">
        <v>3602</v>
      </c>
      <c r="B3949">
        <v>0</v>
      </c>
      <c r="C3949">
        <v>370</v>
      </c>
      <c r="D3949" t="s">
        <v>88</v>
      </c>
      <c r="E3949" s="1">
        <v>44601.888888888891</v>
      </c>
    </row>
    <row r="3950" spans="1:5" x14ac:dyDescent="0.4">
      <c r="A3950">
        <v>3603</v>
      </c>
      <c r="B3950">
        <v>0</v>
      </c>
      <c r="C3950">
        <v>371</v>
      </c>
      <c r="D3950" t="s">
        <v>88</v>
      </c>
      <c r="E3950" s="1">
        <v>44601.888888888891</v>
      </c>
    </row>
    <row r="3951" spans="1:5" x14ac:dyDescent="0.4">
      <c r="A3951">
        <v>3604</v>
      </c>
      <c r="B3951">
        <v>0</v>
      </c>
      <c r="C3951">
        <v>373</v>
      </c>
      <c r="D3951" t="s">
        <v>88</v>
      </c>
      <c r="E3951" s="1">
        <v>44601.888888888891</v>
      </c>
    </row>
    <row r="3952" spans="1:5" x14ac:dyDescent="0.4">
      <c r="A3952">
        <v>3605</v>
      </c>
      <c r="B3952">
        <v>0</v>
      </c>
      <c r="C3952">
        <v>374</v>
      </c>
      <c r="D3952" t="s">
        <v>88</v>
      </c>
      <c r="E3952" s="1">
        <v>44601.888888888891</v>
      </c>
    </row>
    <row r="3953" spans="1:5" x14ac:dyDescent="0.4">
      <c r="A3953">
        <v>3606</v>
      </c>
      <c r="B3953">
        <v>0</v>
      </c>
      <c r="C3953">
        <v>375</v>
      </c>
      <c r="D3953" t="s">
        <v>88</v>
      </c>
      <c r="E3953" s="1">
        <v>44601.888888888891</v>
      </c>
    </row>
    <row r="3954" spans="1:5" x14ac:dyDescent="0.4">
      <c r="A3954">
        <v>3607</v>
      </c>
      <c r="B3954">
        <v>0</v>
      </c>
      <c r="C3954">
        <v>377</v>
      </c>
      <c r="D3954" t="s">
        <v>88</v>
      </c>
      <c r="E3954" s="1">
        <v>44601.888888888891</v>
      </c>
    </row>
    <row r="3955" spans="1:5" x14ac:dyDescent="0.4">
      <c r="A3955">
        <v>3608</v>
      </c>
      <c r="B3955">
        <v>0</v>
      </c>
      <c r="C3955">
        <v>378</v>
      </c>
      <c r="D3955" t="s">
        <v>88</v>
      </c>
      <c r="E3955" s="1">
        <v>44601.888888888891</v>
      </c>
    </row>
    <row r="3956" spans="1:5" x14ac:dyDescent="0.4">
      <c r="A3956">
        <v>3609</v>
      </c>
      <c r="B3956">
        <v>0</v>
      </c>
      <c r="C3956">
        <v>379</v>
      </c>
      <c r="D3956" t="s">
        <v>88</v>
      </c>
      <c r="E3956" s="1">
        <v>44601.888888888891</v>
      </c>
    </row>
    <row r="3957" spans="1:5" x14ac:dyDescent="0.4">
      <c r="A3957">
        <v>3610</v>
      </c>
      <c r="B3957">
        <v>0</v>
      </c>
      <c r="C3957">
        <v>380</v>
      </c>
      <c r="D3957" t="s">
        <v>88</v>
      </c>
      <c r="E3957" s="1">
        <v>44601.888888888891</v>
      </c>
    </row>
    <row r="3958" spans="1:5" x14ac:dyDescent="0.4">
      <c r="A3958">
        <v>3611</v>
      </c>
      <c r="B3958">
        <v>0</v>
      </c>
      <c r="C3958">
        <v>381</v>
      </c>
      <c r="D3958" t="s">
        <v>88</v>
      </c>
      <c r="E3958" s="1">
        <v>44601.888888888891</v>
      </c>
    </row>
    <row r="3959" spans="1:5" x14ac:dyDescent="0.4">
      <c r="A3959">
        <v>3612</v>
      </c>
      <c r="B3959">
        <v>0</v>
      </c>
      <c r="C3959">
        <v>382</v>
      </c>
      <c r="D3959" t="s">
        <v>88</v>
      </c>
      <c r="E3959" s="1">
        <v>44601.888888888891</v>
      </c>
    </row>
    <row r="3960" spans="1:5" x14ac:dyDescent="0.4">
      <c r="A3960">
        <v>3613</v>
      </c>
      <c r="B3960">
        <v>0</v>
      </c>
      <c r="C3960">
        <v>384</v>
      </c>
      <c r="D3960" t="s">
        <v>88</v>
      </c>
      <c r="E3960" s="1">
        <v>44601.888888888891</v>
      </c>
    </row>
    <row r="3961" spans="1:5" x14ac:dyDescent="0.4">
      <c r="A3961">
        <v>3614</v>
      </c>
      <c r="B3961">
        <v>0</v>
      </c>
      <c r="C3961">
        <v>385</v>
      </c>
      <c r="D3961" t="s">
        <v>88</v>
      </c>
      <c r="E3961" s="1">
        <v>44601.888888888891</v>
      </c>
    </row>
    <row r="3962" spans="1:5" x14ac:dyDescent="0.4">
      <c r="A3962">
        <v>3615</v>
      </c>
      <c r="B3962">
        <v>0</v>
      </c>
      <c r="C3962">
        <v>386</v>
      </c>
      <c r="D3962" t="s">
        <v>88</v>
      </c>
      <c r="E3962" s="1">
        <v>44601.888888888891</v>
      </c>
    </row>
    <row r="3963" spans="1:5" x14ac:dyDescent="0.4">
      <c r="A3963">
        <v>3616</v>
      </c>
      <c r="B3963">
        <v>0</v>
      </c>
      <c r="C3963">
        <v>387</v>
      </c>
      <c r="D3963" t="s">
        <v>88</v>
      </c>
      <c r="E3963" s="1">
        <v>44601.888888888891</v>
      </c>
    </row>
    <row r="3964" spans="1:5" x14ac:dyDescent="0.4">
      <c r="A3964">
        <v>3617</v>
      </c>
      <c r="B3964">
        <v>0</v>
      </c>
      <c r="C3964">
        <v>389</v>
      </c>
      <c r="D3964" t="s">
        <v>88</v>
      </c>
      <c r="E3964" s="1">
        <v>44601.888888888891</v>
      </c>
    </row>
    <row r="3965" spans="1:5" x14ac:dyDescent="0.4">
      <c r="A3965">
        <v>3618</v>
      </c>
      <c r="B3965">
        <v>0</v>
      </c>
      <c r="C3965">
        <v>391</v>
      </c>
      <c r="D3965" t="s">
        <v>88</v>
      </c>
      <c r="E3965" s="1">
        <v>44601.888888888891</v>
      </c>
    </row>
    <row r="3966" spans="1:5" x14ac:dyDescent="0.4">
      <c r="A3966">
        <v>3619</v>
      </c>
      <c r="B3966">
        <v>0</v>
      </c>
      <c r="C3966">
        <v>392</v>
      </c>
      <c r="D3966" t="s">
        <v>88</v>
      </c>
      <c r="E3966" s="1">
        <v>44601.888888888891</v>
      </c>
    </row>
    <row r="3967" spans="1:5" x14ac:dyDescent="0.4">
      <c r="A3967">
        <v>3620</v>
      </c>
      <c r="B3967">
        <v>0</v>
      </c>
      <c r="C3967">
        <v>393</v>
      </c>
      <c r="D3967" t="s">
        <v>88</v>
      </c>
      <c r="E3967" s="1">
        <v>44601.888888888891</v>
      </c>
    </row>
    <row r="3968" spans="1:5" x14ac:dyDescent="0.4">
      <c r="A3968">
        <v>3621</v>
      </c>
      <c r="B3968">
        <v>0</v>
      </c>
      <c r="C3968">
        <v>394</v>
      </c>
      <c r="D3968" t="s">
        <v>88</v>
      </c>
      <c r="E3968" s="1">
        <v>44601.888888888891</v>
      </c>
    </row>
    <row r="3969" spans="1:5" x14ac:dyDescent="0.4">
      <c r="A3969">
        <v>3622</v>
      </c>
      <c r="B3969">
        <v>0</v>
      </c>
      <c r="C3969">
        <v>395</v>
      </c>
      <c r="D3969" t="s">
        <v>88</v>
      </c>
      <c r="E3969" s="1">
        <v>44601.888888888891</v>
      </c>
    </row>
    <row r="3970" spans="1:5" x14ac:dyDescent="0.4">
      <c r="A3970">
        <v>3623</v>
      </c>
      <c r="B3970">
        <v>0</v>
      </c>
      <c r="C3970">
        <v>396</v>
      </c>
      <c r="D3970" t="s">
        <v>88</v>
      </c>
      <c r="E3970" s="1">
        <v>44601.888888888891</v>
      </c>
    </row>
    <row r="3971" spans="1:5" x14ac:dyDescent="0.4">
      <c r="A3971">
        <v>3624</v>
      </c>
      <c r="B3971">
        <v>0</v>
      </c>
      <c r="C3971">
        <v>403</v>
      </c>
      <c r="D3971" t="s">
        <v>88</v>
      </c>
      <c r="E3971" s="1">
        <v>44601.888888888891</v>
      </c>
    </row>
    <row r="3972" spans="1:5" x14ac:dyDescent="0.4">
      <c r="A3972">
        <v>3625</v>
      </c>
      <c r="B3972">
        <v>0</v>
      </c>
      <c r="C3972">
        <v>404</v>
      </c>
      <c r="D3972" t="s">
        <v>88</v>
      </c>
      <c r="E3972" s="1">
        <v>44601.888888888891</v>
      </c>
    </row>
    <row r="3973" spans="1:5" x14ac:dyDescent="0.4">
      <c r="A3973">
        <v>3626</v>
      </c>
      <c r="B3973">
        <v>0</v>
      </c>
      <c r="C3973">
        <v>405</v>
      </c>
      <c r="D3973" t="s">
        <v>88</v>
      </c>
      <c r="E3973" s="1">
        <v>44601.888888888891</v>
      </c>
    </row>
    <row r="3974" spans="1:5" x14ac:dyDescent="0.4">
      <c r="A3974">
        <v>3627</v>
      </c>
      <c r="B3974">
        <v>0</v>
      </c>
      <c r="C3974">
        <v>406</v>
      </c>
      <c r="D3974" t="s">
        <v>88</v>
      </c>
      <c r="E3974" s="1">
        <v>44601.888888888891</v>
      </c>
    </row>
    <row r="3975" spans="1:5" x14ac:dyDescent="0.4">
      <c r="A3975">
        <v>3628</v>
      </c>
      <c r="B3975">
        <v>0</v>
      </c>
      <c r="C3975">
        <v>407</v>
      </c>
      <c r="D3975" t="s">
        <v>88</v>
      </c>
      <c r="E3975" s="1">
        <v>44601.888888888891</v>
      </c>
    </row>
    <row r="3976" spans="1:5" x14ac:dyDescent="0.4">
      <c r="A3976">
        <v>3629</v>
      </c>
      <c r="B3976">
        <v>0</v>
      </c>
      <c r="C3976">
        <v>408</v>
      </c>
      <c r="D3976" t="s">
        <v>88</v>
      </c>
      <c r="E3976" s="1">
        <v>44601.888888888891</v>
      </c>
    </row>
    <row r="3977" spans="1:5" x14ac:dyDescent="0.4">
      <c r="A3977">
        <v>3630</v>
      </c>
      <c r="B3977">
        <v>0</v>
      </c>
      <c r="C3977">
        <v>409</v>
      </c>
      <c r="D3977" t="s">
        <v>88</v>
      </c>
      <c r="E3977" s="1">
        <v>44601.888888888891</v>
      </c>
    </row>
    <row r="3978" spans="1:5" x14ac:dyDescent="0.4">
      <c r="A3978">
        <v>3631</v>
      </c>
      <c r="B3978">
        <v>0</v>
      </c>
      <c r="C3978">
        <v>416</v>
      </c>
      <c r="D3978" t="s">
        <v>88</v>
      </c>
      <c r="E3978" s="1">
        <v>44601.888888888891</v>
      </c>
    </row>
    <row r="3979" spans="1:5" x14ac:dyDescent="0.4">
      <c r="A3979">
        <v>3632</v>
      </c>
      <c r="B3979">
        <v>0</v>
      </c>
      <c r="C3979">
        <v>417</v>
      </c>
      <c r="D3979" t="s">
        <v>88</v>
      </c>
      <c r="E3979" s="1">
        <v>44601.888888888891</v>
      </c>
    </row>
    <row r="3980" spans="1:5" x14ac:dyDescent="0.4">
      <c r="A3980">
        <v>3633</v>
      </c>
      <c r="B3980">
        <v>0</v>
      </c>
      <c r="C3980">
        <v>418</v>
      </c>
      <c r="D3980" t="s">
        <v>88</v>
      </c>
      <c r="E3980" s="1">
        <v>44601.888888888891</v>
      </c>
    </row>
    <row r="3981" spans="1:5" x14ac:dyDescent="0.4">
      <c r="A3981">
        <v>3634</v>
      </c>
      <c r="B3981">
        <v>0</v>
      </c>
      <c r="C3981">
        <v>419</v>
      </c>
      <c r="D3981" t="s">
        <v>88</v>
      </c>
      <c r="E3981" s="1">
        <v>44601.888888888891</v>
      </c>
    </row>
    <row r="3982" spans="1:5" x14ac:dyDescent="0.4">
      <c r="A3982">
        <v>3635</v>
      </c>
      <c r="B3982">
        <v>0</v>
      </c>
      <c r="C3982">
        <v>674</v>
      </c>
      <c r="D3982" t="s">
        <v>88</v>
      </c>
      <c r="E3982" s="1">
        <v>44601.888888888891</v>
      </c>
    </row>
    <row r="3983" spans="1:5" x14ac:dyDescent="0.4">
      <c r="A3983">
        <v>3636</v>
      </c>
      <c r="B3983">
        <v>0</v>
      </c>
      <c r="C3983">
        <v>675</v>
      </c>
      <c r="D3983" t="s">
        <v>88</v>
      </c>
      <c r="E3983" s="1">
        <v>44601.888888888891</v>
      </c>
    </row>
    <row r="3984" spans="1:5" x14ac:dyDescent="0.4">
      <c r="A3984">
        <v>3637</v>
      </c>
      <c r="B3984">
        <v>0</v>
      </c>
      <c r="C3984">
        <v>854</v>
      </c>
      <c r="D3984" t="s">
        <v>88</v>
      </c>
      <c r="E3984" s="1">
        <v>44601.888888888891</v>
      </c>
    </row>
    <row r="3985" spans="1:5" x14ac:dyDescent="0.4">
      <c r="A3985">
        <v>3638</v>
      </c>
      <c r="B3985">
        <v>0</v>
      </c>
      <c r="C3985">
        <v>1105</v>
      </c>
      <c r="D3985" t="s">
        <v>88</v>
      </c>
      <c r="E3985" s="1">
        <v>44601.888888888891</v>
      </c>
    </row>
    <row r="3986" spans="1:5" x14ac:dyDescent="0.4">
      <c r="A3986">
        <v>3639</v>
      </c>
      <c r="B3986">
        <v>0</v>
      </c>
      <c r="C3986">
        <v>1169</v>
      </c>
      <c r="D3986" t="s">
        <v>88</v>
      </c>
      <c r="E3986" s="1">
        <v>44601.888888888891</v>
      </c>
    </row>
    <row r="3987" spans="1:5" x14ac:dyDescent="0.4">
      <c r="A3987">
        <v>3640</v>
      </c>
      <c r="B3987">
        <v>0</v>
      </c>
      <c r="C3987">
        <v>1170</v>
      </c>
      <c r="D3987" t="s">
        <v>88</v>
      </c>
      <c r="E3987" s="1">
        <v>44601.888888888891</v>
      </c>
    </row>
    <row r="3988" spans="1:5" x14ac:dyDescent="0.4">
      <c r="A3988">
        <v>3641</v>
      </c>
      <c r="B3988">
        <v>0</v>
      </c>
      <c r="C3988">
        <v>1171</v>
      </c>
      <c r="D3988" t="s">
        <v>88</v>
      </c>
      <c r="E3988" s="1">
        <v>44601.888888888891</v>
      </c>
    </row>
    <row r="3989" spans="1:5" x14ac:dyDescent="0.4">
      <c r="A3989">
        <v>3642</v>
      </c>
      <c r="B3989">
        <v>0</v>
      </c>
      <c r="C3989">
        <v>1172</v>
      </c>
      <c r="D3989" t="s">
        <v>88</v>
      </c>
      <c r="E3989" s="1">
        <v>44601.888888888891</v>
      </c>
    </row>
    <row r="3990" spans="1:5" x14ac:dyDescent="0.4">
      <c r="A3990">
        <v>3643</v>
      </c>
      <c r="B3990">
        <v>0</v>
      </c>
      <c r="C3990">
        <v>1173</v>
      </c>
      <c r="D3990" t="s">
        <v>88</v>
      </c>
      <c r="E3990" s="1">
        <v>44601.888888888891</v>
      </c>
    </row>
    <row r="3991" spans="1:5" x14ac:dyDescent="0.4">
      <c r="A3991">
        <v>3644</v>
      </c>
      <c r="B3991">
        <v>0</v>
      </c>
      <c r="C3991">
        <v>1174</v>
      </c>
      <c r="D3991" t="s">
        <v>88</v>
      </c>
      <c r="E3991" s="1">
        <v>44601.888888888891</v>
      </c>
    </row>
    <row r="3992" spans="1:5" x14ac:dyDescent="0.4">
      <c r="A3992">
        <v>3645</v>
      </c>
      <c r="B3992">
        <v>0</v>
      </c>
      <c r="C3992">
        <v>1175</v>
      </c>
      <c r="D3992" t="s">
        <v>88</v>
      </c>
      <c r="E3992" s="1">
        <v>44601.888888888891</v>
      </c>
    </row>
    <row r="3993" spans="1:5" x14ac:dyDescent="0.4">
      <c r="A3993">
        <v>3646</v>
      </c>
      <c r="B3993">
        <v>0</v>
      </c>
      <c r="C3993">
        <v>1176</v>
      </c>
      <c r="D3993" t="s">
        <v>88</v>
      </c>
      <c r="E3993" s="1">
        <v>44601.888888888891</v>
      </c>
    </row>
    <row r="3994" spans="1:5" x14ac:dyDescent="0.4">
      <c r="A3994">
        <v>3647</v>
      </c>
      <c r="B3994">
        <v>0</v>
      </c>
      <c r="C3994">
        <v>1179</v>
      </c>
      <c r="D3994" t="s">
        <v>88</v>
      </c>
      <c r="E3994" s="1">
        <v>44601.888888888891</v>
      </c>
    </row>
    <row r="3995" spans="1:5" x14ac:dyDescent="0.4">
      <c r="A3995">
        <v>3648</v>
      </c>
      <c r="B3995">
        <v>0</v>
      </c>
      <c r="C3995">
        <v>1181</v>
      </c>
      <c r="D3995" t="s">
        <v>88</v>
      </c>
      <c r="E3995" s="1">
        <v>44601.888888888891</v>
      </c>
    </row>
    <row r="3996" spans="1:5" x14ac:dyDescent="0.4">
      <c r="A3996">
        <v>3649</v>
      </c>
      <c r="B3996">
        <v>0</v>
      </c>
      <c r="C3996">
        <v>1182</v>
      </c>
      <c r="D3996" t="s">
        <v>88</v>
      </c>
      <c r="E3996" s="1">
        <v>44601.888888888891</v>
      </c>
    </row>
    <row r="3997" spans="1:5" x14ac:dyDescent="0.4">
      <c r="A3997">
        <v>3650</v>
      </c>
      <c r="B3997">
        <v>0</v>
      </c>
      <c r="C3997">
        <v>1183</v>
      </c>
      <c r="D3997" t="s">
        <v>88</v>
      </c>
      <c r="E3997" s="1">
        <v>44601.888888888891</v>
      </c>
    </row>
    <row r="3998" spans="1:5" x14ac:dyDescent="0.4">
      <c r="A3998">
        <v>3651</v>
      </c>
      <c r="B3998">
        <v>0</v>
      </c>
      <c r="C3998">
        <v>1184</v>
      </c>
      <c r="D3998" t="s">
        <v>88</v>
      </c>
      <c r="E3998" s="1">
        <v>44601.888888888891</v>
      </c>
    </row>
    <row r="3999" spans="1:5" x14ac:dyDescent="0.4">
      <c r="A3999">
        <v>3652</v>
      </c>
      <c r="B3999">
        <v>0</v>
      </c>
      <c r="C3999">
        <v>1185</v>
      </c>
      <c r="D3999" t="s">
        <v>88</v>
      </c>
      <c r="E3999" s="1">
        <v>44601.888888888891</v>
      </c>
    </row>
    <row r="4000" spans="1:5" x14ac:dyDescent="0.4">
      <c r="A4000">
        <v>3653</v>
      </c>
      <c r="B4000">
        <v>0</v>
      </c>
      <c r="C4000">
        <v>1186</v>
      </c>
      <c r="D4000" t="s">
        <v>88</v>
      </c>
      <c r="E4000" s="1">
        <v>44601.888888888891</v>
      </c>
    </row>
    <row r="4001" spans="1:5" x14ac:dyDescent="0.4">
      <c r="A4001">
        <v>3654</v>
      </c>
      <c r="B4001">
        <v>0</v>
      </c>
      <c r="C4001">
        <v>1187</v>
      </c>
      <c r="D4001" t="s">
        <v>88</v>
      </c>
      <c r="E4001" s="1">
        <v>44601.888888888891</v>
      </c>
    </row>
    <row r="4002" spans="1:5" x14ac:dyDescent="0.4">
      <c r="A4002">
        <v>3655</v>
      </c>
      <c r="B4002">
        <v>0</v>
      </c>
      <c r="C4002">
        <v>1190</v>
      </c>
      <c r="D4002" t="s">
        <v>88</v>
      </c>
      <c r="E4002" s="1">
        <v>44601.888888888891</v>
      </c>
    </row>
    <row r="4003" spans="1:5" x14ac:dyDescent="0.4">
      <c r="A4003">
        <v>3656</v>
      </c>
      <c r="B4003">
        <v>0</v>
      </c>
      <c r="C4003">
        <v>1191</v>
      </c>
      <c r="D4003" t="s">
        <v>88</v>
      </c>
      <c r="E4003" s="1">
        <v>44601.888888888891</v>
      </c>
    </row>
    <row r="4004" spans="1:5" x14ac:dyDescent="0.4">
      <c r="A4004">
        <v>3657</v>
      </c>
      <c r="B4004">
        <v>0</v>
      </c>
      <c r="C4004">
        <v>1192</v>
      </c>
      <c r="D4004" t="s">
        <v>88</v>
      </c>
      <c r="E4004" s="1">
        <v>44601.888888888891</v>
      </c>
    </row>
    <row r="4005" spans="1:5" x14ac:dyDescent="0.4">
      <c r="A4005">
        <v>3658</v>
      </c>
      <c r="B4005">
        <v>0</v>
      </c>
      <c r="C4005">
        <v>1193</v>
      </c>
      <c r="D4005" t="s">
        <v>88</v>
      </c>
      <c r="E4005" s="1">
        <v>44601.888888888891</v>
      </c>
    </row>
    <row r="4006" spans="1:5" x14ac:dyDescent="0.4">
      <c r="A4006">
        <v>3659</v>
      </c>
      <c r="B4006">
        <v>0</v>
      </c>
      <c r="C4006">
        <v>1194</v>
      </c>
      <c r="D4006" t="s">
        <v>88</v>
      </c>
      <c r="E4006" s="1">
        <v>44601.888888888891</v>
      </c>
    </row>
    <row r="4007" spans="1:5" x14ac:dyDescent="0.4">
      <c r="A4007">
        <v>3660</v>
      </c>
      <c r="B4007">
        <v>0</v>
      </c>
      <c r="C4007">
        <v>1199</v>
      </c>
      <c r="D4007" t="s">
        <v>88</v>
      </c>
      <c r="E4007" s="1">
        <v>44601.888888888891</v>
      </c>
    </row>
    <row r="4008" spans="1:5" x14ac:dyDescent="0.4">
      <c r="A4008">
        <v>3661</v>
      </c>
      <c r="B4008">
        <v>0</v>
      </c>
      <c r="C4008">
        <v>1398</v>
      </c>
      <c r="D4008" t="s">
        <v>88</v>
      </c>
      <c r="E4008" s="1">
        <v>44601.888888888891</v>
      </c>
    </row>
    <row r="4009" spans="1:5" x14ac:dyDescent="0.4">
      <c r="A4009">
        <v>3662</v>
      </c>
      <c r="B4009">
        <v>0</v>
      </c>
      <c r="C4009">
        <v>1399</v>
      </c>
      <c r="D4009" t="s">
        <v>88</v>
      </c>
      <c r="E4009" s="1">
        <v>44601.888888888891</v>
      </c>
    </row>
    <row r="4010" spans="1:5" x14ac:dyDescent="0.4">
      <c r="A4010">
        <v>3663</v>
      </c>
      <c r="B4010">
        <v>0</v>
      </c>
      <c r="C4010">
        <v>1400</v>
      </c>
      <c r="D4010" t="s">
        <v>88</v>
      </c>
      <c r="E4010" s="1">
        <v>44601.888888888891</v>
      </c>
    </row>
    <row r="4011" spans="1:5" x14ac:dyDescent="0.4">
      <c r="A4011">
        <v>3664</v>
      </c>
      <c r="B4011">
        <v>0</v>
      </c>
      <c r="C4011">
        <v>1401</v>
      </c>
      <c r="D4011" t="s">
        <v>88</v>
      </c>
      <c r="E4011" s="1">
        <v>44601.888888888891</v>
      </c>
    </row>
    <row r="4012" spans="1:5" x14ac:dyDescent="0.4">
      <c r="A4012">
        <v>3665</v>
      </c>
      <c r="B4012">
        <v>0</v>
      </c>
      <c r="C4012">
        <v>1403</v>
      </c>
      <c r="D4012" t="s">
        <v>88</v>
      </c>
      <c r="E4012" s="1">
        <v>44601.888888888891</v>
      </c>
    </row>
    <row r="4013" spans="1:5" x14ac:dyDescent="0.4">
      <c r="A4013">
        <v>3666</v>
      </c>
      <c r="B4013">
        <v>0</v>
      </c>
      <c r="C4013">
        <v>2003</v>
      </c>
      <c r="D4013" t="s">
        <v>88</v>
      </c>
      <c r="E4013" s="1">
        <v>44601.888888888891</v>
      </c>
    </row>
    <row r="4014" spans="1:5" x14ac:dyDescent="0.4">
      <c r="A4014">
        <v>3667</v>
      </c>
      <c r="B4014">
        <v>0</v>
      </c>
      <c r="C4014">
        <v>2090</v>
      </c>
      <c r="D4014" t="s">
        <v>88</v>
      </c>
      <c r="E4014" s="1">
        <v>44601.888888888891</v>
      </c>
    </row>
    <row r="4015" spans="1:5" x14ac:dyDescent="0.4">
      <c r="A4015">
        <v>3668</v>
      </c>
      <c r="B4015">
        <v>0</v>
      </c>
      <c r="C4015">
        <v>2097</v>
      </c>
      <c r="D4015" t="s">
        <v>88</v>
      </c>
      <c r="E4015" s="1">
        <v>44601.888888888891</v>
      </c>
    </row>
    <row r="4016" spans="1:5" x14ac:dyDescent="0.4">
      <c r="A4016">
        <v>3669</v>
      </c>
      <c r="B4016">
        <v>0</v>
      </c>
      <c r="C4016">
        <v>2101</v>
      </c>
      <c r="D4016" t="s">
        <v>88</v>
      </c>
      <c r="E4016" s="1">
        <v>44601.888888888891</v>
      </c>
    </row>
    <row r="4017" spans="1:5" x14ac:dyDescent="0.4">
      <c r="A4017">
        <v>3670</v>
      </c>
      <c r="B4017">
        <v>0</v>
      </c>
      <c r="C4017">
        <v>2102</v>
      </c>
      <c r="D4017" t="s">
        <v>88</v>
      </c>
      <c r="E4017" s="1">
        <v>44601.888888888891</v>
      </c>
    </row>
    <row r="4018" spans="1:5" x14ac:dyDescent="0.4">
      <c r="A4018">
        <v>3671</v>
      </c>
      <c r="B4018">
        <v>0</v>
      </c>
      <c r="C4018">
        <v>2103</v>
      </c>
      <c r="D4018" t="s">
        <v>88</v>
      </c>
      <c r="E4018" s="1">
        <v>44601.888888888891</v>
      </c>
    </row>
    <row r="4019" spans="1:5" x14ac:dyDescent="0.4">
      <c r="A4019">
        <v>3672</v>
      </c>
      <c r="B4019">
        <v>0</v>
      </c>
      <c r="C4019">
        <v>2111</v>
      </c>
      <c r="D4019" t="s">
        <v>88</v>
      </c>
      <c r="E4019" s="1">
        <v>44601.888888888891</v>
      </c>
    </row>
    <row r="4020" spans="1:5" x14ac:dyDescent="0.4">
      <c r="A4020">
        <v>3673</v>
      </c>
      <c r="B4020">
        <v>0</v>
      </c>
      <c r="C4020">
        <v>2112</v>
      </c>
      <c r="D4020" t="s">
        <v>88</v>
      </c>
      <c r="E4020" s="1">
        <v>44601.888888888891</v>
      </c>
    </row>
    <row r="4021" spans="1:5" x14ac:dyDescent="0.4">
      <c r="A4021">
        <v>3674</v>
      </c>
      <c r="B4021">
        <v>0</v>
      </c>
      <c r="C4021">
        <v>2122</v>
      </c>
      <c r="D4021" t="s">
        <v>88</v>
      </c>
      <c r="E4021" s="1">
        <v>44601.888888888891</v>
      </c>
    </row>
    <row r="4022" spans="1:5" x14ac:dyDescent="0.4">
      <c r="A4022">
        <v>3675</v>
      </c>
      <c r="B4022">
        <v>0</v>
      </c>
      <c r="C4022">
        <v>2123</v>
      </c>
      <c r="D4022" t="s">
        <v>88</v>
      </c>
      <c r="E4022" s="1">
        <v>44601.888888888891</v>
      </c>
    </row>
    <row r="4023" spans="1:5" x14ac:dyDescent="0.4">
      <c r="A4023">
        <v>3676</v>
      </c>
      <c r="B4023">
        <v>0</v>
      </c>
      <c r="C4023">
        <v>2124</v>
      </c>
      <c r="D4023" t="s">
        <v>88</v>
      </c>
      <c r="E4023" s="1">
        <v>44601.888888888891</v>
      </c>
    </row>
    <row r="4024" spans="1:5" x14ac:dyDescent="0.4">
      <c r="A4024">
        <v>3677</v>
      </c>
      <c r="B4024">
        <v>0</v>
      </c>
      <c r="C4024">
        <v>2129</v>
      </c>
      <c r="D4024" t="s">
        <v>88</v>
      </c>
      <c r="E4024" s="1">
        <v>44601.888888888891</v>
      </c>
    </row>
    <row r="4025" spans="1:5" x14ac:dyDescent="0.4">
      <c r="A4025">
        <v>3678</v>
      </c>
      <c r="B4025">
        <v>0</v>
      </c>
      <c r="C4025">
        <v>2721</v>
      </c>
      <c r="D4025" t="s">
        <v>88</v>
      </c>
      <c r="E4025" s="1">
        <v>44601.888888888891</v>
      </c>
    </row>
    <row r="4026" spans="1:5" x14ac:dyDescent="0.4">
      <c r="A4026">
        <v>3679</v>
      </c>
      <c r="B4026">
        <v>0</v>
      </c>
      <c r="C4026">
        <v>3073</v>
      </c>
      <c r="D4026" t="s">
        <v>88</v>
      </c>
      <c r="E4026" s="1">
        <v>44601.888888888891</v>
      </c>
    </row>
    <row r="4027" spans="1:5" x14ac:dyDescent="0.4">
      <c r="A4027">
        <v>3680</v>
      </c>
      <c r="B4027">
        <v>0</v>
      </c>
      <c r="C4027">
        <v>3074</v>
      </c>
      <c r="D4027" t="s">
        <v>88</v>
      </c>
      <c r="E4027" s="1">
        <v>44601.888888888891</v>
      </c>
    </row>
    <row r="4028" spans="1:5" x14ac:dyDescent="0.4">
      <c r="A4028">
        <v>3681</v>
      </c>
      <c r="B4028">
        <v>0</v>
      </c>
      <c r="C4028">
        <v>3075</v>
      </c>
      <c r="D4028" t="s">
        <v>88</v>
      </c>
      <c r="E4028" s="1">
        <v>44601.888888888891</v>
      </c>
    </row>
    <row r="4029" spans="1:5" x14ac:dyDescent="0.4">
      <c r="A4029">
        <v>3682</v>
      </c>
      <c r="B4029">
        <v>0</v>
      </c>
      <c r="C4029">
        <v>3076</v>
      </c>
      <c r="D4029" t="s">
        <v>88</v>
      </c>
      <c r="E4029" s="1">
        <v>44601.888888888891</v>
      </c>
    </row>
    <row r="4030" spans="1:5" x14ac:dyDescent="0.4">
      <c r="A4030">
        <v>3683</v>
      </c>
      <c r="B4030">
        <v>0</v>
      </c>
      <c r="C4030">
        <v>3077</v>
      </c>
      <c r="D4030" t="s">
        <v>88</v>
      </c>
      <c r="E4030" s="1">
        <v>44601.888888888891</v>
      </c>
    </row>
    <row r="4031" spans="1:5" x14ac:dyDescent="0.4">
      <c r="A4031">
        <v>3684</v>
      </c>
      <c r="B4031">
        <v>0</v>
      </c>
      <c r="C4031">
        <v>3078</v>
      </c>
      <c r="D4031" t="s">
        <v>88</v>
      </c>
      <c r="E4031" s="1">
        <v>44601.888888888891</v>
      </c>
    </row>
    <row r="4032" spans="1:5" x14ac:dyDescent="0.4">
      <c r="A4032">
        <v>3685</v>
      </c>
      <c r="B4032">
        <v>0</v>
      </c>
      <c r="C4032">
        <v>3079</v>
      </c>
      <c r="D4032" t="s">
        <v>88</v>
      </c>
      <c r="E4032" s="1">
        <v>44601.888888888891</v>
      </c>
    </row>
    <row r="4033" spans="1:5" x14ac:dyDescent="0.4">
      <c r="A4033">
        <v>3686</v>
      </c>
      <c r="B4033">
        <v>0</v>
      </c>
      <c r="C4033">
        <v>3080</v>
      </c>
      <c r="D4033" t="s">
        <v>88</v>
      </c>
      <c r="E4033" s="1">
        <v>44601.888888888891</v>
      </c>
    </row>
    <row r="4034" spans="1:5" x14ac:dyDescent="0.4">
      <c r="A4034">
        <v>3687</v>
      </c>
      <c r="B4034">
        <v>0</v>
      </c>
      <c r="C4034">
        <v>3081</v>
      </c>
      <c r="D4034" t="s">
        <v>88</v>
      </c>
      <c r="E4034" s="1">
        <v>44601.888888888891</v>
      </c>
    </row>
    <row r="4035" spans="1:5" x14ac:dyDescent="0.4">
      <c r="A4035">
        <v>3688</v>
      </c>
      <c r="B4035">
        <v>0</v>
      </c>
      <c r="C4035">
        <v>3082</v>
      </c>
      <c r="D4035" t="s">
        <v>88</v>
      </c>
      <c r="E4035" s="1">
        <v>44601.888888888891</v>
      </c>
    </row>
    <row r="4036" spans="1:5" x14ac:dyDescent="0.4">
      <c r="A4036">
        <v>3689</v>
      </c>
      <c r="B4036">
        <v>0</v>
      </c>
      <c r="C4036">
        <v>3083</v>
      </c>
      <c r="D4036" t="s">
        <v>88</v>
      </c>
      <c r="E4036" s="1">
        <v>44601.888888888891</v>
      </c>
    </row>
    <row r="4037" spans="1:5" x14ac:dyDescent="0.4">
      <c r="A4037">
        <v>3690</v>
      </c>
      <c r="B4037">
        <v>0</v>
      </c>
      <c r="C4037">
        <v>3084</v>
      </c>
      <c r="D4037" t="s">
        <v>88</v>
      </c>
      <c r="E4037" s="1">
        <v>44601.888888888891</v>
      </c>
    </row>
    <row r="4038" spans="1:5" x14ac:dyDescent="0.4">
      <c r="A4038">
        <v>3691</v>
      </c>
      <c r="B4038">
        <v>0</v>
      </c>
      <c r="C4038">
        <v>3085</v>
      </c>
      <c r="D4038" t="s">
        <v>88</v>
      </c>
      <c r="E4038" s="1">
        <v>44601.888888888891</v>
      </c>
    </row>
    <row r="4039" spans="1:5" x14ac:dyDescent="0.4">
      <c r="A4039">
        <v>3692</v>
      </c>
      <c r="B4039">
        <v>0</v>
      </c>
      <c r="C4039">
        <v>3086</v>
      </c>
      <c r="D4039" t="s">
        <v>88</v>
      </c>
      <c r="E4039" s="1">
        <v>44601.888888888891</v>
      </c>
    </row>
    <row r="4040" spans="1:5" x14ac:dyDescent="0.4">
      <c r="A4040">
        <v>3693</v>
      </c>
      <c r="B4040">
        <v>0</v>
      </c>
      <c r="C4040">
        <v>3087</v>
      </c>
      <c r="D4040" t="s">
        <v>88</v>
      </c>
      <c r="E4040" s="1">
        <v>44601.888888888891</v>
      </c>
    </row>
    <row r="4041" spans="1:5" x14ac:dyDescent="0.4">
      <c r="A4041">
        <v>3694</v>
      </c>
      <c r="B4041">
        <v>0</v>
      </c>
      <c r="C4041">
        <v>3088</v>
      </c>
      <c r="D4041" t="s">
        <v>88</v>
      </c>
      <c r="E4041" s="1">
        <v>44601.888888888891</v>
      </c>
    </row>
    <row r="4042" spans="1:5" x14ac:dyDescent="0.4">
      <c r="A4042">
        <v>3695</v>
      </c>
      <c r="B4042">
        <v>0</v>
      </c>
      <c r="C4042">
        <v>3089</v>
      </c>
      <c r="D4042" t="s">
        <v>88</v>
      </c>
      <c r="E4042" s="1">
        <v>44601.888888888891</v>
      </c>
    </row>
    <row r="4043" spans="1:5" x14ac:dyDescent="0.4">
      <c r="A4043">
        <v>3696</v>
      </c>
      <c r="B4043">
        <v>0</v>
      </c>
      <c r="C4043">
        <v>3090</v>
      </c>
      <c r="D4043" t="s">
        <v>88</v>
      </c>
      <c r="E4043" s="1">
        <v>44601.888888888891</v>
      </c>
    </row>
    <row r="4044" spans="1:5" x14ac:dyDescent="0.4">
      <c r="A4044">
        <v>3697</v>
      </c>
      <c r="B4044">
        <v>0</v>
      </c>
      <c r="C4044">
        <v>3091</v>
      </c>
      <c r="D4044" t="s">
        <v>88</v>
      </c>
      <c r="E4044" s="1">
        <v>44601.888888888891</v>
      </c>
    </row>
    <row r="4045" spans="1:5" x14ac:dyDescent="0.4">
      <c r="A4045">
        <v>3698</v>
      </c>
      <c r="B4045">
        <v>0</v>
      </c>
      <c r="C4045">
        <v>3092</v>
      </c>
      <c r="D4045" t="s">
        <v>88</v>
      </c>
      <c r="E4045" s="1">
        <v>44601.888888888891</v>
      </c>
    </row>
    <row r="4046" spans="1:5" x14ac:dyDescent="0.4">
      <c r="A4046">
        <v>3699</v>
      </c>
      <c r="B4046">
        <v>0</v>
      </c>
      <c r="C4046">
        <v>3093</v>
      </c>
      <c r="D4046" t="s">
        <v>88</v>
      </c>
      <c r="E4046" s="1">
        <v>44601.888888888891</v>
      </c>
    </row>
    <row r="4047" spans="1:5" x14ac:dyDescent="0.4">
      <c r="A4047">
        <v>3700</v>
      </c>
      <c r="B4047">
        <v>0</v>
      </c>
      <c r="C4047">
        <v>3094</v>
      </c>
      <c r="D4047" t="s">
        <v>88</v>
      </c>
      <c r="E4047" s="1">
        <v>44601.888888888891</v>
      </c>
    </row>
    <row r="4048" spans="1:5" x14ac:dyDescent="0.4">
      <c r="A4048">
        <v>3701</v>
      </c>
      <c r="B4048">
        <v>0</v>
      </c>
      <c r="C4048">
        <v>3095</v>
      </c>
      <c r="D4048" t="s">
        <v>88</v>
      </c>
      <c r="E4048" s="1">
        <v>44601.888888888891</v>
      </c>
    </row>
    <row r="4049" spans="1:5" x14ac:dyDescent="0.4">
      <c r="A4049">
        <v>3702</v>
      </c>
      <c r="B4049">
        <v>0</v>
      </c>
      <c r="C4049">
        <v>3096</v>
      </c>
      <c r="D4049" t="s">
        <v>88</v>
      </c>
      <c r="E4049" s="1">
        <v>44601.888888888891</v>
      </c>
    </row>
    <row r="4050" spans="1:5" x14ac:dyDescent="0.4">
      <c r="A4050">
        <v>3703</v>
      </c>
      <c r="B4050">
        <v>0</v>
      </c>
      <c r="C4050">
        <v>3097</v>
      </c>
      <c r="D4050" t="s">
        <v>88</v>
      </c>
      <c r="E4050" s="1">
        <v>44601.888888888891</v>
      </c>
    </row>
    <row r="4051" spans="1:5" x14ac:dyDescent="0.4">
      <c r="A4051">
        <v>3704</v>
      </c>
      <c r="B4051">
        <v>0</v>
      </c>
      <c r="C4051">
        <v>3098</v>
      </c>
      <c r="D4051" t="s">
        <v>88</v>
      </c>
      <c r="E4051" s="1">
        <v>44601.888888888891</v>
      </c>
    </row>
    <row r="4052" spans="1:5" x14ac:dyDescent="0.4">
      <c r="A4052">
        <v>3705</v>
      </c>
      <c r="B4052">
        <v>0</v>
      </c>
      <c r="C4052">
        <v>3099</v>
      </c>
      <c r="D4052" t="s">
        <v>88</v>
      </c>
      <c r="E4052" s="1">
        <v>44601.888888888891</v>
      </c>
    </row>
    <row r="4053" spans="1:5" x14ac:dyDescent="0.4">
      <c r="A4053">
        <v>3706</v>
      </c>
      <c r="B4053">
        <v>0</v>
      </c>
      <c r="C4053">
        <v>3100</v>
      </c>
      <c r="D4053" t="s">
        <v>88</v>
      </c>
      <c r="E4053" s="1">
        <v>44601.888888888891</v>
      </c>
    </row>
    <row r="4054" spans="1:5" x14ac:dyDescent="0.4">
      <c r="A4054">
        <v>3707</v>
      </c>
      <c r="B4054">
        <v>0</v>
      </c>
      <c r="C4054">
        <v>3101</v>
      </c>
      <c r="D4054" t="s">
        <v>88</v>
      </c>
      <c r="E4054" s="1">
        <v>44601.888888888891</v>
      </c>
    </row>
    <row r="4055" spans="1:5" x14ac:dyDescent="0.4">
      <c r="A4055">
        <v>3708</v>
      </c>
      <c r="B4055">
        <v>0</v>
      </c>
      <c r="C4055">
        <v>3102</v>
      </c>
      <c r="D4055" t="s">
        <v>88</v>
      </c>
      <c r="E4055" s="1">
        <v>44601.888888888891</v>
      </c>
    </row>
    <row r="4056" spans="1:5" x14ac:dyDescent="0.4">
      <c r="A4056">
        <v>3709</v>
      </c>
      <c r="B4056">
        <v>0</v>
      </c>
      <c r="C4056">
        <v>3103</v>
      </c>
      <c r="D4056" t="s">
        <v>88</v>
      </c>
      <c r="E4056" s="1">
        <v>44601.888888888891</v>
      </c>
    </row>
    <row r="4057" spans="1:5" x14ac:dyDescent="0.4">
      <c r="A4057">
        <v>3710</v>
      </c>
      <c r="B4057">
        <v>0</v>
      </c>
      <c r="C4057">
        <v>3104</v>
      </c>
      <c r="D4057" t="s">
        <v>88</v>
      </c>
      <c r="E4057" s="1">
        <v>44601.888888888891</v>
      </c>
    </row>
    <row r="4058" spans="1:5" x14ac:dyDescent="0.4">
      <c r="A4058">
        <v>3711</v>
      </c>
      <c r="B4058">
        <v>0</v>
      </c>
      <c r="C4058">
        <v>3105</v>
      </c>
      <c r="D4058" t="s">
        <v>88</v>
      </c>
      <c r="E4058" s="1">
        <v>44601.888888888891</v>
      </c>
    </row>
    <row r="4059" spans="1:5" x14ac:dyDescent="0.4">
      <c r="A4059">
        <v>3712</v>
      </c>
      <c r="B4059">
        <v>0</v>
      </c>
      <c r="C4059">
        <v>3106</v>
      </c>
      <c r="D4059" t="s">
        <v>88</v>
      </c>
      <c r="E4059" s="1">
        <v>44601.888888888891</v>
      </c>
    </row>
    <row r="4060" spans="1:5" x14ac:dyDescent="0.4">
      <c r="A4060">
        <v>3713</v>
      </c>
      <c r="B4060">
        <v>0</v>
      </c>
      <c r="C4060">
        <v>3107</v>
      </c>
      <c r="D4060" t="s">
        <v>88</v>
      </c>
      <c r="E4060" s="1">
        <v>44601.888888888891</v>
      </c>
    </row>
    <row r="4061" spans="1:5" x14ac:dyDescent="0.4">
      <c r="A4061">
        <v>3714</v>
      </c>
      <c r="B4061">
        <v>0</v>
      </c>
      <c r="C4061">
        <v>3108</v>
      </c>
      <c r="D4061" t="s">
        <v>88</v>
      </c>
      <c r="E4061" s="1">
        <v>44601.888888888891</v>
      </c>
    </row>
    <row r="4062" spans="1:5" x14ac:dyDescent="0.4">
      <c r="A4062">
        <v>3715</v>
      </c>
      <c r="B4062">
        <v>0</v>
      </c>
      <c r="C4062">
        <v>3109</v>
      </c>
      <c r="D4062" t="s">
        <v>88</v>
      </c>
      <c r="E4062" s="1">
        <v>44601.888888888891</v>
      </c>
    </row>
    <row r="4063" spans="1:5" x14ac:dyDescent="0.4">
      <c r="A4063">
        <v>3716</v>
      </c>
      <c r="B4063">
        <v>0</v>
      </c>
      <c r="C4063">
        <v>3110</v>
      </c>
      <c r="D4063" t="s">
        <v>88</v>
      </c>
      <c r="E4063" s="1">
        <v>44601.888888888891</v>
      </c>
    </row>
    <row r="4064" spans="1:5" x14ac:dyDescent="0.4">
      <c r="A4064">
        <v>3717</v>
      </c>
      <c r="B4064">
        <v>0</v>
      </c>
      <c r="C4064">
        <v>3111</v>
      </c>
      <c r="D4064" t="s">
        <v>88</v>
      </c>
      <c r="E4064" s="1">
        <v>44601.888888888891</v>
      </c>
    </row>
    <row r="4065" spans="1:5" x14ac:dyDescent="0.4">
      <c r="A4065">
        <v>3718</v>
      </c>
      <c r="B4065">
        <v>0</v>
      </c>
      <c r="C4065">
        <v>3112</v>
      </c>
      <c r="D4065" t="s">
        <v>88</v>
      </c>
      <c r="E4065" s="1">
        <v>44601.888888888891</v>
      </c>
    </row>
    <row r="4066" spans="1:5" x14ac:dyDescent="0.4">
      <c r="A4066">
        <v>3719</v>
      </c>
      <c r="B4066">
        <v>0</v>
      </c>
      <c r="C4066">
        <v>3113</v>
      </c>
      <c r="D4066" t="s">
        <v>88</v>
      </c>
      <c r="E4066" s="1">
        <v>44601.888888888891</v>
      </c>
    </row>
    <row r="4067" spans="1:5" x14ac:dyDescent="0.4">
      <c r="A4067">
        <v>3720</v>
      </c>
      <c r="B4067">
        <v>0</v>
      </c>
      <c r="C4067">
        <v>3116</v>
      </c>
      <c r="D4067" t="s">
        <v>88</v>
      </c>
      <c r="E4067" s="1">
        <v>44601.888888888891</v>
      </c>
    </row>
    <row r="4068" spans="1:5" x14ac:dyDescent="0.4">
      <c r="A4068">
        <v>3721</v>
      </c>
      <c r="B4068">
        <v>0</v>
      </c>
      <c r="C4068">
        <v>3117</v>
      </c>
      <c r="D4068" t="s">
        <v>88</v>
      </c>
      <c r="E4068" s="1">
        <v>44601.888888888891</v>
      </c>
    </row>
    <row r="4069" spans="1:5" x14ac:dyDescent="0.4">
      <c r="A4069">
        <v>3722</v>
      </c>
      <c r="B4069">
        <v>0</v>
      </c>
      <c r="C4069">
        <v>3119</v>
      </c>
      <c r="D4069" t="s">
        <v>88</v>
      </c>
      <c r="E4069" s="1">
        <v>44601.888888888891</v>
      </c>
    </row>
    <row r="4070" spans="1:5" x14ac:dyDescent="0.4">
      <c r="A4070">
        <v>3723</v>
      </c>
      <c r="B4070">
        <v>0</v>
      </c>
      <c r="C4070">
        <v>3122</v>
      </c>
      <c r="D4070" t="s">
        <v>88</v>
      </c>
      <c r="E4070" s="1">
        <v>44601.888888888891</v>
      </c>
    </row>
    <row r="4071" spans="1:5" x14ac:dyDescent="0.4">
      <c r="A4071">
        <v>3724</v>
      </c>
      <c r="B4071">
        <v>0</v>
      </c>
      <c r="C4071">
        <v>3125</v>
      </c>
      <c r="D4071" t="s">
        <v>88</v>
      </c>
      <c r="E4071" s="1">
        <v>44601.888888888891</v>
      </c>
    </row>
    <row r="4072" spans="1:5" x14ac:dyDescent="0.4">
      <c r="A4072">
        <v>3725</v>
      </c>
      <c r="B4072">
        <v>0</v>
      </c>
      <c r="C4072">
        <v>3126</v>
      </c>
      <c r="D4072" t="s">
        <v>88</v>
      </c>
      <c r="E4072" s="1">
        <v>44601.888888888891</v>
      </c>
    </row>
    <row r="4073" spans="1:5" x14ac:dyDescent="0.4">
      <c r="A4073">
        <v>3726</v>
      </c>
      <c r="B4073">
        <v>0</v>
      </c>
      <c r="C4073">
        <v>3136</v>
      </c>
      <c r="D4073" t="s">
        <v>88</v>
      </c>
      <c r="E4073" s="1">
        <v>44601.888888888891</v>
      </c>
    </row>
    <row r="4074" spans="1:5" x14ac:dyDescent="0.4">
      <c r="A4074">
        <v>3727</v>
      </c>
      <c r="B4074">
        <v>0</v>
      </c>
      <c r="C4074">
        <v>3138</v>
      </c>
      <c r="D4074" t="s">
        <v>88</v>
      </c>
      <c r="E4074" s="1">
        <v>44601.888888888891</v>
      </c>
    </row>
    <row r="4075" spans="1:5" x14ac:dyDescent="0.4">
      <c r="A4075">
        <v>3728</v>
      </c>
      <c r="B4075">
        <v>0</v>
      </c>
      <c r="C4075">
        <v>3154</v>
      </c>
      <c r="D4075" t="s">
        <v>88</v>
      </c>
      <c r="E4075" s="1">
        <v>44601.888888888891</v>
      </c>
    </row>
    <row r="4076" spans="1:5" x14ac:dyDescent="0.4">
      <c r="A4076">
        <v>3729</v>
      </c>
      <c r="B4076">
        <v>0</v>
      </c>
      <c r="C4076">
        <v>3155</v>
      </c>
      <c r="D4076" t="s">
        <v>88</v>
      </c>
      <c r="E4076" s="1">
        <v>44601.888888888891</v>
      </c>
    </row>
    <row r="4077" spans="1:5" x14ac:dyDescent="0.4">
      <c r="A4077">
        <v>3730</v>
      </c>
      <c r="B4077">
        <v>0</v>
      </c>
      <c r="C4077">
        <v>4000</v>
      </c>
      <c r="D4077" t="s">
        <v>88</v>
      </c>
      <c r="E4077" s="1">
        <v>44601.888888888891</v>
      </c>
    </row>
    <row r="4078" spans="1:5" x14ac:dyDescent="0.4">
      <c r="A4078">
        <v>3731</v>
      </c>
      <c r="B4078">
        <v>0</v>
      </c>
      <c r="C4078">
        <v>4001</v>
      </c>
      <c r="D4078" t="s">
        <v>88</v>
      </c>
      <c r="E4078" s="1">
        <v>44601.888888888891</v>
      </c>
    </row>
    <row r="4079" spans="1:5" x14ac:dyDescent="0.4">
      <c r="A4079">
        <v>3732</v>
      </c>
      <c r="B4079">
        <v>0</v>
      </c>
      <c r="C4079">
        <v>4002</v>
      </c>
      <c r="D4079" t="s">
        <v>88</v>
      </c>
      <c r="E4079" s="1">
        <v>44601.888888888891</v>
      </c>
    </row>
    <row r="4080" spans="1:5" x14ac:dyDescent="0.4">
      <c r="A4080">
        <v>3733</v>
      </c>
      <c r="B4080">
        <v>0</v>
      </c>
      <c r="C4080">
        <v>4003</v>
      </c>
      <c r="D4080" t="s">
        <v>88</v>
      </c>
      <c r="E4080" s="1">
        <v>44601.888888888891</v>
      </c>
    </row>
    <row r="4081" spans="1:5" x14ac:dyDescent="0.4">
      <c r="A4081">
        <v>3734</v>
      </c>
      <c r="B4081">
        <v>0</v>
      </c>
      <c r="C4081">
        <v>4058</v>
      </c>
      <c r="D4081" t="s">
        <v>88</v>
      </c>
      <c r="E4081" s="1">
        <v>44601.888888888891</v>
      </c>
    </row>
    <row r="4082" spans="1:5" x14ac:dyDescent="0.4">
      <c r="A4082">
        <v>3735</v>
      </c>
      <c r="B4082">
        <v>0</v>
      </c>
      <c r="C4082">
        <v>4060</v>
      </c>
      <c r="D4082" t="s">
        <v>88</v>
      </c>
      <c r="E4082" s="1">
        <v>44601.888888888891</v>
      </c>
    </row>
    <row r="4083" spans="1:5" x14ac:dyDescent="0.4">
      <c r="A4083">
        <v>3736</v>
      </c>
      <c r="B4083">
        <v>0</v>
      </c>
      <c r="C4083">
        <v>4061</v>
      </c>
      <c r="D4083" t="s">
        <v>88</v>
      </c>
      <c r="E4083" s="1">
        <v>44601.888888888891</v>
      </c>
    </row>
    <row r="4084" spans="1:5" x14ac:dyDescent="0.4">
      <c r="A4084">
        <v>3737</v>
      </c>
      <c r="B4084">
        <v>0</v>
      </c>
      <c r="C4084">
        <v>4062</v>
      </c>
      <c r="D4084" t="s">
        <v>88</v>
      </c>
      <c r="E4084" s="1">
        <v>44601.888888888891</v>
      </c>
    </row>
    <row r="4085" spans="1:5" x14ac:dyDescent="0.4">
      <c r="A4085">
        <v>3738</v>
      </c>
      <c r="B4085">
        <v>0</v>
      </c>
      <c r="C4085">
        <v>4063</v>
      </c>
      <c r="D4085" t="s">
        <v>88</v>
      </c>
      <c r="E4085" s="1">
        <v>44601.888888888891</v>
      </c>
    </row>
    <row r="4086" spans="1:5" x14ac:dyDescent="0.4">
      <c r="A4086">
        <v>3739</v>
      </c>
      <c r="B4086">
        <v>0</v>
      </c>
      <c r="C4086">
        <v>4064</v>
      </c>
      <c r="D4086" t="s">
        <v>88</v>
      </c>
      <c r="E4086" s="1">
        <v>44601.888888888891</v>
      </c>
    </row>
    <row r="4087" spans="1:5" x14ac:dyDescent="0.4">
      <c r="A4087">
        <v>3740</v>
      </c>
      <c r="B4087">
        <v>0</v>
      </c>
      <c r="C4087">
        <v>4065</v>
      </c>
      <c r="D4087" t="s">
        <v>88</v>
      </c>
      <c r="E4087" s="1">
        <v>44601.888888888891</v>
      </c>
    </row>
    <row r="4088" spans="1:5" x14ac:dyDescent="0.4">
      <c r="A4088">
        <v>3741</v>
      </c>
      <c r="B4088">
        <v>0</v>
      </c>
      <c r="C4088">
        <v>4068</v>
      </c>
      <c r="D4088" t="s">
        <v>88</v>
      </c>
      <c r="E4088" s="1">
        <v>44601.888888888891</v>
      </c>
    </row>
    <row r="4089" spans="1:5" x14ac:dyDescent="0.4">
      <c r="A4089">
        <v>3742</v>
      </c>
      <c r="B4089">
        <v>0</v>
      </c>
      <c r="C4089">
        <v>4133</v>
      </c>
      <c r="D4089" t="s">
        <v>88</v>
      </c>
      <c r="E4089" s="1">
        <v>44601.888888888891</v>
      </c>
    </row>
    <row r="4090" spans="1:5" x14ac:dyDescent="0.4">
      <c r="A4090">
        <v>3743</v>
      </c>
      <c r="B4090">
        <v>0</v>
      </c>
      <c r="C4090">
        <v>4134</v>
      </c>
      <c r="D4090" t="s">
        <v>88</v>
      </c>
      <c r="E4090" s="1">
        <v>44601.888888888891</v>
      </c>
    </row>
    <row r="4091" spans="1:5" x14ac:dyDescent="0.4">
      <c r="A4091">
        <v>3744</v>
      </c>
      <c r="B4091">
        <v>0</v>
      </c>
      <c r="C4091">
        <v>4137</v>
      </c>
      <c r="D4091" t="s">
        <v>88</v>
      </c>
      <c r="E4091" s="1">
        <v>44601.888888888891</v>
      </c>
    </row>
    <row r="4092" spans="1:5" x14ac:dyDescent="0.4">
      <c r="A4092">
        <v>3745</v>
      </c>
      <c r="B4092">
        <v>1</v>
      </c>
      <c r="C4092">
        <v>1</v>
      </c>
      <c r="D4092" t="s">
        <v>88</v>
      </c>
      <c r="E4092" s="1">
        <v>44602.712500000001</v>
      </c>
    </row>
    <row r="4093" spans="1:5" x14ac:dyDescent="0.4">
      <c r="A4093">
        <v>3746</v>
      </c>
      <c r="B4093">
        <v>0</v>
      </c>
      <c r="C4093">
        <v>2</v>
      </c>
      <c r="D4093" t="s">
        <v>88</v>
      </c>
      <c r="E4093" s="1">
        <v>44602.712500000001</v>
      </c>
    </row>
    <row r="4094" spans="1:5" x14ac:dyDescent="0.4">
      <c r="A4094">
        <v>3747</v>
      </c>
      <c r="B4094">
        <v>0</v>
      </c>
      <c r="C4094">
        <v>3</v>
      </c>
      <c r="D4094" t="s">
        <v>88</v>
      </c>
      <c r="E4094" s="1">
        <v>44602.712500000001</v>
      </c>
    </row>
    <row r="4095" spans="1:5" x14ac:dyDescent="0.4">
      <c r="A4095">
        <v>3748</v>
      </c>
      <c r="B4095">
        <v>0</v>
      </c>
      <c r="C4095">
        <v>4</v>
      </c>
      <c r="D4095" t="s">
        <v>88</v>
      </c>
      <c r="E4095" s="1">
        <v>44602.712500000001</v>
      </c>
    </row>
    <row r="4096" spans="1:5" x14ac:dyDescent="0.4">
      <c r="A4096">
        <v>3749</v>
      </c>
      <c r="B4096">
        <v>0</v>
      </c>
      <c r="C4096">
        <v>5</v>
      </c>
      <c r="D4096" t="s">
        <v>88</v>
      </c>
      <c r="E4096" s="1">
        <v>44602.712500000001</v>
      </c>
    </row>
    <row r="4097" spans="1:5" x14ac:dyDescent="0.4">
      <c r="A4097">
        <v>3750</v>
      </c>
      <c r="B4097">
        <v>0</v>
      </c>
      <c r="C4097">
        <v>6</v>
      </c>
      <c r="D4097" t="s">
        <v>88</v>
      </c>
      <c r="E4097" s="1">
        <v>44602.712500000001</v>
      </c>
    </row>
    <row r="4098" spans="1:5" x14ac:dyDescent="0.4">
      <c r="A4098">
        <v>3751</v>
      </c>
      <c r="B4098">
        <v>0</v>
      </c>
      <c r="C4098">
        <v>7</v>
      </c>
      <c r="D4098" t="s">
        <v>88</v>
      </c>
      <c r="E4098" s="1">
        <v>44602.712500000001</v>
      </c>
    </row>
    <row r="4099" spans="1:5" x14ac:dyDescent="0.4">
      <c r="A4099">
        <v>3752</v>
      </c>
      <c r="B4099">
        <v>0</v>
      </c>
      <c r="C4099">
        <v>8</v>
      </c>
      <c r="D4099" t="s">
        <v>88</v>
      </c>
      <c r="E4099" s="1">
        <v>44602.712500000001</v>
      </c>
    </row>
    <row r="4100" spans="1:5" x14ac:dyDescent="0.4">
      <c r="A4100">
        <v>3753</v>
      </c>
      <c r="B4100">
        <v>0</v>
      </c>
      <c r="C4100">
        <v>10</v>
      </c>
      <c r="D4100" t="s">
        <v>88</v>
      </c>
      <c r="E4100" s="1">
        <v>44602.712500000001</v>
      </c>
    </row>
    <row r="4101" spans="1:5" x14ac:dyDescent="0.4">
      <c r="A4101">
        <v>3754</v>
      </c>
      <c r="B4101">
        <v>0</v>
      </c>
      <c r="C4101">
        <v>11</v>
      </c>
      <c r="D4101" t="s">
        <v>88</v>
      </c>
      <c r="E4101" s="1">
        <v>44602.712500000001</v>
      </c>
    </row>
    <row r="4102" spans="1:5" x14ac:dyDescent="0.4">
      <c r="A4102">
        <v>3755</v>
      </c>
      <c r="B4102">
        <v>0</v>
      </c>
      <c r="C4102">
        <v>12</v>
      </c>
      <c r="D4102" t="s">
        <v>88</v>
      </c>
      <c r="E4102" s="1">
        <v>44602.712500000001</v>
      </c>
    </row>
    <row r="4103" spans="1:5" x14ac:dyDescent="0.4">
      <c r="A4103">
        <v>3756</v>
      </c>
      <c r="B4103">
        <v>0</v>
      </c>
      <c r="C4103">
        <v>14</v>
      </c>
      <c r="D4103" t="s">
        <v>88</v>
      </c>
      <c r="E4103" s="1">
        <v>44602.712500000001</v>
      </c>
    </row>
    <row r="4104" spans="1:5" x14ac:dyDescent="0.4">
      <c r="A4104">
        <v>3757</v>
      </c>
      <c r="B4104">
        <v>0</v>
      </c>
      <c r="C4104">
        <v>15</v>
      </c>
      <c r="D4104" t="s">
        <v>88</v>
      </c>
      <c r="E4104" s="1">
        <v>44602.712500000001</v>
      </c>
    </row>
    <row r="4105" spans="1:5" x14ac:dyDescent="0.4">
      <c r="A4105">
        <v>3758</v>
      </c>
      <c r="B4105">
        <v>0</v>
      </c>
      <c r="C4105">
        <v>16</v>
      </c>
      <c r="D4105" t="s">
        <v>88</v>
      </c>
      <c r="E4105" s="1">
        <v>44602.712500000001</v>
      </c>
    </row>
    <row r="4106" spans="1:5" x14ac:dyDescent="0.4">
      <c r="A4106">
        <v>3759</v>
      </c>
      <c r="B4106">
        <v>0</v>
      </c>
      <c r="C4106">
        <v>17</v>
      </c>
      <c r="D4106" t="s">
        <v>88</v>
      </c>
      <c r="E4106" s="1">
        <v>44602.712500000001</v>
      </c>
    </row>
    <row r="4107" spans="1:5" x14ac:dyDescent="0.4">
      <c r="A4107">
        <v>3760</v>
      </c>
      <c r="B4107">
        <v>0</v>
      </c>
      <c r="C4107">
        <v>18</v>
      </c>
      <c r="D4107" t="s">
        <v>88</v>
      </c>
      <c r="E4107" s="1">
        <v>44602.712500000001</v>
      </c>
    </row>
    <row r="4108" spans="1:5" x14ac:dyDescent="0.4">
      <c r="A4108">
        <v>3761</v>
      </c>
      <c r="B4108">
        <v>0</v>
      </c>
      <c r="C4108">
        <v>19</v>
      </c>
      <c r="D4108" t="s">
        <v>88</v>
      </c>
      <c r="E4108" s="1">
        <v>44602.712500000001</v>
      </c>
    </row>
    <row r="4109" spans="1:5" x14ac:dyDescent="0.4">
      <c r="A4109">
        <v>3762</v>
      </c>
      <c r="B4109">
        <v>0</v>
      </c>
      <c r="C4109">
        <v>20</v>
      </c>
      <c r="D4109" t="s">
        <v>88</v>
      </c>
      <c r="E4109" s="1">
        <v>44602.712500000001</v>
      </c>
    </row>
    <row r="4110" spans="1:5" x14ac:dyDescent="0.4">
      <c r="A4110">
        <v>3763</v>
      </c>
      <c r="B4110">
        <v>0</v>
      </c>
      <c r="C4110">
        <v>21</v>
      </c>
      <c r="D4110" t="s">
        <v>88</v>
      </c>
      <c r="E4110" s="1">
        <v>44602.712500000001</v>
      </c>
    </row>
    <row r="4111" spans="1:5" x14ac:dyDescent="0.4">
      <c r="A4111">
        <v>3764</v>
      </c>
      <c r="B4111">
        <v>0</v>
      </c>
      <c r="C4111">
        <v>22</v>
      </c>
      <c r="D4111" t="s">
        <v>88</v>
      </c>
      <c r="E4111" s="1">
        <v>44602.712500000001</v>
      </c>
    </row>
    <row r="4112" spans="1:5" x14ac:dyDescent="0.4">
      <c r="A4112">
        <v>3765</v>
      </c>
      <c r="B4112">
        <v>0</v>
      </c>
      <c r="C4112">
        <v>25</v>
      </c>
      <c r="D4112" t="s">
        <v>88</v>
      </c>
      <c r="E4112" s="1">
        <v>44602.712500000001</v>
      </c>
    </row>
    <row r="4113" spans="1:5" x14ac:dyDescent="0.4">
      <c r="A4113">
        <v>3766</v>
      </c>
      <c r="B4113">
        <v>0</v>
      </c>
      <c r="C4113">
        <v>26</v>
      </c>
      <c r="D4113" t="s">
        <v>88</v>
      </c>
      <c r="E4113" s="1">
        <v>44602.712500000001</v>
      </c>
    </row>
    <row r="4114" spans="1:5" x14ac:dyDescent="0.4">
      <c r="A4114">
        <v>3767</v>
      </c>
      <c r="B4114">
        <v>0</v>
      </c>
      <c r="C4114">
        <v>27</v>
      </c>
      <c r="D4114" t="s">
        <v>88</v>
      </c>
      <c r="E4114" s="1">
        <v>44602.712500000001</v>
      </c>
    </row>
    <row r="4115" spans="1:5" x14ac:dyDescent="0.4">
      <c r="A4115">
        <v>3768</v>
      </c>
      <c r="B4115">
        <v>0</v>
      </c>
      <c r="C4115">
        <v>28</v>
      </c>
      <c r="D4115" t="s">
        <v>88</v>
      </c>
      <c r="E4115" s="1">
        <v>44602.712500000001</v>
      </c>
    </row>
    <row r="4116" spans="1:5" x14ac:dyDescent="0.4">
      <c r="A4116">
        <v>3769</v>
      </c>
      <c r="B4116">
        <v>0</v>
      </c>
      <c r="C4116">
        <v>30</v>
      </c>
      <c r="D4116" t="s">
        <v>88</v>
      </c>
      <c r="E4116" s="1">
        <v>44602.712500000001</v>
      </c>
    </row>
    <row r="4117" spans="1:5" x14ac:dyDescent="0.4">
      <c r="A4117">
        <v>3770</v>
      </c>
      <c r="B4117">
        <v>0</v>
      </c>
      <c r="C4117">
        <v>31</v>
      </c>
      <c r="D4117" t="s">
        <v>88</v>
      </c>
      <c r="E4117" s="1">
        <v>44602.712500000001</v>
      </c>
    </row>
    <row r="4118" spans="1:5" x14ac:dyDescent="0.4">
      <c r="A4118">
        <v>3771</v>
      </c>
      <c r="B4118">
        <v>0</v>
      </c>
      <c r="C4118">
        <v>34</v>
      </c>
      <c r="D4118" t="s">
        <v>88</v>
      </c>
      <c r="E4118" s="1">
        <v>44602.712500000001</v>
      </c>
    </row>
    <row r="4119" spans="1:5" x14ac:dyDescent="0.4">
      <c r="A4119">
        <v>3772</v>
      </c>
      <c r="B4119">
        <v>0</v>
      </c>
      <c r="C4119">
        <v>35</v>
      </c>
      <c r="D4119" t="s">
        <v>88</v>
      </c>
      <c r="E4119" s="1">
        <v>44602.712500000001</v>
      </c>
    </row>
    <row r="4120" spans="1:5" x14ac:dyDescent="0.4">
      <c r="A4120">
        <v>3773</v>
      </c>
      <c r="B4120">
        <v>0</v>
      </c>
      <c r="C4120">
        <v>36</v>
      </c>
      <c r="D4120" t="s">
        <v>88</v>
      </c>
      <c r="E4120" s="1">
        <v>44602.712500000001</v>
      </c>
    </row>
    <row r="4121" spans="1:5" x14ac:dyDescent="0.4">
      <c r="A4121">
        <v>3774</v>
      </c>
      <c r="B4121">
        <v>0</v>
      </c>
      <c r="C4121">
        <v>37</v>
      </c>
      <c r="D4121" t="s">
        <v>88</v>
      </c>
      <c r="E4121" s="1">
        <v>44602.712500000001</v>
      </c>
    </row>
    <row r="4122" spans="1:5" x14ac:dyDescent="0.4">
      <c r="A4122">
        <v>3775</v>
      </c>
      <c r="B4122">
        <v>0</v>
      </c>
      <c r="C4122">
        <v>39</v>
      </c>
      <c r="D4122" t="s">
        <v>88</v>
      </c>
      <c r="E4122" s="1">
        <v>44602.712500000001</v>
      </c>
    </row>
    <row r="4123" spans="1:5" x14ac:dyDescent="0.4">
      <c r="A4123">
        <v>3776</v>
      </c>
      <c r="B4123">
        <v>0</v>
      </c>
      <c r="C4123">
        <v>40</v>
      </c>
      <c r="D4123" t="s">
        <v>88</v>
      </c>
      <c r="E4123" s="1">
        <v>44602.712500000001</v>
      </c>
    </row>
    <row r="4124" spans="1:5" x14ac:dyDescent="0.4">
      <c r="A4124">
        <v>3777</v>
      </c>
      <c r="B4124">
        <v>0</v>
      </c>
      <c r="C4124">
        <v>43</v>
      </c>
      <c r="D4124" t="s">
        <v>88</v>
      </c>
      <c r="E4124" s="1">
        <v>44602.712500000001</v>
      </c>
    </row>
    <row r="4125" spans="1:5" x14ac:dyDescent="0.4">
      <c r="A4125">
        <v>3778</v>
      </c>
      <c r="B4125">
        <v>0</v>
      </c>
      <c r="C4125">
        <v>44</v>
      </c>
      <c r="D4125" t="s">
        <v>88</v>
      </c>
      <c r="E4125" s="1">
        <v>44602.712500000001</v>
      </c>
    </row>
    <row r="4126" spans="1:5" x14ac:dyDescent="0.4">
      <c r="A4126">
        <v>3779</v>
      </c>
      <c r="B4126">
        <v>0</v>
      </c>
      <c r="C4126">
        <v>45</v>
      </c>
      <c r="D4126" t="s">
        <v>88</v>
      </c>
      <c r="E4126" s="1">
        <v>44602.712500000001</v>
      </c>
    </row>
    <row r="4127" spans="1:5" x14ac:dyDescent="0.4">
      <c r="A4127">
        <v>3780</v>
      </c>
      <c r="B4127">
        <v>0</v>
      </c>
      <c r="C4127">
        <v>46</v>
      </c>
      <c r="D4127" t="s">
        <v>88</v>
      </c>
      <c r="E4127" s="1">
        <v>44602.712500000001</v>
      </c>
    </row>
    <row r="4128" spans="1:5" x14ac:dyDescent="0.4">
      <c r="A4128">
        <v>3781</v>
      </c>
      <c r="B4128">
        <v>0</v>
      </c>
      <c r="C4128">
        <v>47</v>
      </c>
      <c r="D4128" t="s">
        <v>88</v>
      </c>
      <c r="E4128" s="1">
        <v>44602.712500000001</v>
      </c>
    </row>
    <row r="4129" spans="1:5" x14ac:dyDescent="0.4">
      <c r="A4129">
        <v>3782</v>
      </c>
      <c r="B4129">
        <v>0</v>
      </c>
      <c r="C4129">
        <v>48</v>
      </c>
      <c r="D4129" t="s">
        <v>88</v>
      </c>
      <c r="E4129" s="1">
        <v>44602.712500000001</v>
      </c>
    </row>
    <row r="4130" spans="1:5" x14ac:dyDescent="0.4">
      <c r="A4130">
        <v>3783</v>
      </c>
      <c r="B4130">
        <v>0</v>
      </c>
      <c r="C4130">
        <v>49</v>
      </c>
      <c r="D4130" t="s">
        <v>88</v>
      </c>
      <c r="E4130" s="1">
        <v>44602.712500000001</v>
      </c>
    </row>
    <row r="4131" spans="1:5" x14ac:dyDescent="0.4">
      <c r="A4131">
        <v>3784</v>
      </c>
      <c r="B4131">
        <v>0</v>
      </c>
      <c r="C4131">
        <v>50</v>
      </c>
      <c r="D4131" t="s">
        <v>88</v>
      </c>
      <c r="E4131" s="1">
        <v>44602.712500000001</v>
      </c>
    </row>
    <row r="4132" spans="1:5" x14ac:dyDescent="0.4">
      <c r="A4132">
        <v>3785</v>
      </c>
      <c r="B4132">
        <v>0</v>
      </c>
      <c r="C4132">
        <v>51</v>
      </c>
      <c r="D4132" t="s">
        <v>88</v>
      </c>
      <c r="E4132" s="1">
        <v>44602.712500000001</v>
      </c>
    </row>
    <row r="4133" spans="1:5" x14ac:dyDescent="0.4">
      <c r="A4133">
        <v>3786</v>
      </c>
      <c r="B4133">
        <v>0</v>
      </c>
      <c r="C4133">
        <v>52</v>
      </c>
      <c r="D4133" t="s">
        <v>88</v>
      </c>
      <c r="E4133" s="1">
        <v>44602.712500000001</v>
      </c>
    </row>
    <row r="4134" spans="1:5" x14ac:dyDescent="0.4">
      <c r="A4134">
        <v>3787</v>
      </c>
      <c r="B4134">
        <v>0</v>
      </c>
      <c r="C4134">
        <v>54</v>
      </c>
      <c r="D4134" t="s">
        <v>88</v>
      </c>
      <c r="E4134" s="1">
        <v>44602.712500000001</v>
      </c>
    </row>
    <row r="4135" spans="1:5" x14ac:dyDescent="0.4">
      <c r="A4135">
        <v>3788</v>
      </c>
      <c r="B4135">
        <v>0</v>
      </c>
      <c r="C4135">
        <v>56</v>
      </c>
      <c r="D4135" t="s">
        <v>88</v>
      </c>
      <c r="E4135" s="1">
        <v>44602.712500000001</v>
      </c>
    </row>
    <row r="4136" spans="1:5" x14ac:dyDescent="0.4">
      <c r="A4136">
        <v>3789</v>
      </c>
      <c r="B4136">
        <v>0</v>
      </c>
      <c r="C4136">
        <v>57</v>
      </c>
      <c r="D4136" t="s">
        <v>88</v>
      </c>
      <c r="E4136" s="1">
        <v>44602.712500000001</v>
      </c>
    </row>
    <row r="4137" spans="1:5" x14ac:dyDescent="0.4">
      <c r="A4137">
        <v>3790</v>
      </c>
      <c r="B4137">
        <v>0</v>
      </c>
      <c r="C4137">
        <v>58</v>
      </c>
      <c r="D4137" t="s">
        <v>88</v>
      </c>
      <c r="E4137" s="1">
        <v>44602.712500000001</v>
      </c>
    </row>
    <row r="4138" spans="1:5" x14ac:dyDescent="0.4">
      <c r="A4138">
        <v>3791</v>
      </c>
      <c r="B4138">
        <v>0</v>
      </c>
      <c r="C4138">
        <v>59</v>
      </c>
      <c r="D4138" t="s">
        <v>88</v>
      </c>
      <c r="E4138" s="1">
        <v>44602.712500000001</v>
      </c>
    </row>
    <row r="4139" spans="1:5" x14ac:dyDescent="0.4">
      <c r="A4139">
        <v>3792</v>
      </c>
      <c r="B4139">
        <v>0</v>
      </c>
      <c r="C4139">
        <v>60</v>
      </c>
      <c r="D4139" t="s">
        <v>88</v>
      </c>
      <c r="E4139" s="1">
        <v>44602.712500000001</v>
      </c>
    </row>
    <row r="4140" spans="1:5" x14ac:dyDescent="0.4">
      <c r="A4140">
        <v>3793</v>
      </c>
      <c r="B4140">
        <v>0</v>
      </c>
      <c r="C4140">
        <v>61</v>
      </c>
      <c r="D4140" t="s">
        <v>88</v>
      </c>
      <c r="E4140" s="1">
        <v>44602.712500000001</v>
      </c>
    </row>
    <row r="4141" spans="1:5" x14ac:dyDescent="0.4">
      <c r="A4141">
        <v>3794</v>
      </c>
      <c r="B4141">
        <v>0</v>
      </c>
      <c r="C4141">
        <v>67</v>
      </c>
      <c r="D4141" t="s">
        <v>88</v>
      </c>
      <c r="E4141" s="1">
        <v>44602.712500000001</v>
      </c>
    </row>
    <row r="4142" spans="1:5" x14ac:dyDescent="0.4">
      <c r="A4142">
        <v>3795</v>
      </c>
      <c r="B4142">
        <v>0</v>
      </c>
      <c r="C4142">
        <v>68</v>
      </c>
      <c r="D4142" t="s">
        <v>88</v>
      </c>
      <c r="E4142" s="1">
        <v>44602.712500000001</v>
      </c>
    </row>
    <row r="4143" spans="1:5" x14ac:dyDescent="0.4">
      <c r="A4143">
        <v>3796</v>
      </c>
      <c r="B4143">
        <v>0</v>
      </c>
      <c r="C4143">
        <v>69</v>
      </c>
      <c r="D4143" t="s">
        <v>88</v>
      </c>
      <c r="E4143" s="1">
        <v>44602.712500000001</v>
      </c>
    </row>
    <row r="4144" spans="1:5" x14ac:dyDescent="0.4">
      <c r="A4144">
        <v>3797</v>
      </c>
      <c r="B4144">
        <v>0</v>
      </c>
      <c r="C4144">
        <v>70</v>
      </c>
      <c r="D4144" t="s">
        <v>88</v>
      </c>
      <c r="E4144" s="1">
        <v>44602.712500000001</v>
      </c>
    </row>
    <row r="4145" spans="1:5" x14ac:dyDescent="0.4">
      <c r="A4145">
        <v>3798</v>
      </c>
      <c r="B4145">
        <v>0</v>
      </c>
      <c r="C4145">
        <v>73</v>
      </c>
      <c r="D4145" t="s">
        <v>88</v>
      </c>
      <c r="E4145" s="1">
        <v>44602.712500000001</v>
      </c>
    </row>
    <row r="4146" spans="1:5" x14ac:dyDescent="0.4">
      <c r="A4146">
        <v>3799</v>
      </c>
      <c r="B4146">
        <v>0</v>
      </c>
      <c r="C4146">
        <v>74</v>
      </c>
      <c r="D4146" t="s">
        <v>88</v>
      </c>
      <c r="E4146" s="1">
        <v>44602.712500000001</v>
      </c>
    </row>
    <row r="4147" spans="1:5" x14ac:dyDescent="0.4">
      <c r="A4147">
        <v>3800</v>
      </c>
      <c r="B4147">
        <v>0</v>
      </c>
      <c r="C4147">
        <v>76</v>
      </c>
      <c r="D4147" t="s">
        <v>88</v>
      </c>
      <c r="E4147" s="1">
        <v>44602.712500000001</v>
      </c>
    </row>
    <row r="4148" spans="1:5" x14ac:dyDescent="0.4">
      <c r="A4148">
        <v>3801</v>
      </c>
      <c r="B4148">
        <v>0</v>
      </c>
      <c r="C4148">
        <v>77</v>
      </c>
      <c r="D4148" t="s">
        <v>88</v>
      </c>
      <c r="E4148" s="1">
        <v>44602.712500000001</v>
      </c>
    </row>
    <row r="4149" spans="1:5" x14ac:dyDescent="0.4">
      <c r="A4149">
        <v>3802</v>
      </c>
      <c r="B4149">
        <v>0</v>
      </c>
      <c r="C4149">
        <v>78</v>
      </c>
      <c r="D4149" t="s">
        <v>88</v>
      </c>
      <c r="E4149" s="1">
        <v>44602.712500000001</v>
      </c>
    </row>
    <row r="4150" spans="1:5" x14ac:dyDescent="0.4">
      <c r="A4150">
        <v>3803</v>
      </c>
      <c r="B4150">
        <v>0</v>
      </c>
      <c r="C4150">
        <v>79</v>
      </c>
      <c r="D4150" t="s">
        <v>88</v>
      </c>
      <c r="E4150" s="1">
        <v>44602.712500000001</v>
      </c>
    </row>
    <row r="4151" spans="1:5" x14ac:dyDescent="0.4">
      <c r="A4151">
        <v>3804</v>
      </c>
      <c r="B4151">
        <v>0</v>
      </c>
      <c r="C4151">
        <v>81</v>
      </c>
      <c r="D4151" t="s">
        <v>88</v>
      </c>
      <c r="E4151" s="1">
        <v>44602.712500000001</v>
      </c>
    </row>
    <row r="4152" spans="1:5" x14ac:dyDescent="0.4">
      <c r="A4152">
        <v>3805</v>
      </c>
      <c r="B4152">
        <v>0</v>
      </c>
      <c r="C4152">
        <v>83</v>
      </c>
      <c r="D4152" t="s">
        <v>88</v>
      </c>
      <c r="E4152" s="1">
        <v>44602.712500000001</v>
      </c>
    </row>
    <row r="4153" spans="1:5" x14ac:dyDescent="0.4">
      <c r="A4153">
        <v>3806</v>
      </c>
      <c r="B4153">
        <v>0</v>
      </c>
      <c r="C4153">
        <v>84</v>
      </c>
      <c r="D4153" t="s">
        <v>88</v>
      </c>
      <c r="E4153" s="1">
        <v>44602.712500000001</v>
      </c>
    </row>
    <row r="4154" spans="1:5" x14ac:dyDescent="0.4">
      <c r="A4154">
        <v>3807</v>
      </c>
      <c r="B4154">
        <v>0</v>
      </c>
      <c r="C4154">
        <v>89</v>
      </c>
      <c r="D4154" t="s">
        <v>88</v>
      </c>
      <c r="E4154" s="1">
        <v>44602.712500000001</v>
      </c>
    </row>
    <row r="4155" spans="1:5" x14ac:dyDescent="0.4">
      <c r="A4155">
        <v>3808</v>
      </c>
      <c r="B4155">
        <v>0</v>
      </c>
      <c r="C4155">
        <v>90</v>
      </c>
      <c r="D4155" t="s">
        <v>88</v>
      </c>
      <c r="E4155" s="1">
        <v>44602.712500000001</v>
      </c>
    </row>
    <row r="4156" spans="1:5" x14ac:dyDescent="0.4">
      <c r="A4156">
        <v>3809</v>
      </c>
      <c r="B4156">
        <v>0</v>
      </c>
      <c r="C4156">
        <v>92</v>
      </c>
      <c r="D4156" t="s">
        <v>88</v>
      </c>
      <c r="E4156" s="1">
        <v>44602.712500000001</v>
      </c>
    </row>
    <row r="4157" spans="1:5" x14ac:dyDescent="0.4">
      <c r="A4157">
        <v>3810</v>
      </c>
      <c r="B4157">
        <v>0</v>
      </c>
      <c r="C4157">
        <v>93</v>
      </c>
      <c r="D4157" t="s">
        <v>88</v>
      </c>
      <c r="E4157" s="1">
        <v>44602.712500000001</v>
      </c>
    </row>
    <row r="4158" spans="1:5" x14ac:dyDescent="0.4">
      <c r="A4158">
        <v>3811</v>
      </c>
      <c r="B4158">
        <v>0</v>
      </c>
      <c r="C4158">
        <v>94</v>
      </c>
      <c r="D4158" t="s">
        <v>88</v>
      </c>
      <c r="E4158" s="1">
        <v>44602.712500000001</v>
      </c>
    </row>
    <row r="4159" spans="1:5" x14ac:dyDescent="0.4">
      <c r="A4159">
        <v>3812</v>
      </c>
      <c r="B4159">
        <v>0</v>
      </c>
      <c r="C4159">
        <v>95</v>
      </c>
      <c r="D4159" t="s">
        <v>88</v>
      </c>
      <c r="E4159" s="1">
        <v>44602.712500000001</v>
      </c>
    </row>
    <row r="4160" spans="1:5" x14ac:dyDescent="0.4">
      <c r="A4160">
        <v>3813</v>
      </c>
      <c r="B4160">
        <v>0</v>
      </c>
      <c r="C4160">
        <v>97</v>
      </c>
      <c r="D4160" t="s">
        <v>88</v>
      </c>
      <c r="E4160" s="1">
        <v>44602.712500000001</v>
      </c>
    </row>
    <row r="4161" spans="1:5" x14ac:dyDescent="0.4">
      <c r="A4161">
        <v>3814</v>
      </c>
      <c r="B4161">
        <v>0</v>
      </c>
      <c r="C4161">
        <v>98</v>
      </c>
      <c r="D4161" t="s">
        <v>88</v>
      </c>
      <c r="E4161" s="1">
        <v>44602.712500000001</v>
      </c>
    </row>
    <row r="4162" spans="1:5" x14ac:dyDescent="0.4">
      <c r="A4162">
        <v>3815</v>
      </c>
      <c r="B4162">
        <v>0</v>
      </c>
      <c r="C4162">
        <v>100</v>
      </c>
      <c r="D4162" t="s">
        <v>88</v>
      </c>
      <c r="E4162" s="1">
        <v>44602.712500000001</v>
      </c>
    </row>
    <row r="4163" spans="1:5" x14ac:dyDescent="0.4">
      <c r="A4163">
        <v>3816</v>
      </c>
      <c r="B4163">
        <v>0</v>
      </c>
      <c r="C4163">
        <v>101</v>
      </c>
      <c r="D4163" t="s">
        <v>88</v>
      </c>
      <c r="E4163" s="1">
        <v>44602.712500000001</v>
      </c>
    </row>
    <row r="4164" spans="1:5" x14ac:dyDescent="0.4">
      <c r="A4164">
        <v>3817</v>
      </c>
      <c r="B4164">
        <v>0</v>
      </c>
      <c r="C4164">
        <v>107</v>
      </c>
      <c r="D4164" t="s">
        <v>88</v>
      </c>
      <c r="E4164" s="1">
        <v>44602.712500000001</v>
      </c>
    </row>
    <row r="4165" spans="1:5" x14ac:dyDescent="0.4">
      <c r="A4165">
        <v>3818</v>
      </c>
      <c r="B4165">
        <v>0</v>
      </c>
      <c r="C4165">
        <v>108</v>
      </c>
      <c r="D4165" t="s">
        <v>88</v>
      </c>
      <c r="E4165" s="1">
        <v>44602.712500000001</v>
      </c>
    </row>
    <row r="4166" spans="1:5" x14ac:dyDescent="0.4">
      <c r="A4166">
        <v>3819</v>
      </c>
      <c r="B4166">
        <v>0</v>
      </c>
      <c r="C4166">
        <v>112</v>
      </c>
      <c r="D4166" t="s">
        <v>88</v>
      </c>
      <c r="E4166" s="1">
        <v>44602.712500000001</v>
      </c>
    </row>
    <row r="4167" spans="1:5" x14ac:dyDescent="0.4">
      <c r="A4167">
        <v>3820</v>
      </c>
      <c r="B4167">
        <v>0</v>
      </c>
      <c r="C4167">
        <v>114</v>
      </c>
      <c r="D4167" t="s">
        <v>88</v>
      </c>
      <c r="E4167" s="1">
        <v>44602.712500000001</v>
      </c>
    </row>
    <row r="4168" spans="1:5" x14ac:dyDescent="0.4">
      <c r="A4168">
        <v>3821</v>
      </c>
      <c r="B4168">
        <v>0</v>
      </c>
      <c r="C4168">
        <v>119</v>
      </c>
      <c r="D4168" t="s">
        <v>88</v>
      </c>
      <c r="E4168" s="1">
        <v>44602.712500000001</v>
      </c>
    </row>
    <row r="4169" spans="1:5" x14ac:dyDescent="0.4">
      <c r="A4169">
        <v>3822</v>
      </c>
      <c r="B4169">
        <v>0</v>
      </c>
      <c r="C4169">
        <v>132</v>
      </c>
      <c r="D4169" t="s">
        <v>88</v>
      </c>
      <c r="E4169" s="1">
        <v>44602.712500000001</v>
      </c>
    </row>
    <row r="4170" spans="1:5" x14ac:dyDescent="0.4">
      <c r="A4170">
        <v>3823</v>
      </c>
      <c r="B4170">
        <v>0</v>
      </c>
      <c r="C4170">
        <v>135</v>
      </c>
      <c r="D4170" t="s">
        <v>88</v>
      </c>
      <c r="E4170" s="1">
        <v>44602.712500000001</v>
      </c>
    </row>
    <row r="4171" spans="1:5" x14ac:dyDescent="0.4">
      <c r="A4171">
        <v>3824</v>
      </c>
      <c r="B4171">
        <v>0</v>
      </c>
      <c r="C4171">
        <v>137</v>
      </c>
      <c r="D4171" t="s">
        <v>88</v>
      </c>
      <c r="E4171" s="1">
        <v>44602.712500000001</v>
      </c>
    </row>
    <row r="4172" spans="1:5" x14ac:dyDescent="0.4">
      <c r="A4172">
        <v>3825</v>
      </c>
      <c r="B4172">
        <v>0</v>
      </c>
      <c r="C4172">
        <v>139</v>
      </c>
      <c r="D4172" t="s">
        <v>88</v>
      </c>
      <c r="E4172" s="1">
        <v>44602.712500000001</v>
      </c>
    </row>
    <row r="4173" spans="1:5" x14ac:dyDescent="0.4">
      <c r="A4173">
        <v>3826</v>
      </c>
      <c r="B4173">
        <v>0</v>
      </c>
      <c r="C4173">
        <v>140</v>
      </c>
      <c r="D4173" t="s">
        <v>88</v>
      </c>
      <c r="E4173" s="1">
        <v>44602.712500000001</v>
      </c>
    </row>
    <row r="4174" spans="1:5" x14ac:dyDescent="0.4">
      <c r="A4174">
        <v>3827</v>
      </c>
      <c r="B4174">
        <v>0</v>
      </c>
      <c r="C4174">
        <v>151</v>
      </c>
      <c r="D4174" t="s">
        <v>88</v>
      </c>
      <c r="E4174" s="1">
        <v>44602.712500000001</v>
      </c>
    </row>
    <row r="4175" spans="1:5" x14ac:dyDescent="0.4">
      <c r="A4175">
        <v>3828</v>
      </c>
      <c r="B4175">
        <v>0</v>
      </c>
      <c r="C4175">
        <v>152</v>
      </c>
      <c r="D4175" t="s">
        <v>88</v>
      </c>
      <c r="E4175" s="1">
        <v>44602.712500000001</v>
      </c>
    </row>
    <row r="4176" spans="1:5" x14ac:dyDescent="0.4">
      <c r="A4176">
        <v>3829</v>
      </c>
      <c r="B4176">
        <v>0</v>
      </c>
      <c r="C4176">
        <v>153</v>
      </c>
      <c r="D4176" t="s">
        <v>88</v>
      </c>
      <c r="E4176" s="1">
        <v>44602.712500000001</v>
      </c>
    </row>
    <row r="4177" spans="1:5" x14ac:dyDescent="0.4">
      <c r="A4177">
        <v>3830</v>
      </c>
      <c r="B4177">
        <v>0</v>
      </c>
      <c r="C4177">
        <v>176</v>
      </c>
      <c r="D4177" t="s">
        <v>88</v>
      </c>
      <c r="E4177" s="1">
        <v>44602.712500000001</v>
      </c>
    </row>
    <row r="4178" spans="1:5" x14ac:dyDescent="0.4">
      <c r="A4178">
        <v>3831</v>
      </c>
      <c r="B4178">
        <v>0</v>
      </c>
      <c r="C4178">
        <v>177</v>
      </c>
      <c r="D4178" t="s">
        <v>88</v>
      </c>
      <c r="E4178" s="1">
        <v>44602.712500000001</v>
      </c>
    </row>
    <row r="4179" spans="1:5" x14ac:dyDescent="0.4">
      <c r="A4179">
        <v>3832</v>
      </c>
      <c r="B4179">
        <v>0</v>
      </c>
      <c r="C4179">
        <v>180</v>
      </c>
      <c r="D4179" t="s">
        <v>88</v>
      </c>
      <c r="E4179" s="1">
        <v>44602.712500000001</v>
      </c>
    </row>
    <row r="4180" spans="1:5" x14ac:dyDescent="0.4">
      <c r="A4180">
        <v>3833</v>
      </c>
      <c r="B4180">
        <v>0</v>
      </c>
      <c r="C4180">
        <v>183</v>
      </c>
      <c r="D4180" t="s">
        <v>88</v>
      </c>
      <c r="E4180" s="1">
        <v>44602.712500000001</v>
      </c>
    </row>
    <row r="4181" spans="1:5" x14ac:dyDescent="0.4">
      <c r="A4181">
        <v>3834</v>
      </c>
      <c r="B4181">
        <v>0</v>
      </c>
      <c r="C4181">
        <v>184</v>
      </c>
      <c r="D4181" t="s">
        <v>88</v>
      </c>
      <c r="E4181" s="1">
        <v>44602.712500000001</v>
      </c>
    </row>
    <row r="4182" spans="1:5" x14ac:dyDescent="0.4">
      <c r="A4182">
        <v>3835</v>
      </c>
      <c r="B4182">
        <v>0</v>
      </c>
      <c r="C4182">
        <v>342</v>
      </c>
      <c r="D4182" t="s">
        <v>88</v>
      </c>
      <c r="E4182" s="1">
        <v>44602.712500000001</v>
      </c>
    </row>
    <row r="4183" spans="1:5" x14ac:dyDescent="0.4">
      <c r="A4183">
        <v>3836</v>
      </c>
      <c r="B4183">
        <v>0</v>
      </c>
      <c r="C4183">
        <v>343</v>
      </c>
      <c r="D4183" t="s">
        <v>88</v>
      </c>
      <c r="E4183" s="1">
        <v>44602.712500000001</v>
      </c>
    </row>
    <row r="4184" spans="1:5" x14ac:dyDescent="0.4">
      <c r="A4184">
        <v>3837</v>
      </c>
      <c r="B4184">
        <v>0</v>
      </c>
      <c r="C4184">
        <v>344</v>
      </c>
      <c r="D4184" t="s">
        <v>88</v>
      </c>
      <c r="E4184" s="1">
        <v>44602.712500000001</v>
      </c>
    </row>
    <row r="4185" spans="1:5" x14ac:dyDescent="0.4">
      <c r="A4185">
        <v>3838</v>
      </c>
      <c r="B4185">
        <v>0</v>
      </c>
      <c r="C4185">
        <v>345</v>
      </c>
      <c r="D4185" t="s">
        <v>88</v>
      </c>
      <c r="E4185" s="1">
        <v>44602.712500000001</v>
      </c>
    </row>
    <row r="4186" spans="1:5" x14ac:dyDescent="0.4">
      <c r="A4186">
        <v>3839</v>
      </c>
      <c r="B4186">
        <v>0</v>
      </c>
      <c r="C4186">
        <v>356</v>
      </c>
      <c r="D4186" t="s">
        <v>88</v>
      </c>
      <c r="E4186" s="1">
        <v>44602.712500000001</v>
      </c>
    </row>
    <row r="4187" spans="1:5" x14ac:dyDescent="0.4">
      <c r="A4187">
        <v>3840</v>
      </c>
      <c r="B4187">
        <v>0</v>
      </c>
      <c r="C4187">
        <v>357</v>
      </c>
      <c r="D4187" t="s">
        <v>88</v>
      </c>
      <c r="E4187" s="1">
        <v>44602.712500000001</v>
      </c>
    </row>
    <row r="4188" spans="1:5" x14ac:dyDescent="0.4">
      <c r="A4188">
        <v>3841</v>
      </c>
      <c r="B4188">
        <v>0</v>
      </c>
      <c r="C4188">
        <v>358</v>
      </c>
      <c r="D4188" t="s">
        <v>88</v>
      </c>
      <c r="E4188" s="1">
        <v>44602.712500000001</v>
      </c>
    </row>
    <row r="4189" spans="1:5" x14ac:dyDescent="0.4">
      <c r="A4189">
        <v>3842</v>
      </c>
      <c r="B4189">
        <v>0</v>
      </c>
      <c r="C4189">
        <v>359</v>
      </c>
      <c r="D4189" t="s">
        <v>88</v>
      </c>
      <c r="E4189" s="1">
        <v>44602.712500000001</v>
      </c>
    </row>
    <row r="4190" spans="1:5" x14ac:dyDescent="0.4">
      <c r="A4190">
        <v>3843</v>
      </c>
      <c r="B4190">
        <v>0</v>
      </c>
      <c r="C4190">
        <v>361</v>
      </c>
      <c r="D4190" t="s">
        <v>88</v>
      </c>
      <c r="E4190" s="1">
        <v>44602.712500000001</v>
      </c>
    </row>
    <row r="4191" spans="1:5" x14ac:dyDescent="0.4">
      <c r="A4191">
        <v>3844</v>
      </c>
      <c r="B4191">
        <v>0</v>
      </c>
      <c r="C4191">
        <v>362</v>
      </c>
      <c r="D4191" t="s">
        <v>88</v>
      </c>
      <c r="E4191" s="1">
        <v>44602.712500000001</v>
      </c>
    </row>
    <row r="4192" spans="1:5" x14ac:dyDescent="0.4">
      <c r="A4192">
        <v>3845</v>
      </c>
      <c r="B4192">
        <v>0</v>
      </c>
      <c r="C4192">
        <v>363</v>
      </c>
      <c r="D4192" t="s">
        <v>88</v>
      </c>
      <c r="E4192" s="1">
        <v>44602.712500000001</v>
      </c>
    </row>
    <row r="4193" spans="1:5" x14ac:dyDescent="0.4">
      <c r="A4193">
        <v>3846</v>
      </c>
      <c r="B4193">
        <v>0</v>
      </c>
      <c r="C4193">
        <v>364</v>
      </c>
      <c r="D4193" t="s">
        <v>88</v>
      </c>
      <c r="E4193" s="1">
        <v>44602.712500000001</v>
      </c>
    </row>
    <row r="4194" spans="1:5" x14ac:dyDescent="0.4">
      <c r="A4194">
        <v>3847</v>
      </c>
      <c r="B4194">
        <v>0</v>
      </c>
      <c r="C4194">
        <v>366</v>
      </c>
      <c r="D4194" t="s">
        <v>88</v>
      </c>
      <c r="E4194" s="1">
        <v>44602.712500000001</v>
      </c>
    </row>
    <row r="4195" spans="1:5" x14ac:dyDescent="0.4">
      <c r="A4195">
        <v>3848</v>
      </c>
      <c r="B4195">
        <v>0</v>
      </c>
      <c r="C4195">
        <v>367</v>
      </c>
      <c r="D4195" t="s">
        <v>88</v>
      </c>
      <c r="E4195" s="1">
        <v>44602.712500000001</v>
      </c>
    </row>
    <row r="4196" spans="1:5" x14ac:dyDescent="0.4">
      <c r="A4196">
        <v>3849</v>
      </c>
      <c r="B4196">
        <v>0</v>
      </c>
      <c r="C4196">
        <v>369</v>
      </c>
      <c r="D4196" t="s">
        <v>88</v>
      </c>
      <c r="E4196" s="1">
        <v>44602.712500000001</v>
      </c>
    </row>
    <row r="4197" spans="1:5" x14ac:dyDescent="0.4">
      <c r="A4197">
        <v>3850</v>
      </c>
      <c r="B4197">
        <v>0</v>
      </c>
      <c r="C4197">
        <v>370</v>
      </c>
      <c r="D4197" t="s">
        <v>88</v>
      </c>
      <c r="E4197" s="1">
        <v>44602.712500000001</v>
      </c>
    </row>
    <row r="4198" spans="1:5" x14ac:dyDescent="0.4">
      <c r="A4198">
        <v>3851</v>
      </c>
      <c r="B4198">
        <v>0</v>
      </c>
      <c r="C4198">
        <v>371</v>
      </c>
      <c r="D4198" t="s">
        <v>88</v>
      </c>
      <c r="E4198" s="1">
        <v>44602.712500000001</v>
      </c>
    </row>
    <row r="4199" spans="1:5" x14ac:dyDescent="0.4">
      <c r="A4199">
        <v>3852</v>
      </c>
      <c r="B4199">
        <v>0</v>
      </c>
      <c r="C4199">
        <v>373</v>
      </c>
      <c r="D4199" t="s">
        <v>88</v>
      </c>
      <c r="E4199" s="1">
        <v>44602.712500000001</v>
      </c>
    </row>
    <row r="4200" spans="1:5" x14ac:dyDescent="0.4">
      <c r="A4200">
        <v>3853</v>
      </c>
      <c r="B4200">
        <v>0</v>
      </c>
      <c r="C4200">
        <v>374</v>
      </c>
      <c r="D4200" t="s">
        <v>88</v>
      </c>
      <c r="E4200" s="1">
        <v>44602.712500000001</v>
      </c>
    </row>
    <row r="4201" spans="1:5" x14ac:dyDescent="0.4">
      <c r="A4201">
        <v>3854</v>
      </c>
      <c r="B4201">
        <v>0</v>
      </c>
      <c r="C4201">
        <v>375</v>
      </c>
      <c r="D4201" t="s">
        <v>88</v>
      </c>
      <c r="E4201" s="1">
        <v>44602.712500000001</v>
      </c>
    </row>
    <row r="4202" spans="1:5" x14ac:dyDescent="0.4">
      <c r="A4202">
        <v>3855</v>
      </c>
      <c r="B4202">
        <v>0</v>
      </c>
      <c r="C4202">
        <v>377</v>
      </c>
      <c r="D4202" t="s">
        <v>88</v>
      </c>
      <c r="E4202" s="1">
        <v>44602.712500000001</v>
      </c>
    </row>
    <row r="4203" spans="1:5" x14ac:dyDescent="0.4">
      <c r="A4203">
        <v>3856</v>
      </c>
      <c r="B4203">
        <v>0</v>
      </c>
      <c r="C4203">
        <v>378</v>
      </c>
      <c r="D4203" t="s">
        <v>88</v>
      </c>
      <c r="E4203" s="1">
        <v>44602.712500000001</v>
      </c>
    </row>
    <row r="4204" spans="1:5" x14ac:dyDescent="0.4">
      <c r="A4204">
        <v>3857</v>
      </c>
      <c r="B4204">
        <v>0</v>
      </c>
      <c r="C4204">
        <v>379</v>
      </c>
      <c r="D4204" t="s">
        <v>88</v>
      </c>
      <c r="E4204" s="1">
        <v>44602.712500000001</v>
      </c>
    </row>
    <row r="4205" spans="1:5" x14ac:dyDescent="0.4">
      <c r="A4205">
        <v>3858</v>
      </c>
      <c r="B4205">
        <v>0</v>
      </c>
      <c r="C4205">
        <v>380</v>
      </c>
      <c r="D4205" t="s">
        <v>88</v>
      </c>
      <c r="E4205" s="1">
        <v>44602.712500000001</v>
      </c>
    </row>
    <row r="4206" spans="1:5" x14ac:dyDescent="0.4">
      <c r="A4206">
        <v>3859</v>
      </c>
      <c r="B4206">
        <v>0</v>
      </c>
      <c r="C4206">
        <v>381</v>
      </c>
      <c r="D4206" t="s">
        <v>88</v>
      </c>
      <c r="E4206" s="1">
        <v>44602.712500000001</v>
      </c>
    </row>
    <row r="4207" spans="1:5" x14ac:dyDescent="0.4">
      <c r="A4207">
        <v>3860</v>
      </c>
      <c r="B4207">
        <v>0</v>
      </c>
      <c r="C4207">
        <v>382</v>
      </c>
      <c r="D4207" t="s">
        <v>88</v>
      </c>
      <c r="E4207" s="1">
        <v>44602.712500000001</v>
      </c>
    </row>
    <row r="4208" spans="1:5" x14ac:dyDescent="0.4">
      <c r="A4208">
        <v>3861</v>
      </c>
      <c r="B4208">
        <v>0</v>
      </c>
      <c r="C4208">
        <v>384</v>
      </c>
      <c r="D4208" t="s">
        <v>88</v>
      </c>
      <c r="E4208" s="1">
        <v>44602.712500000001</v>
      </c>
    </row>
    <row r="4209" spans="1:5" x14ac:dyDescent="0.4">
      <c r="A4209">
        <v>3862</v>
      </c>
      <c r="B4209">
        <v>0</v>
      </c>
      <c r="C4209">
        <v>385</v>
      </c>
      <c r="D4209" t="s">
        <v>88</v>
      </c>
      <c r="E4209" s="1">
        <v>44602.712500000001</v>
      </c>
    </row>
    <row r="4210" spans="1:5" x14ac:dyDescent="0.4">
      <c r="A4210">
        <v>3863</v>
      </c>
      <c r="B4210">
        <v>0</v>
      </c>
      <c r="C4210">
        <v>386</v>
      </c>
      <c r="D4210" t="s">
        <v>88</v>
      </c>
      <c r="E4210" s="1">
        <v>44602.712500000001</v>
      </c>
    </row>
    <row r="4211" spans="1:5" x14ac:dyDescent="0.4">
      <c r="A4211">
        <v>3864</v>
      </c>
      <c r="B4211">
        <v>0</v>
      </c>
      <c r="C4211">
        <v>387</v>
      </c>
      <c r="D4211" t="s">
        <v>88</v>
      </c>
      <c r="E4211" s="1">
        <v>44602.712500000001</v>
      </c>
    </row>
    <row r="4212" spans="1:5" x14ac:dyDescent="0.4">
      <c r="A4212">
        <v>3865</v>
      </c>
      <c r="B4212">
        <v>0</v>
      </c>
      <c r="C4212">
        <v>389</v>
      </c>
      <c r="D4212" t="s">
        <v>88</v>
      </c>
      <c r="E4212" s="1">
        <v>44602.712500000001</v>
      </c>
    </row>
    <row r="4213" spans="1:5" x14ac:dyDescent="0.4">
      <c r="A4213">
        <v>3866</v>
      </c>
      <c r="B4213">
        <v>0</v>
      </c>
      <c r="C4213">
        <v>391</v>
      </c>
      <c r="D4213" t="s">
        <v>88</v>
      </c>
      <c r="E4213" s="1">
        <v>44602.712500000001</v>
      </c>
    </row>
    <row r="4214" spans="1:5" x14ac:dyDescent="0.4">
      <c r="A4214">
        <v>3867</v>
      </c>
      <c r="B4214">
        <v>0</v>
      </c>
      <c r="C4214">
        <v>392</v>
      </c>
      <c r="D4214" t="s">
        <v>88</v>
      </c>
      <c r="E4214" s="1">
        <v>44602.712500000001</v>
      </c>
    </row>
    <row r="4215" spans="1:5" x14ac:dyDescent="0.4">
      <c r="A4215">
        <v>3868</v>
      </c>
      <c r="B4215">
        <v>0</v>
      </c>
      <c r="C4215">
        <v>393</v>
      </c>
      <c r="D4215" t="s">
        <v>88</v>
      </c>
      <c r="E4215" s="1">
        <v>44602.712500000001</v>
      </c>
    </row>
    <row r="4216" spans="1:5" x14ac:dyDescent="0.4">
      <c r="A4216">
        <v>3869</v>
      </c>
      <c r="B4216">
        <v>0</v>
      </c>
      <c r="C4216">
        <v>394</v>
      </c>
      <c r="D4216" t="s">
        <v>88</v>
      </c>
      <c r="E4216" s="1">
        <v>44602.712500000001</v>
      </c>
    </row>
    <row r="4217" spans="1:5" x14ac:dyDescent="0.4">
      <c r="A4217">
        <v>3870</v>
      </c>
      <c r="B4217">
        <v>0</v>
      </c>
      <c r="C4217">
        <v>395</v>
      </c>
      <c r="D4217" t="s">
        <v>88</v>
      </c>
      <c r="E4217" s="1">
        <v>44602.712500000001</v>
      </c>
    </row>
    <row r="4218" spans="1:5" x14ac:dyDescent="0.4">
      <c r="A4218">
        <v>3871</v>
      </c>
      <c r="B4218">
        <v>0</v>
      </c>
      <c r="C4218">
        <v>396</v>
      </c>
      <c r="D4218" t="s">
        <v>88</v>
      </c>
      <c r="E4218" s="1">
        <v>44602.712500000001</v>
      </c>
    </row>
    <row r="4219" spans="1:5" x14ac:dyDescent="0.4">
      <c r="A4219">
        <v>3872</v>
      </c>
      <c r="B4219">
        <v>0</v>
      </c>
      <c r="C4219">
        <v>403</v>
      </c>
      <c r="D4219" t="s">
        <v>88</v>
      </c>
      <c r="E4219" s="1">
        <v>44602.712500000001</v>
      </c>
    </row>
    <row r="4220" spans="1:5" x14ac:dyDescent="0.4">
      <c r="A4220">
        <v>3873</v>
      </c>
      <c r="B4220">
        <v>0</v>
      </c>
      <c r="C4220">
        <v>404</v>
      </c>
      <c r="D4220" t="s">
        <v>88</v>
      </c>
      <c r="E4220" s="1">
        <v>44602.712500000001</v>
      </c>
    </row>
    <row r="4221" spans="1:5" x14ac:dyDescent="0.4">
      <c r="A4221">
        <v>3874</v>
      </c>
      <c r="B4221">
        <v>0</v>
      </c>
      <c r="C4221">
        <v>405</v>
      </c>
      <c r="D4221" t="s">
        <v>88</v>
      </c>
      <c r="E4221" s="1">
        <v>44602.712500000001</v>
      </c>
    </row>
    <row r="4222" spans="1:5" x14ac:dyDescent="0.4">
      <c r="A4222">
        <v>3875</v>
      </c>
      <c r="B4222">
        <v>0</v>
      </c>
      <c r="C4222">
        <v>406</v>
      </c>
      <c r="D4222" t="s">
        <v>88</v>
      </c>
      <c r="E4222" s="1">
        <v>44602.712500000001</v>
      </c>
    </row>
    <row r="4223" spans="1:5" x14ac:dyDescent="0.4">
      <c r="A4223">
        <v>3876</v>
      </c>
      <c r="B4223">
        <v>0</v>
      </c>
      <c r="C4223">
        <v>407</v>
      </c>
      <c r="D4223" t="s">
        <v>88</v>
      </c>
      <c r="E4223" s="1">
        <v>44602.712500000001</v>
      </c>
    </row>
    <row r="4224" spans="1:5" x14ac:dyDescent="0.4">
      <c r="A4224">
        <v>3877</v>
      </c>
      <c r="B4224">
        <v>0</v>
      </c>
      <c r="C4224">
        <v>408</v>
      </c>
      <c r="D4224" t="s">
        <v>88</v>
      </c>
      <c r="E4224" s="1">
        <v>44602.712500000001</v>
      </c>
    </row>
    <row r="4225" spans="1:5" x14ac:dyDescent="0.4">
      <c r="A4225">
        <v>3878</v>
      </c>
      <c r="B4225">
        <v>0</v>
      </c>
      <c r="C4225">
        <v>409</v>
      </c>
      <c r="D4225" t="s">
        <v>88</v>
      </c>
      <c r="E4225" s="1">
        <v>44602.712500000001</v>
      </c>
    </row>
    <row r="4226" spans="1:5" x14ac:dyDescent="0.4">
      <c r="A4226">
        <v>3879</v>
      </c>
      <c r="B4226">
        <v>0</v>
      </c>
      <c r="C4226">
        <v>416</v>
      </c>
      <c r="D4226" t="s">
        <v>88</v>
      </c>
      <c r="E4226" s="1">
        <v>44602.712500000001</v>
      </c>
    </row>
    <row r="4227" spans="1:5" x14ac:dyDescent="0.4">
      <c r="A4227">
        <v>3880</v>
      </c>
      <c r="B4227">
        <v>0</v>
      </c>
      <c r="C4227">
        <v>417</v>
      </c>
      <c r="D4227" t="s">
        <v>88</v>
      </c>
      <c r="E4227" s="1">
        <v>44602.712500000001</v>
      </c>
    </row>
    <row r="4228" spans="1:5" x14ac:dyDescent="0.4">
      <c r="A4228">
        <v>3881</v>
      </c>
      <c r="B4228">
        <v>0</v>
      </c>
      <c r="C4228">
        <v>418</v>
      </c>
      <c r="D4228" t="s">
        <v>88</v>
      </c>
      <c r="E4228" s="1">
        <v>44602.712500000001</v>
      </c>
    </row>
    <row r="4229" spans="1:5" x14ac:dyDescent="0.4">
      <c r="A4229">
        <v>3882</v>
      </c>
      <c r="B4229">
        <v>0</v>
      </c>
      <c r="C4229">
        <v>419</v>
      </c>
      <c r="D4229" t="s">
        <v>88</v>
      </c>
      <c r="E4229" s="1">
        <v>44602.712500000001</v>
      </c>
    </row>
    <row r="4230" spans="1:5" x14ac:dyDescent="0.4">
      <c r="A4230">
        <v>3883</v>
      </c>
      <c r="B4230">
        <v>0</v>
      </c>
      <c r="C4230">
        <v>674</v>
      </c>
      <c r="D4230" t="s">
        <v>88</v>
      </c>
      <c r="E4230" s="1">
        <v>44602.712500000001</v>
      </c>
    </row>
    <row r="4231" spans="1:5" x14ac:dyDescent="0.4">
      <c r="A4231">
        <v>3884</v>
      </c>
      <c r="B4231">
        <v>0</v>
      </c>
      <c r="C4231">
        <v>675</v>
      </c>
      <c r="D4231" t="s">
        <v>88</v>
      </c>
      <c r="E4231" s="1">
        <v>44602.712500000001</v>
      </c>
    </row>
    <row r="4232" spans="1:5" x14ac:dyDescent="0.4">
      <c r="A4232">
        <v>3885</v>
      </c>
      <c r="B4232">
        <v>0</v>
      </c>
      <c r="C4232">
        <v>854</v>
      </c>
      <c r="D4232" t="s">
        <v>88</v>
      </c>
      <c r="E4232" s="1">
        <v>44602.712500000001</v>
      </c>
    </row>
    <row r="4233" spans="1:5" x14ac:dyDescent="0.4">
      <c r="A4233">
        <v>3886</v>
      </c>
      <c r="B4233">
        <v>0</v>
      </c>
      <c r="C4233">
        <v>1105</v>
      </c>
      <c r="D4233" t="s">
        <v>88</v>
      </c>
      <c r="E4233" s="1">
        <v>44602.712500000001</v>
      </c>
    </row>
    <row r="4234" spans="1:5" x14ac:dyDescent="0.4">
      <c r="A4234">
        <v>3887</v>
      </c>
      <c r="B4234">
        <v>0</v>
      </c>
      <c r="C4234">
        <v>1169</v>
      </c>
      <c r="D4234" t="s">
        <v>88</v>
      </c>
      <c r="E4234" s="1">
        <v>44602.712500000001</v>
      </c>
    </row>
    <row r="4235" spans="1:5" x14ac:dyDescent="0.4">
      <c r="A4235">
        <v>3888</v>
      </c>
      <c r="B4235">
        <v>0</v>
      </c>
      <c r="C4235">
        <v>1170</v>
      </c>
      <c r="D4235" t="s">
        <v>88</v>
      </c>
      <c r="E4235" s="1">
        <v>44602.712500000001</v>
      </c>
    </row>
    <row r="4236" spans="1:5" x14ac:dyDescent="0.4">
      <c r="A4236">
        <v>3889</v>
      </c>
      <c r="B4236">
        <v>0</v>
      </c>
      <c r="C4236">
        <v>1171</v>
      </c>
      <c r="D4236" t="s">
        <v>88</v>
      </c>
      <c r="E4236" s="1">
        <v>44602.712500000001</v>
      </c>
    </row>
    <row r="4237" spans="1:5" x14ac:dyDescent="0.4">
      <c r="A4237">
        <v>3890</v>
      </c>
      <c r="B4237">
        <v>0</v>
      </c>
      <c r="C4237">
        <v>1172</v>
      </c>
      <c r="D4237" t="s">
        <v>88</v>
      </c>
      <c r="E4237" s="1">
        <v>44602.712500000001</v>
      </c>
    </row>
    <row r="4238" spans="1:5" x14ac:dyDescent="0.4">
      <c r="A4238">
        <v>3891</v>
      </c>
      <c r="B4238">
        <v>0</v>
      </c>
      <c r="C4238">
        <v>1173</v>
      </c>
      <c r="D4238" t="s">
        <v>88</v>
      </c>
      <c r="E4238" s="1">
        <v>44602.712500000001</v>
      </c>
    </row>
    <row r="4239" spans="1:5" x14ac:dyDescent="0.4">
      <c r="A4239">
        <v>3892</v>
      </c>
      <c r="B4239">
        <v>0</v>
      </c>
      <c r="C4239">
        <v>1174</v>
      </c>
      <c r="D4239" t="s">
        <v>88</v>
      </c>
      <c r="E4239" s="1">
        <v>44602.712500000001</v>
      </c>
    </row>
    <row r="4240" spans="1:5" x14ac:dyDescent="0.4">
      <c r="A4240">
        <v>3893</v>
      </c>
      <c r="B4240">
        <v>0</v>
      </c>
      <c r="C4240">
        <v>1175</v>
      </c>
      <c r="D4240" t="s">
        <v>88</v>
      </c>
      <c r="E4240" s="1">
        <v>44602.712500000001</v>
      </c>
    </row>
    <row r="4241" spans="1:5" x14ac:dyDescent="0.4">
      <c r="A4241">
        <v>3894</v>
      </c>
      <c r="B4241">
        <v>0</v>
      </c>
      <c r="C4241">
        <v>1176</v>
      </c>
      <c r="D4241" t="s">
        <v>88</v>
      </c>
      <c r="E4241" s="1">
        <v>44602.712500000001</v>
      </c>
    </row>
    <row r="4242" spans="1:5" x14ac:dyDescent="0.4">
      <c r="A4242">
        <v>3895</v>
      </c>
      <c r="B4242">
        <v>0</v>
      </c>
      <c r="C4242">
        <v>1179</v>
      </c>
      <c r="D4242" t="s">
        <v>88</v>
      </c>
      <c r="E4242" s="1">
        <v>44602.712500000001</v>
      </c>
    </row>
    <row r="4243" spans="1:5" x14ac:dyDescent="0.4">
      <c r="A4243">
        <v>3896</v>
      </c>
      <c r="B4243">
        <v>0</v>
      </c>
      <c r="C4243">
        <v>1181</v>
      </c>
      <c r="D4243" t="s">
        <v>88</v>
      </c>
      <c r="E4243" s="1">
        <v>44602.712500000001</v>
      </c>
    </row>
    <row r="4244" spans="1:5" x14ac:dyDescent="0.4">
      <c r="A4244">
        <v>3897</v>
      </c>
      <c r="B4244">
        <v>0</v>
      </c>
      <c r="C4244">
        <v>1182</v>
      </c>
      <c r="D4244" t="s">
        <v>88</v>
      </c>
      <c r="E4244" s="1">
        <v>44602.712500000001</v>
      </c>
    </row>
    <row r="4245" spans="1:5" x14ac:dyDescent="0.4">
      <c r="A4245">
        <v>3898</v>
      </c>
      <c r="B4245">
        <v>0</v>
      </c>
      <c r="C4245">
        <v>1183</v>
      </c>
      <c r="D4245" t="s">
        <v>88</v>
      </c>
      <c r="E4245" s="1">
        <v>44602.712500000001</v>
      </c>
    </row>
    <row r="4246" spans="1:5" x14ac:dyDescent="0.4">
      <c r="A4246">
        <v>3899</v>
      </c>
      <c r="B4246">
        <v>0</v>
      </c>
      <c r="C4246">
        <v>1184</v>
      </c>
      <c r="D4246" t="s">
        <v>88</v>
      </c>
      <c r="E4246" s="1">
        <v>44602.712500000001</v>
      </c>
    </row>
    <row r="4247" spans="1:5" x14ac:dyDescent="0.4">
      <c r="A4247">
        <v>3900</v>
      </c>
      <c r="B4247">
        <v>0</v>
      </c>
      <c r="C4247">
        <v>1185</v>
      </c>
      <c r="D4247" t="s">
        <v>88</v>
      </c>
      <c r="E4247" s="1">
        <v>44602.712500000001</v>
      </c>
    </row>
    <row r="4248" spans="1:5" x14ac:dyDescent="0.4">
      <c r="A4248">
        <v>3901</v>
      </c>
      <c r="B4248">
        <v>0</v>
      </c>
      <c r="C4248">
        <v>1186</v>
      </c>
      <c r="D4248" t="s">
        <v>88</v>
      </c>
      <c r="E4248" s="1">
        <v>44602.712500000001</v>
      </c>
    </row>
    <row r="4249" spans="1:5" x14ac:dyDescent="0.4">
      <c r="A4249">
        <v>3902</v>
      </c>
      <c r="B4249">
        <v>0</v>
      </c>
      <c r="C4249">
        <v>1187</v>
      </c>
      <c r="D4249" t="s">
        <v>88</v>
      </c>
      <c r="E4249" s="1">
        <v>44602.712500000001</v>
      </c>
    </row>
    <row r="4250" spans="1:5" x14ac:dyDescent="0.4">
      <c r="A4250">
        <v>3903</v>
      </c>
      <c r="B4250">
        <v>0</v>
      </c>
      <c r="C4250">
        <v>1190</v>
      </c>
      <c r="D4250" t="s">
        <v>88</v>
      </c>
      <c r="E4250" s="1">
        <v>44602.712500000001</v>
      </c>
    </row>
    <row r="4251" spans="1:5" x14ac:dyDescent="0.4">
      <c r="A4251">
        <v>3904</v>
      </c>
      <c r="B4251">
        <v>0</v>
      </c>
      <c r="C4251">
        <v>1191</v>
      </c>
      <c r="D4251" t="s">
        <v>88</v>
      </c>
      <c r="E4251" s="1">
        <v>44602.712500000001</v>
      </c>
    </row>
    <row r="4252" spans="1:5" x14ac:dyDescent="0.4">
      <c r="A4252">
        <v>3905</v>
      </c>
      <c r="B4252">
        <v>0</v>
      </c>
      <c r="C4252">
        <v>1192</v>
      </c>
      <c r="D4252" t="s">
        <v>88</v>
      </c>
      <c r="E4252" s="1">
        <v>44602.712500000001</v>
      </c>
    </row>
    <row r="4253" spans="1:5" x14ac:dyDescent="0.4">
      <c r="A4253">
        <v>3906</v>
      </c>
      <c r="B4253">
        <v>0</v>
      </c>
      <c r="C4253">
        <v>1193</v>
      </c>
      <c r="D4253" t="s">
        <v>88</v>
      </c>
      <c r="E4253" s="1">
        <v>44602.712500000001</v>
      </c>
    </row>
    <row r="4254" spans="1:5" x14ac:dyDescent="0.4">
      <c r="A4254">
        <v>3907</v>
      </c>
      <c r="B4254">
        <v>0</v>
      </c>
      <c r="C4254">
        <v>1194</v>
      </c>
      <c r="D4254" t="s">
        <v>88</v>
      </c>
      <c r="E4254" s="1">
        <v>44602.712500000001</v>
      </c>
    </row>
    <row r="4255" spans="1:5" x14ac:dyDescent="0.4">
      <c r="A4255">
        <v>3908</v>
      </c>
      <c r="B4255">
        <v>0</v>
      </c>
      <c r="C4255">
        <v>1199</v>
      </c>
      <c r="D4255" t="s">
        <v>88</v>
      </c>
      <c r="E4255" s="1">
        <v>44602.712500000001</v>
      </c>
    </row>
    <row r="4256" spans="1:5" x14ac:dyDescent="0.4">
      <c r="A4256">
        <v>3909</v>
      </c>
      <c r="B4256">
        <v>0</v>
      </c>
      <c r="C4256">
        <v>1398</v>
      </c>
      <c r="D4256" t="s">
        <v>88</v>
      </c>
      <c r="E4256" s="1">
        <v>44602.712500000001</v>
      </c>
    </row>
    <row r="4257" spans="1:5" x14ac:dyDescent="0.4">
      <c r="A4257">
        <v>3910</v>
      </c>
      <c r="B4257">
        <v>0</v>
      </c>
      <c r="C4257">
        <v>1399</v>
      </c>
      <c r="D4257" t="s">
        <v>88</v>
      </c>
      <c r="E4257" s="1">
        <v>44602.712500000001</v>
      </c>
    </row>
    <row r="4258" spans="1:5" x14ac:dyDescent="0.4">
      <c r="A4258">
        <v>3911</v>
      </c>
      <c r="B4258">
        <v>0</v>
      </c>
      <c r="C4258">
        <v>1400</v>
      </c>
      <c r="D4258" t="s">
        <v>88</v>
      </c>
      <c r="E4258" s="1">
        <v>44602.712500000001</v>
      </c>
    </row>
    <row r="4259" spans="1:5" x14ac:dyDescent="0.4">
      <c r="A4259">
        <v>3912</v>
      </c>
      <c r="B4259">
        <v>0</v>
      </c>
      <c r="C4259">
        <v>1401</v>
      </c>
      <c r="D4259" t="s">
        <v>88</v>
      </c>
      <c r="E4259" s="1">
        <v>44602.712500000001</v>
      </c>
    </row>
    <row r="4260" spans="1:5" x14ac:dyDescent="0.4">
      <c r="A4260">
        <v>3913</v>
      </c>
      <c r="B4260">
        <v>0</v>
      </c>
      <c r="C4260">
        <v>1403</v>
      </c>
      <c r="D4260" t="s">
        <v>88</v>
      </c>
      <c r="E4260" s="1">
        <v>44602.712500000001</v>
      </c>
    </row>
    <row r="4261" spans="1:5" x14ac:dyDescent="0.4">
      <c r="A4261">
        <v>3914</v>
      </c>
      <c r="B4261">
        <v>0</v>
      </c>
      <c r="C4261">
        <v>2003</v>
      </c>
      <c r="D4261" t="s">
        <v>88</v>
      </c>
      <c r="E4261" s="1">
        <v>44602.712500000001</v>
      </c>
    </row>
    <row r="4262" spans="1:5" x14ac:dyDescent="0.4">
      <c r="A4262">
        <v>3915</v>
      </c>
      <c r="B4262">
        <v>0</v>
      </c>
      <c r="C4262">
        <v>2090</v>
      </c>
      <c r="D4262" t="s">
        <v>88</v>
      </c>
      <c r="E4262" s="1">
        <v>44602.712500000001</v>
      </c>
    </row>
    <row r="4263" spans="1:5" x14ac:dyDescent="0.4">
      <c r="A4263">
        <v>3916</v>
      </c>
      <c r="B4263">
        <v>0</v>
      </c>
      <c r="C4263">
        <v>2097</v>
      </c>
      <c r="D4263" t="s">
        <v>88</v>
      </c>
      <c r="E4263" s="1">
        <v>44602.712500000001</v>
      </c>
    </row>
    <row r="4264" spans="1:5" x14ac:dyDescent="0.4">
      <c r="A4264">
        <v>3917</v>
      </c>
      <c r="B4264">
        <v>0</v>
      </c>
      <c r="C4264">
        <v>2101</v>
      </c>
      <c r="D4264" t="s">
        <v>88</v>
      </c>
      <c r="E4264" s="1">
        <v>44602.712500000001</v>
      </c>
    </row>
    <row r="4265" spans="1:5" x14ac:dyDescent="0.4">
      <c r="A4265">
        <v>3918</v>
      </c>
      <c r="B4265">
        <v>0</v>
      </c>
      <c r="C4265">
        <v>2102</v>
      </c>
      <c r="D4265" t="s">
        <v>88</v>
      </c>
      <c r="E4265" s="1">
        <v>44602.712500000001</v>
      </c>
    </row>
    <row r="4266" spans="1:5" x14ac:dyDescent="0.4">
      <c r="A4266">
        <v>3919</v>
      </c>
      <c r="B4266">
        <v>0</v>
      </c>
      <c r="C4266">
        <v>2103</v>
      </c>
      <c r="D4266" t="s">
        <v>88</v>
      </c>
      <c r="E4266" s="1">
        <v>44602.712500000001</v>
      </c>
    </row>
    <row r="4267" spans="1:5" x14ac:dyDescent="0.4">
      <c r="A4267">
        <v>3920</v>
      </c>
      <c r="B4267">
        <v>0</v>
      </c>
      <c r="C4267">
        <v>2111</v>
      </c>
      <c r="D4267" t="s">
        <v>88</v>
      </c>
      <c r="E4267" s="1">
        <v>44602.712500000001</v>
      </c>
    </row>
    <row r="4268" spans="1:5" x14ac:dyDescent="0.4">
      <c r="A4268">
        <v>3921</v>
      </c>
      <c r="B4268">
        <v>0</v>
      </c>
      <c r="C4268">
        <v>2112</v>
      </c>
      <c r="D4268" t="s">
        <v>88</v>
      </c>
      <c r="E4268" s="1">
        <v>44602.712500000001</v>
      </c>
    </row>
    <row r="4269" spans="1:5" x14ac:dyDescent="0.4">
      <c r="A4269">
        <v>3922</v>
      </c>
      <c r="B4269">
        <v>0</v>
      </c>
      <c r="C4269">
        <v>2122</v>
      </c>
      <c r="D4269" t="s">
        <v>88</v>
      </c>
      <c r="E4269" s="1">
        <v>44602.712500000001</v>
      </c>
    </row>
    <row r="4270" spans="1:5" x14ac:dyDescent="0.4">
      <c r="A4270">
        <v>3923</v>
      </c>
      <c r="B4270">
        <v>0</v>
      </c>
      <c r="C4270">
        <v>2123</v>
      </c>
      <c r="D4270" t="s">
        <v>88</v>
      </c>
      <c r="E4270" s="1">
        <v>44602.712500000001</v>
      </c>
    </row>
    <row r="4271" spans="1:5" x14ac:dyDescent="0.4">
      <c r="A4271">
        <v>3924</v>
      </c>
      <c r="B4271">
        <v>0</v>
      </c>
      <c r="C4271">
        <v>2124</v>
      </c>
      <c r="D4271" t="s">
        <v>88</v>
      </c>
      <c r="E4271" s="1">
        <v>44602.712500000001</v>
      </c>
    </row>
    <row r="4272" spans="1:5" x14ac:dyDescent="0.4">
      <c r="A4272">
        <v>3925</v>
      </c>
      <c r="B4272">
        <v>0</v>
      </c>
      <c r="C4272">
        <v>2129</v>
      </c>
      <c r="D4272" t="s">
        <v>88</v>
      </c>
      <c r="E4272" s="1">
        <v>44602.712500000001</v>
      </c>
    </row>
    <row r="4273" spans="1:5" x14ac:dyDescent="0.4">
      <c r="A4273">
        <v>3926</v>
      </c>
      <c r="B4273">
        <v>0</v>
      </c>
      <c r="C4273">
        <v>2721</v>
      </c>
      <c r="D4273" t="s">
        <v>88</v>
      </c>
      <c r="E4273" s="1">
        <v>44602.712500000001</v>
      </c>
    </row>
    <row r="4274" spans="1:5" x14ac:dyDescent="0.4">
      <c r="A4274">
        <v>3927</v>
      </c>
      <c r="B4274">
        <v>0</v>
      </c>
      <c r="C4274">
        <v>3073</v>
      </c>
      <c r="D4274" t="s">
        <v>88</v>
      </c>
      <c r="E4274" s="1">
        <v>44602.712500000001</v>
      </c>
    </row>
    <row r="4275" spans="1:5" x14ac:dyDescent="0.4">
      <c r="A4275">
        <v>3928</v>
      </c>
      <c r="B4275">
        <v>0</v>
      </c>
      <c r="C4275">
        <v>3074</v>
      </c>
      <c r="D4275" t="s">
        <v>88</v>
      </c>
      <c r="E4275" s="1">
        <v>44602.712500000001</v>
      </c>
    </row>
    <row r="4276" spans="1:5" x14ac:dyDescent="0.4">
      <c r="A4276">
        <v>3929</v>
      </c>
      <c r="B4276">
        <v>0</v>
      </c>
      <c r="C4276">
        <v>3075</v>
      </c>
      <c r="D4276" t="s">
        <v>88</v>
      </c>
      <c r="E4276" s="1">
        <v>44602.712500000001</v>
      </c>
    </row>
    <row r="4277" spans="1:5" x14ac:dyDescent="0.4">
      <c r="A4277">
        <v>3930</v>
      </c>
      <c r="B4277">
        <v>0</v>
      </c>
      <c r="C4277">
        <v>3076</v>
      </c>
      <c r="D4277" t="s">
        <v>88</v>
      </c>
      <c r="E4277" s="1">
        <v>44602.712500000001</v>
      </c>
    </row>
    <row r="4278" spans="1:5" x14ac:dyDescent="0.4">
      <c r="A4278">
        <v>3931</v>
      </c>
      <c r="B4278">
        <v>0</v>
      </c>
      <c r="C4278">
        <v>3077</v>
      </c>
      <c r="D4278" t="s">
        <v>88</v>
      </c>
      <c r="E4278" s="1">
        <v>44602.712500000001</v>
      </c>
    </row>
    <row r="4279" spans="1:5" x14ac:dyDescent="0.4">
      <c r="A4279">
        <v>3932</v>
      </c>
      <c r="B4279">
        <v>0</v>
      </c>
      <c r="C4279">
        <v>3078</v>
      </c>
      <c r="D4279" t="s">
        <v>88</v>
      </c>
      <c r="E4279" s="1">
        <v>44602.712500000001</v>
      </c>
    </row>
    <row r="4280" spans="1:5" x14ac:dyDescent="0.4">
      <c r="A4280">
        <v>3933</v>
      </c>
      <c r="B4280">
        <v>0</v>
      </c>
      <c r="C4280">
        <v>3079</v>
      </c>
      <c r="D4280" t="s">
        <v>88</v>
      </c>
      <c r="E4280" s="1">
        <v>44602.712500000001</v>
      </c>
    </row>
    <row r="4281" spans="1:5" x14ac:dyDescent="0.4">
      <c r="A4281">
        <v>3934</v>
      </c>
      <c r="B4281">
        <v>0</v>
      </c>
      <c r="C4281">
        <v>3080</v>
      </c>
      <c r="D4281" t="s">
        <v>88</v>
      </c>
      <c r="E4281" s="1">
        <v>44602.712500000001</v>
      </c>
    </row>
    <row r="4282" spans="1:5" x14ac:dyDescent="0.4">
      <c r="A4282">
        <v>3935</v>
      </c>
      <c r="B4282">
        <v>0</v>
      </c>
      <c r="C4282">
        <v>3081</v>
      </c>
      <c r="D4282" t="s">
        <v>88</v>
      </c>
      <c r="E4282" s="1">
        <v>44602.712500000001</v>
      </c>
    </row>
    <row r="4283" spans="1:5" x14ac:dyDescent="0.4">
      <c r="A4283">
        <v>3936</v>
      </c>
      <c r="B4283">
        <v>0</v>
      </c>
      <c r="C4283">
        <v>3082</v>
      </c>
      <c r="D4283" t="s">
        <v>88</v>
      </c>
      <c r="E4283" s="1">
        <v>44602.712500000001</v>
      </c>
    </row>
    <row r="4284" spans="1:5" x14ac:dyDescent="0.4">
      <c r="A4284">
        <v>3937</v>
      </c>
      <c r="B4284">
        <v>0</v>
      </c>
      <c r="C4284">
        <v>3083</v>
      </c>
      <c r="D4284" t="s">
        <v>88</v>
      </c>
      <c r="E4284" s="1">
        <v>44602.712500000001</v>
      </c>
    </row>
    <row r="4285" spans="1:5" x14ac:dyDescent="0.4">
      <c r="A4285">
        <v>3938</v>
      </c>
      <c r="B4285">
        <v>0</v>
      </c>
      <c r="C4285">
        <v>3084</v>
      </c>
      <c r="D4285" t="s">
        <v>88</v>
      </c>
      <c r="E4285" s="1">
        <v>44602.712500000001</v>
      </c>
    </row>
    <row r="4286" spans="1:5" x14ac:dyDescent="0.4">
      <c r="A4286">
        <v>3939</v>
      </c>
      <c r="B4286">
        <v>0</v>
      </c>
      <c r="C4286">
        <v>3085</v>
      </c>
      <c r="D4286" t="s">
        <v>88</v>
      </c>
      <c r="E4286" s="1">
        <v>44602.712500000001</v>
      </c>
    </row>
    <row r="4287" spans="1:5" x14ac:dyDescent="0.4">
      <c r="A4287">
        <v>3940</v>
      </c>
      <c r="B4287">
        <v>0</v>
      </c>
      <c r="C4287">
        <v>3086</v>
      </c>
      <c r="D4287" t="s">
        <v>88</v>
      </c>
      <c r="E4287" s="1">
        <v>44602.712500000001</v>
      </c>
    </row>
    <row r="4288" spans="1:5" x14ac:dyDescent="0.4">
      <c r="A4288">
        <v>3941</v>
      </c>
      <c r="B4288">
        <v>0</v>
      </c>
      <c r="C4288">
        <v>3087</v>
      </c>
      <c r="D4288" t="s">
        <v>88</v>
      </c>
      <c r="E4288" s="1">
        <v>44602.712500000001</v>
      </c>
    </row>
    <row r="4289" spans="1:5" x14ac:dyDescent="0.4">
      <c r="A4289">
        <v>3942</v>
      </c>
      <c r="B4289">
        <v>0</v>
      </c>
      <c r="C4289">
        <v>3088</v>
      </c>
      <c r="D4289" t="s">
        <v>88</v>
      </c>
      <c r="E4289" s="1">
        <v>44602.712500000001</v>
      </c>
    </row>
    <row r="4290" spans="1:5" x14ac:dyDescent="0.4">
      <c r="A4290">
        <v>3943</v>
      </c>
      <c r="B4290">
        <v>0</v>
      </c>
      <c r="C4290">
        <v>3089</v>
      </c>
      <c r="D4290" t="s">
        <v>88</v>
      </c>
      <c r="E4290" s="1">
        <v>44602.712500000001</v>
      </c>
    </row>
    <row r="4291" spans="1:5" x14ac:dyDescent="0.4">
      <c r="A4291">
        <v>3944</v>
      </c>
      <c r="B4291">
        <v>0</v>
      </c>
      <c r="C4291">
        <v>3090</v>
      </c>
      <c r="D4291" t="s">
        <v>88</v>
      </c>
      <c r="E4291" s="1">
        <v>44602.712500000001</v>
      </c>
    </row>
    <row r="4292" spans="1:5" x14ac:dyDescent="0.4">
      <c r="A4292">
        <v>3945</v>
      </c>
      <c r="B4292">
        <v>0</v>
      </c>
      <c r="C4292">
        <v>3091</v>
      </c>
      <c r="D4292" t="s">
        <v>88</v>
      </c>
      <c r="E4292" s="1">
        <v>44602.712500000001</v>
      </c>
    </row>
    <row r="4293" spans="1:5" x14ac:dyDescent="0.4">
      <c r="A4293">
        <v>3946</v>
      </c>
      <c r="B4293">
        <v>0</v>
      </c>
      <c r="C4293">
        <v>3092</v>
      </c>
      <c r="D4293" t="s">
        <v>88</v>
      </c>
      <c r="E4293" s="1">
        <v>44602.712500000001</v>
      </c>
    </row>
    <row r="4294" spans="1:5" x14ac:dyDescent="0.4">
      <c r="A4294">
        <v>3947</v>
      </c>
      <c r="B4294">
        <v>0</v>
      </c>
      <c r="C4294">
        <v>3093</v>
      </c>
      <c r="D4294" t="s">
        <v>88</v>
      </c>
      <c r="E4294" s="1">
        <v>44602.712500000001</v>
      </c>
    </row>
    <row r="4295" spans="1:5" x14ac:dyDescent="0.4">
      <c r="A4295">
        <v>3948</v>
      </c>
      <c r="B4295">
        <v>0</v>
      </c>
      <c r="C4295">
        <v>3094</v>
      </c>
      <c r="D4295" t="s">
        <v>88</v>
      </c>
      <c r="E4295" s="1">
        <v>44602.712500000001</v>
      </c>
    </row>
    <row r="4296" spans="1:5" x14ac:dyDescent="0.4">
      <c r="A4296">
        <v>3949</v>
      </c>
      <c r="B4296">
        <v>0</v>
      </c>
      <c r="C4296">
        <v>3095</v>
      </c>
      <c r="D4296" t="s">
        <v>88</v>
      </c>
      <c r="E4296" s="1">
        <v>44602.712500000001</v>
      </c>
    </row>
    <row r="4297" spans="1:5" x14ac:dyDescent="0.4">
      <c r="A4297">
        <v>3950</v>
      </c>
      <c r="B4297">
        <v>0</v>
      </c>
      <c r="C4297">
        <v>3096</v>
      </c>
      <c r="D4297" t="s">
        <v>88</v>
      </c>
      <c r="E4297" s="1">
        <v>44602.712500000001</v>
      </c>
    </row>
    <row r="4298" spans="1:5" x14ac:dyDescent="0.4">
      <c r="A4298">
        <v>3951</v>
      </c>
      <c r="B4298">
        <v>0</v>
      </c>
      <c r="C4298">
        <v>3097</v>
      </c>
      <c r="D4298" t="s">
        <v>88</v>
      </c>
      <c r="E4298" s="1">
        <v>44602.712500000001</v>
      </c>
    </row>
    <row r="4299" spans="1:5" x14ac:dyDescent="0.4">
      <c r="A4299">
        <v>3952</v>
      </c>
      <c r="B4299">
        <v>0</v>
      </c>
      <c r="C4299">
        <v>3098</v>
      </c>
      <c r="D4299" t="s">
        <v>88</v>
      </c>
      <c r="E4299" s="1">
        <v>44602.712500000001</v>
      </c>
    </row>
    <row r="4300" spans="1:5" x14ac:dyDescent="0.4">
      <c r="A4300">
        <v>3953</v>
      </c>
      <c r="B4300">
        <v>0</v>
      </c>
      <c r="C4300">
        <v>3099</v>
      </c>
      <c r="D4300" t="s">
        <v>88</v>
      </c>
      <c r="E4300" s="1">
        <v>44602.712500000001</v>
      </c>
    </row>
    <row r="4301" spans="1:5" x14ac:dyDescent="0.4">
      <c r="A4301">
        <v>3954</v>
      </c>
      <c r="B4301">
        <v>0</v>
      </c>
      <c r="C4301">
        <v>3100</v>
      </c>
      <c r="D4301" t="s">
        <v>88</v>
      </c>
      <c r="E4301" s="1">
        <v>44602.712500000001</v>
      </c>
    </row>
    <row r="4302" spans="1:5" x14ac:dyDescent="0.4">
      <c r="A4302">
        <v>3955</v>
      </c>
      <c r="B4302">
        <v>0</v>
      </c>
      <c r="C4302">
        <v>3101</v>
      </c>
      <c r="D4302" t="s">
        <v>88</v>
      </c>
      <c r="E4302" s="1">
        <v>44602.712500000001</v>
      </c>
    </row>
    <row r="4303" spans="1:5" x14ac:dyDescent="0.4">
      <c r="A4303">
        <v>3956</v>
      </c>
      <c r="B4303">
        <v>0</v>
      </c>
      <c r="C4303">
        <v>3102</v>
      </c>
      <c r="D4303" t="s">
        <v>88</v>
      </c>
      <c r="E4303" s="1">
        <v>44602.712500000001</v>
      </c>
    </row>
    <row r="4304" spans="1:5" x14ac:dyDescent="0.4">
      <c r="A4304">
        <v>3957</v>
      </c>
      <c r="B4304">
        <v>0</v>
      </c>
      <c r="C4304">
        <v>3103</v>
      </c>
      <c r="D4304" t="s">
        <v>88</v>
      </c>
      <c r="E4304" s="1">
        <v>44602.712500000001</v>
      </c>
    </row>
    <row r="4305" spans="1:5" x14ac:dyDescent="0.4">
      <c r="A4305">
        <v>3958</v>
      </c>
      <c r="B4305">
        <v>0</v>
      </c>
      <c r="C4305">
        <v>3104</v>
      </c>
      <c r="D4305" t="s">
        <v>88</v>
      </c>
      <c r="E4305" s="1">
        <v>44602.712500000001</v>
      </c>
    </row>
    <row r="4306" spans="1:5" x14ac:dyDescent="0.4">
      <c r="A4306">
        <v>3959</v>
      </c>
      <c r="B4306">
        <v>0</v>
      </c>
      <c r="C4306">
        <v>3105</v>
      </c>
      <c r="D4306" t="s">
        <v>88</v>
      </c>
      <c r="E4306" s="1">
        <v>44602.712500000001</v>
      </c>
    </row>
    <row r="4307" spans="1:5" x14ac:dyDescent="0.4">
      <c r="A4307">
        <v>3960</v>
      </c>
      <c r="B4307">
        <v>0</v>
      </c>
      <c r="C4307">
        <v>3106</v>
      </c>
      <c r="D4307" t="s">
        <v>88</v>
      </c>
      <c r="E4307" s="1">
        <v>44602.712500000001</v>
      </c>
    </row>
    <row r="4308" spans="1:5" x14ac:dyDescent="0.4">
      <c r="A4308">
        <v>3961</v>
      </c>
      <c r="B4308">
        <v>0</v>
      </c>
      <c r="C4308">
        <v>3107</v>
      </c>
      <c r="D4308" t="s">
        <v>88</v>
      </c>
      <c r="E4308" s="1">
        <v>44602.712500000001</v>
      </c>
    </row>
    <row r="4309" spans="1:5" x14ac:dyDescent="0.4">
      <c r="A4309">
        <v>3962</v>
      </c>
      <c r="B4309">
        <v>0</v>
      </c>
      <c r="C4309">
        <v>3108</v>
      </c>
      <c r="D4309" t="s">
        <v>88</v>
      </c>
      <c r="E4309" s="1">
        <v>44602.712500000001</v>
      </c>
    </row>
    <row r="4310" spans="1:5" x14ac:dyDescent="0.4">
      <c r="A4310">
        <v>3963</v>
      </c>
      <c r="B4310">
        <v>0</v>
      </c>
      <c r="C4310">
        <v>3109</v>
      </c>
      <c r="D4310" t="s">
        <v>88</v>
      </c>
      <c r="E4310" s="1">
        <v>44602.712500000001</v>
      </c>
    </row>
    <row r="4311" spans="1:5" x14ac:dyDescent="0.4">
      <c r="A4311">
        <v>3964</v>
      </c>
      <c r="B4311">
        <v>0</v>
      </c>
      <c r="C4311">
        <v>3110</v>
      </c>
      <c r="D4311" t="s">
        <v>88</v>
      </c>
      <c r="E4311" s="1">
        <v>44602.712500000001</v>
      </c>
    </row>
    <row r="4312" spans="1:5" x14ac:dyDescent="0.4">
      <c r="A4312">
        <v>3965</v>
      </c>
      <c r="B4312">
        <v>0</v>
      </c>
      <c r="C4312">
        <v>3111</v>
      </c>
      <c r="D4312" t="s">
        <v>88</v>
      </c>
      <c r="E4312" s="1">
        <v>44602.712500000001</v>
      </c>
    </row>
    <row r="4313" spans="1:5" x14ac:dyDescent="0.4">
      <c r="A4313">
        <v>3966</v>
      </c>
      <c r="B4313">
        <v>0</v>
      </c>
      <c r="C4313">
        <v>3112</v>
      </c>
      <c r="D4313" t="s">
        <v>88</v>
      </c>
      <c r="E4313" s="1">
        <v>44602.712500000001</v>
      </c>
    </row>
    <row r="4314" spans="1:5" x14ac:dyDescent="0.4">
      <c r="A4314">
        <v>3967</v>
      </c>
      <c r="B4314">
        <v>0</v>
      </c>
      <c r="C4314">
        <v>3113</v>
      </c>
      <c r="D4314" t="s">
        <v>88</v>
      </c>
      <c r="E4314" s="1">
        <v>44602.712500000001</v>
      </c>
    </row>
    <row r="4315" spans="1:5" x14ac:dyDescent="0.4">
      <c r="A4315">
        <v>3968</v>
      </c>
      <c r="B4315">
        <v>0</v>
      </c>
      <c r="C4315">
        <v>3116</v>
      </c>
      <c r="D4315" t="s">
        <v>88</v>
      </c>
      <c r="E4315" s="1">
        <v>44602.712500000001</v>
      </c>
    </row>
    <row r="4316" spans="1:5" x14ac:dyDescent="0.4">
      <c r="A4316">
        <v>3969</v>
      </c>
      <c r="B4316">
        <v>0</v>
      </c>
      <c r="C4316">
        <v>3117</v>
      </c>
      <c r="D4316" t="s">
        <v>88</v>
      </c>
      <c r="E4316" s="1">
        <v>44602.712500000001</v>
      </c>
    </row>
    <row r="4317" spans="1:5" x14ac:dyDescent="0.4">
      <c r="A4317">
        <v>3970</v>
      </c>
      <c r="B4317">
        <v>0</v>
      </c>
      <c r="C4317">
        <v>3119</v>
      </c>
      <c r="D4317" t="s">
        <v>88</v>
      </c>
      <c r="E4317" s="1">
        <v>44602.712500000001</v>
      </c>
    </row>
    <row r="4318" spans="1:5" x14ac:dyDescent="0.4">
      <c r="A4318">
        <v>3971</v>
      </c>
      <c r="B4318">
        <v>0</v>
      </c>
      <c r="C4318">
        <v>3122</v>
      </c>
      <c r="D4318" t="s">
        <v>88</v>
      </c>
      <c r="E4318" s="1">
        <v>44602.712500000001</v>
      </c>
    </row>
    <row r="4319" spans="1:5" x14ac:dyDescent="0.4">
      <c r="A4319">
        <v>3972</v>
      </c>
      <c r="B4319">
        <v>0</v>
      </c>
      <c r="C4319">
        <v>3125</v>
      </c>
      <c r="D4319" t="s">
        <v>88</v>
      </c>
      <c r="E4319" s="1">
        <v>44602.712500000001</v>
      </c>
    </row>
    <row r="4320" spans="1:5" x14ac:dyDescent="0.4">
      <c r="A4320">
        <v>3973</v>
      </c>
      <c r="B4320">
        <v>0</v>
      </c>
      <c r="C4320">
        <v>3126</v>
      </c>
      <c r="D4320" t="s">
        <v>88</v>
      </c>
      <c r="E4320" s="1">
        <v>44602.712500000001</v>
      </c>
    </row>
    <row r="4321" spans="1:5" x14ac:dyDescent="0.4">
      <c r="A4321">
        <v>3974</v>
      </c>
      <c r="B4321">
        <v>0</v>
      </c>
      <c r="C4321">
        <v>3136</v>
      </c>
      <c r="D4321" t="s">
        <v>88</v>
      </c>
      <c r="E4321" s="1">
        <v>44602.712500000001</v>
      </c>
    </row>
    <row r="4322" spans="1:5" x14ac:dyDescent="0.4">
      <c r="A4322">
        <v>3975</v>
      </c>
      <c r="B4322">
        <v>0</v>
      </c>
      <c r="C4322">
        <v>3138</v>
      </c>
      <c r="D4322" t="s">
        <v>88</v>
      </c>
      <c r="E4322" s="1">
        <v>44602.712500000001</v>
      </c>
    </row>
    <row r="4323" spans="1:5" x14ac:dyDescent="0.4">
      <c r="A4323">
        <v>3976</v>
      </c>
      <c r="B4323">
        <v>0</v>
      </c>
      <c r="C4323">
        <v>3154</v>
      </c>
      <c r="D4323" t="s">
        <v>88</v>
      </c>
      <c r="E4323" s="1">
        <v>44602.712500000001</v>
      </c>
    </row>
    <row r="4324" spans="1:5" x14ac:dyDescent="0.4">
      <c r="A4324">
        <v>3977</v>
      </c>
      <c r="B4324">
        <v>0</v>
      </c>
      <c r="C4324">
        <v>3155</v>
      </c>
      <c r="D4324" t="s">
        <v>88</v>
      </c>
      <c r="E4324" s="1">
        <v>44602.712500000001</v>
      </c>
    </row>
    <row r="4325" spans="1:5" x14ac:dyDescent="0.4">
      <c r="A4325">
        <v>3978</v>
      </c>
      <c r="B4325">
        <v>0</v>
      </c>
      <c r="C4325">
        <v>4000</v>
      </c>
      <c r="D4325" t="s">
        <v>88</v>
      </c>
      <c r="E4325" s="1">
        <v>44602.712500000001</v>
      </c>
    </row>
    <row r="4326" spans="1:5" x14ac:dyDescent="0.4">
      <c r="A4326">
        <v>3979</v>
      </c>
      <c r="B4326">
        <v>0</v>
      </c>
      <c r="C4326">
        <v>4001</v>
      </c>
      <c r="D4326" t="s">
        <v>88</v>
      </c>
      <c r="E4326" s="1">
        <v>44602.712500000001</v>
      </c>
    </row>
    <row r="4327" spans="1:5" x14ac:dyDescent="0.4">
      <c r="A4327">
        <v>3980</v>
      </c>
      <c r="B4327">
        <v>0</v>
      </c>
      <c r="C4327">
        <v>4002</v>
      </c>
      <c r="D4327" t="s">
        <v>88</v>
      </c>
      <c r="E4327" s="1">
        <v>44602.712500000001</v>
      </c>
    </row>
    <row r="4328" spans="1:5" x14ac:dyDescent="0.4">
      <c r="A4328">
        <v>3981</v>
      </c>
      <c r="B4328">
        <v>0</v>
      </c>
      <c r="C4328">
        <v>4003</v>
      </c>
      <c r="D4328" t="s">
        <v>88</v>
      </c>
      <c r="E4328" s="1">
        <v>44602.712500000001</v>
      </c>
    </row>
    <row r="4329" spans="1:5" x14ac:dyDescent="0.4">
      <c r="A4329">
        <v>3982</v>
      </c>
      <c r="B4329">
        <v>0</v>
      </c>
      <c r="C4329">
        <v>4058</v>
      </c>
      <c r="D4329" t="s">
        <v>88</v>
      </c>
      <c r="E4329" s="1">
        <v>44602.712500000001</v>
      </c>
    </row>
    <row r="4330" spans="1:5" x14ac:dyDescent="0.4">
      <c r="A4330">
        <v>3983</v>
      </c>
      <c r="B4330">
        <v>0</v>
      </c>
      <c r="C4330">
        <v>4060</v>
      </c>
      <c r="D4330" t="s">
        <v>88</v>
      </c>
      <c r="E4330" s="1">
        <v>44602.712500000001</v>
      </c>
    </row>
    <row r="4331" spans="1:5" x14ac:dyDescent="0.4">
      <c r="A4331">
        <v>3984</v>
      </c>
      <c r="B4331">
        <v>0</v>
      </c>
      <c r="C4331">
        <v>4061</v>
      </c>
      <c r="D4331" t="s">
        <v>88</v>
      </c>
      <c r="E4331" s="1">
        <v>44602.712500000001</v>
      </c>
    </row>
    <row r="4332" spans="1:5" x14ac:dyDescent="0.4">
      <c r="A4332">
        <v>3985</v>
      </c>
      <c r="B4332">
        <v>0</v>
      </c>
      <c r="C4332">
        <v>4062</v>
      </c>
      <c r="D4332" t="s">
        <v>88</v>
      </c>
      <c r="E4332" s="1">
        <v>44602.712500000001</v>
      </c>
    </row>
    <row r="4333" spans="1:5" x14ac:dyDescent="0.4">
      <c r="A4333">
        <v>3986</v>
      </c>
      <c r="B4333">
        <v>0</v>
      </c>
      <c r="C4333">
        <v>4063</v>
      </c>
      <c r="D4333" t="s">
        <v>88</v>
      </c>
      <c r="E4333" s="1">
        <v>44602.712500000001</v>
      </c>
    </row>
    <row r="4334" spans="1:5" x14ac:dyDescent="0.4">
      <c r="A4334">
        <v>3987</v>
      </c>
      <c r="B4334">
        <v>0</v>
      </c>
      <c r="C4334">
        <v>4064</v>
      </c>
      <c r="D4334" t="s">
        <v>88</v>
      </c>
      <c r="E4334" s="1">
        <v>44602.712500000001</v>
      </c>
    </row>
    <row r="4335" spans="1:5" x14ac:dyDescent="0.4">
      <c r="A4335">
        <v>3988</v>
      </c>
      <c r="B4335">
        <v>0</v>
      </c>
      <c r="C4335">
        <v>4065</v>
      </c>
      <c r="D4335" t="s">
        <v>88</v>
      </c>
      <c r="E4335" s="1">
        <v>44602.712500000001</v>
      </c>
    </row>
    <row r="4336" spans="1:5" x14ac:dyDescent="0.4">
      <c r="A4336">
        <v>3989</v>
      </c>
      <c r="B4336">
        <v>0</v>
      </c>
      <c r="C4336">
        <v>4068</v>
      </c>
      <c r="D4336" t="s">
        <v>88</v>
      </c>
      <c r="E4336" s="1">
        <v>44602.712500000001</v>
      </c>
    </row>
    <row r="4337" spans="1:5" x14ac:dyDescent="0.4">
      <c r="A4337">
        <v>3990</v>
      </c>
      <c r="B4337">
        <v>0</v>
      </c>
      <c r="C4337">
        <v>4133</v>
      </c>
      <c r="D4337" t="s">
        <v>88</v>
      </c>
      <c r="E4337" s="1">
        <v>44602.712500000001</v>
      </c>
    </row>
    <row r="4338" spans="1:5" x14ac:dyDescent="0.4">
      <c r="A4338">
        <v>3991</v>
      </c>
      <c r="B4338">
        <v>0</v>
      </c>
      <c r="C4338">
        <v>4134</v>
      </c>
      <c r="D4338" t="s">
        <v>88</v>
      </c>
      <c r="E4338" s="1">
        <v>44602.712500000001</v>
      </c>
    </row>
    <row r="4339" spans="1:5" x14ac:dyDescent="0.4">
      <c r="A4339">
        <v>3992</v>
      </c>
      <c r="B4339">
        <v>0</v>
      </c>
      <c r="C4339">
        <v>4137</v>
      </c>
      <c r="D4339" t="s">
        <v>88</v>
      </c>
      <c r="E4339" s="1">
        <v>44602.712500000001</v>
      </c>
    </row>
    <row r="4340" spans="1:5" x14ac:dyDescent="0.4">
      <c r="A4340">
        <v>3993</v>
      </c>
      <c r="B4340">
        <v>0</v>
      </c>
      <c r="C4340">
        <v>9971</v>
      </c>
      <c r="D4340" t="s">
        <v>88</v>
      </c>
      <c r="E4340" s="1">
        <v>44602.712500000001</v>
      </c>
    </row>
    <row r="4341" spans="1:5" x14ac:dyDescent="0.4">
      <c r="A4341">
        <v>3994</v>
      </c>
      <c r="B4341">
        <v>0</v>
      </c>
      <c r="C4341">
        <v>9972</v>
      </c>
      <c r="D4341" t="s">
        <v>88</v>
      </c>
      <c r="E4341" s="1">
        <v>44602.712500000001</v>
      </c>
    </row>
    <row r="4342" spans="1:5" x14ac:dyDescent="0.4">
      <c r="A4342">
        <v>3995</v>
      </c>
      <c r="B4342">
        <v>0</v>
      </c>
      <c r="C4342">
        <v>9973</v>
      </c>
      <c r="D4342" t="s">
        <v>88</v>
      </c>
      <c r="E4342" s="1">
        <v>44602.712500000001</v>
      </c>
    </row>
    <row r="4343" spans="1:5" x14ac:dyDescent="0.4">
      <c r="A4343">
        <v>3996</v>
      </c>
      <c r="B4343">
        <v>0</v>
      </c>
      <c r="C4343">
        <v>9974</v>
      </c>
      <c r="D4343" t="s">
        <v>88</v>
      </c>
      <c r="E4343" s="1">
        <v>44602.712500000001</v>
      </c>
    </row>
    <row r="4344" spans="1:5" x14ac:dyDescent="0.4">
      <c r="A4344">
        <v>3997</v>
      </c>
      <c r="B4344">
        <v>0</v>
      </c>
      <c r="C4344">
        <v>9975</v>
      </c>
      <c r="D4344" t="s">
        <v>88</v>
      </c>
      <c r="E4344" s="1">
        <v>44602.712500000001</v>
      </c>
    </row>
    <row r="4345" spans="1:5" x14ac:dyDescent="0.4">
      <c r="A4345">
        <v>3998</v>
      </c>
      <c r="B4345">
        <v>0</v>
      </c>
      <c r="C4345">
        <v>1</v>
      </c>
      <c r="D4345" t="s">
        <v>88</v>
      </c>
      <c r="E4345" s="1">
        <v>44699.665520833332</v>
      </c>
    </row>
    <row r="4346" spans="1:5" x14ac:dyDescent="0.4">
      <c r="A4346">
        <v>3999</v>
      </c>
      <c r="B4346">
        <v>0</v>
      </c>
      <c r="C4346">
        <v>2</v>
      </c>
      <c r="D4346" t="s">
        <v>88</v>
      </c>
      <c r="E4346" s="1">
        <v>44699.665520833332</v>
      </c>
    </row>
    <row r="4347" spans="1:5" x14ac:dyDescent="0.4">
      <c r="A4347">
        <v>4000</v>
      </c>
      <c r="B4347">
        <v>0</v>
      </c>
      <c r="C4347">
        <v>3</v>
      </c>
      <c r="D4347" t="s">
        <v>88</v>
      </c>
      <c r="E4347" s="1">
        <v>44699.665520833332</v>
      </c>
    </row>
    <row r="4348" spans="1:5" x14ac:dyDescent="0.4">
      <c r="A4348">
        <v>4001</v>
      </c>
      <c r="B4348">
        <v>0</v>
      </c>
      <c r="C4348">
        <v>4</v>
      </c>
      <c r="D4348" t="s">
        <v>88</v>
      </c>
      <c r="E4348" s="1">
        <v>44699.665520833332</v>
      </c>
    </row>
    <row r="4349" spans="1:5" x14ac:dyDescent="0.4">
      <c r="A4349">
        <v>4002</v>
      </c>
      <c r="B4349">
        <v>0</v>
      </c>
      <c r="C4349">
        <v>5</v>
      </c>
      <c r="D4349" t="s">
        <v>88</v>
      </c>
      <c r="E4349" s="1">
        <v>44699.665520833332</v>
      </c>
    </row>
    <row r="4350" spans="1:5" x14ac:dyDescent="0.4">
      <c r="A4350">
        <v>4003</v>
      </c>
      <c r="B4350">
        <v>0</v>
      </c>
      <c r="C4350">
        <v>6</v>
      </c>
      <c r="D4350" t="s">
        <v>88</v>
      </c>
      <c r="E4350" s="1">
        <v>44699.665520833332</v>
      </c>
    </row>
    <row r="4351" spans="1:5" x14ac:dyDescent="0.4">
      <c r="A4351">
        <v>4004</v>
      </c>
      <c r="B4351">
        <v>0</v>
      </c>
      <c r="C4351">
        <v>7</v>
      </c>
      <c r="D4351" t="s">
        <v>88</v>
      </c>
      <c r="E4351" s="1">
        <v>44699.665520833332</v>
      </c>
    </row>
    <row r="4352" spans="1:5" x14ac:dyDescent="0.4">
      <c r="A4352">
        <v>4005</v>
      </c>
      <c r="B4352">
        <v>0</v>
      </c>
      <c r="C4352">
        <v>8</v>
      </c>
      <c r="D4352" t="s">
        <v>88</v>
      </c>
      <c r="E4352" s="1">
        <v>44699.665520833332</v>
      </c>
    </row>
    <row r="4353" spans="1:5" x14ac:dyDescent="0.4">
      <c r="A4353">
        <v>4006</v>
      </c>
      <c r="B4353">
        <v>0</v>
      </c>
      <c r="C4353">
        <v>10</v>
      </c>
      <c r="D4353" t="s">
        <v>88</v>
      </c>
      <c r="E4353" s="1">
        <v>44699.665520833332</v>
      </c>
    </row>
    <row r="4354" spans="1:5" x14ac:dyDescent="0.4">
      <c r="A4354">
        <v>4007</v>
      </c>
      <c r="B4354">
        <v>0</v>
      </c>
      <c r="C4354">
        <v>11</v>
      </c>
      <c r="D4354" t="s">
        <v>88</v>
      </c>
      <c r="E4354" s="1">
        <v>44699.665520833332</v>
      </c>
    </row>
    <row r="4355" spans="1:5" x14ac:dyDescent="0.4">
      <c r="A4355">
        <v>4008</v>
      </c>
      <c r="B4355">
        <v>0</v>
      </c>
      <c r="C4355">
        <v>12</v>
      </c>
      <c r="D4355" t="s">
        <v>88</v>
      </c>
      <c r="E4355" s="1">
        <v>44699.665520833332</v>
      </c>
    </row>
    <row r="4356" spans="1:5" x14ac:dyDescent="0.4">
      <c r="A4356">
        <v>4009</v>
      </c>
      <c r="B4356">
        <v>0</v>
      </c>
      <c r="C4356">
        <v>14</v>
      </c>
      <c r="D4356" t="s">
        <v>88</v>
      </c>
      <c r="E4356" s="1">
        <v>44699.665520833332</v>
      </c>
    </row>
    <row r="4357" spans="1:5" x14ac:dyDescent="0.4">
      <c r="A4357">
        <v>4010</v>
      </c>
      <c r="B4357">
        <v>0</v>
      </c>
      <c r="C4357">
        <v>15</v>
      </c>
      <c r="D4357" t="s">
        <v>88</v>
      </c>
      <c r="E4357" s="1">
        <v>44699.665520833332</v>
      </c>
    </row>
    <row r="4358" spans="1:5" x14ac:dyDescent="0.4">
      <c r="A4358">
        <v>4011</v>
      </c>
      <c r="B4358">
        <v>0</v>
      </c>
      <c r="C4358">
        <v>16</v>
      </c>
      <c r="D4358" t="s">
        <v>88</v>
      </c>
      <c r="E4358" s="1">
        <v>44699.665520833332</v>
      </c>
    </row>
    <row r="4359" spans="1:5" x14ac:dyDescent="0.4">
      <c r="A4359">
        <v>4012</v>
      </c>
      <c r="B4359">
        <v>0</v>
      </c>
      <c r="C4359">
        <v>17</v>
      </c>
      <c r="D4359" t="s">
        <v>88</v>
      </c>
      <c r="E4359" s="1">
        <v>44699.665520833332</v>
      </c>
    </row>
    <row r="4360" spans="1:5" x14ac:dyDescent="0.4">
      <c r="A4360">
        <v>4013</v>
      </c>
      <c r="B4360">
        <v>0</v>
      </c>
      <c r="C4360">
        <v>18</v>
      </c>
      <c r="D4360" t="s">
        <v>88</v>
      </c>
      <c r="E4360" s="1">
        <v>44699.665520833332</v>
      </c>
    </row>
    <row r="4361" spans="1:5" x14ac:dyDescent="0.4">
      <c r="A4361">
        <v>4014</v>
      </c>
      <c r="B4361">
        <v>0</v>
      </c>
      <c r="C4361">
        <v>19</v>
      </c>
      <c r="D4361" t="s">
        <v>88</v>
      </c>
      <c r="E4361" s="1">
        <v>44699.665520833332</v>
      </c>
    </row>
    <row r="4362" spans="1:5" x14ac:dyDescent="0.4">
      <c r="A4362">
        <v>4015</v>
      </c>
      <c r="B4362">
        <v>0</v>
      </c>
      <c r="C4362">
        <v>20</v>
      </c>
      <c r="D4362" t="s">
        <v>88</v>
      </c>
      <c r="E4362" s="1">
        <v>44699.665520833332</v>
      </c>
    </row>
    <row r="4363" spans="1:5" x14ac:dyDescent="0.4">
      <c r="A4363">
        <v>4016</v>
      </c>
      <c r="B4363">
        <v>0</v>
      </c>
      <c r="C4363">
        <v>21</v>
      </c>
      <c r="D4363" t="s">
        <v>88</v>
      </c>
      <c r="E4363" s="1">
        <v>44699.665520833332</v>
      </c>
    </row>
    <row r="4364" spans="1:5" x14ac:dyDescent="0.4">
      <c r="A4364">
        <v>4017</v>
      </c>
      <c r="B4364">
        <v>0</v>
      </c>
      <c r="C4364">
        <v>22</v>
      </c>
      <c r="D4364" t="s">
        <v>88</v>
      </c>
      <c r="E4364" s="1">
        <v>44699.665520833332</v>
      </c>
    </row>
    <row r="4365" spans="1:5" x14ac:dyDescent="0.4">
      <c r="A4365">
        <v>4018</v>
      </c>
      <c r="B4365">
        <v>0</v>
      </c>
      <c r="C4365">
        <v>25</v>
      </c>
      <c r="D4365" t="s">
        <v>88</v>
      </c>
      <c r="E4365" s="1">
        <v>44699.665520833332</v>
      </c>
    </row>
    <row r="4366" spans="1:5" x14ac:dyDescent="0.4">
      <c r="A4366">
        <v>4019</v>
      </c>
      <c r="B4366">
        <v>0</v>
      </c>
      <c r="C4366">
        <v>26</v>
      </c>
      <c r="D4366" t="s">
        <v>88</v>
      </c>
      <c r="E4366" s="1">
        <v>44699.665520833332</v>
      </c>
    </row>
    <row r="4367" spans="1:5" x14ac:dyDescent="0.4">
      <c r="A4367">
        <v>4020</v>
      </c>
      <c r="B4367">
        <v>0</v>
      </c>
      <c r="C4367">
        <v>27</v>
      </c>
      <c r="D4367" t="s">
        <v>88</v>
      </c>
      <c r="E4367" s="1">
        <v>44699.665520833332</v>
      </c>
    </row>
    <row r="4368" spans="1:5" x14ac:dyDescent="0.4">
      <c r="A4368">
        <v>4021</v>
      </c>
      <c r="B4368">
        <v>0</v>
      </c>
      <c r="C4368">
        <v>28</v>
      </c>
      <c r="D4368" t="s">
        <v>88</v>
      </c>
      <c r="E4368" s="1">
        <v>44699.665520833332</v>
      </c>
    </row>
    <row r="4369" spans="1:5" x14ac:dyDescent="0.4">
      <c r="A4369">
        <v>4022</v>
      </c>
      <c r="B4369">
        <v>0</v>
      </c>
      <c r="C4369">
        <v>30</v>
      </c>
      <c r="D4369" t="s">
        <v>88</v>
      </c>
      <c r="E4369" s="1">
        <v>44699.665520833332</v>
      </c>
    </row>
    <row r="4370" spans="1:5" x14ac:dyDescent="0.4">
      <c r="A4370">
        <v>4023</v>
      </c>
      <c r="B4370">
        <v>0</v>
      </c>
      <c r="C4370">
        <v>31</v>
      </c>
      <c r="D4370" t="s">
        <v>88</v>
      </c>
      <c r="E4370" s="1">
        <v>44699.665520833332</v>
      </c>
    </row>
    <row r="4371" spans="1:5" x14ac:dyDescent="0.4">
      <c r="A4371">
        <v>4024</v>
      </c>
      <c r="B4371">
        <v>0</v>
      </c>
      <c r="C4371">
        <v>34</v>
      </c>
      <c r="D4371" t="s">
        <v>88</v>
      </c>
      <c r="E4371" s="1">
        <v>44699.665520833332</v>
      </c>
    </row>
    <row r="4372" spans="1:5" x14ac:dyDescent="0.4">
      <c r="A4372">
        <v>4025</v>
      </c>
      <c r="B4372">
        <v>0</v>
      </c>
      <c r="C4372">
        <v>35</v>
      </c>
      <c r="D4372" t="s">
        <v>88</v>
      </c>
      <c r="E4372" s="1">
        <v>44699.665520833332</v>
      </c>
    </row>
    <row r="4373" spans="1:5" x14ac:dyDescent="0.4">
      <c r="A4373">
        <v>4026</v>
      </c>
      <c r="B4373">
        <v>0</v>
      </c>
      <c r="C4373">
        <v>36</v>
      </c>
      <c r="D4373" t="s">
        <v>88</v>
      </c>
      <c r="E4373" s="1">
        <v>44699.665520833332</v>
      </c>
    </row>
    <row r="4374" spans="1:5" x14ac:dyDescent="0.4">
      <c r="A4374">
        <v>4027</v>
      </c>
      <c r="B4374">
        <v>0</v>
      </c>
      <c r="C4374">
        <v>37</v>
      </c>
      <c r="D4374" t="s">
        <v>88</v>
      </c>
      <c r="E4374" s="1">
        <v>44699.665520833332</v>
      </c>
    </row>
    <row r="4375" spans="1:5" x14ac:dyDescent="0.4">
      <c r="A4375">
        <v>4028</v>
      </c>
      <c r="B4375">
        <v>0</v>
      </c>
      <c r="C4375">
        <v>39</v>
      </c>
      <c r="D4375" t="s">
        <v>88</v>
      </c>
      <c r="E4375" s="1">
        <v>44699.665520833332</v>
      </c>
    </row>
    <row r="4376" spans="1:5" x14ac:dyDescent="0.4">
      <c r="A4376">
        <v>4029</v>
      </c>
      <c r="B4376">
        <v>0</v>
      </c>
      <c r="C4376">
        <v>40</v>
      </c>
      <c r="D4376" t="s">
        <v>88</v>
      </c>
      <c r="E4376" s="1">
        <v>44699.665520833332</v>
      </c>
    </row>
    <row r="4377" spans="1:5" x14ac:dyDescent="0.4">
      <c r="A4377">
        <v>4030</v>
      </c>
      <c r="B4377">
        <v>0</v>
      </c>
      <c r="C4377">
        <v>43</v>
      </c>
      <c r="D4377" t="s">
        <v>88</v>
      </c>
      <c r="E4377" s="1">
        <v>44699.665520833332</v>
      </c>
    </row>
    <row r="4378" spans="1:5" x14ac:dyDescent="0.4">
      <c r="A4378">
        <v>4031</v>
      </c>
      <c r="B4378">
        <v>0</v>
      </c>
      <c r="C4378">
        <v>44</v>
      </c>
      <c r="D4378" t="s">
        <v>88</v>
      </c>
      <c r="E4378" s="1">
        <v>44699.665520833332</v>
      </c>
    </row>
    <row r="4379" spans="1:5" x14ac:dyDescent="0.4">
      <c r="A4379">
        <v>4032</v>
      </c>
      <c r="B4379">
        <v>0</v>
      </c>
      <c r="C4379">
        <v>45</v>
      </c>
      <c r="D4379" t="s">
        <v>88</v>
      </c>
      <c r="E4379" s="1">
        <v>44699.665520833332</v>
      </c>
    </row>
    <row r="4380" spans="1:5" x14ac:dyDescent="0.4">
      <c r="A4380">
        <v>4033</v>
      </c>
      <c r="B4380">
        <v>0</v>
      </c>
      <c r="C4380">
        <v>46</v>
      </c>
      <c r="D4380" t="s">
        <v>88</v>
      </c>
      <c r="E4380" s="1">
        <v>44699.665520833332</v>
      </c>
    </row>
    <row r="4381" spans="1:5" x14ac:dyDescent="0.4">
      <c r="A4381">
        <v>4034</v>
      </c>
      <c r="B4381">
        <v>0</v>
      </c>
      <c r="C4381">
        <v>47</v>
      </c>
      <c r="D4381" t="s">
        <v>88</v>
      </c>
      <c r="E4381" s="1">
        <v>44699.665520833332</v>
      </c>
    </row>
    <row r="4382" spans="1:5" x14ac:dyDescent="0.4">
      <c r="A4382">
        <v>4035</v>
      </c>
      <c r="B4382">
        <v>0</v>
      </c>
      <c r="C4382">
        <v>48</v>
      </c>
      <c r="D4382" t="s">
        <v>88</v>
      </c>
      <c r="E4382" s="1">
        <v>44699.665520833332</v>
      </c>
    </row>
    <row r="4383" spans="1:5" x14ac:dyDescent="0.4">
      <c r="A4383">
        <v>4036</v>
      </c>
      <c r="B4383">
        <v>0</v>
      </c>
      <c r="C4383">
        <v>49</v>
      </c>
      <c r="D4383" t="s">
        <v>88</v>
      </c>
      <c r="E4383" s="1">
        <v>44699.665520833332</v>
      </c>
    </row>
    <row r="4384" spans="1:5" x14ac:dyDescent="0.4">
      <c r="A4384">
        <v>4037</v>
      </c>
      <c r="B4384">
        <v>0</v>
      </c>
      <c r="C4384">
        <v>50</v>
      </c>
      <c r="D4384" t="s">
        <v>88</v>
      </c>
      <c r="E4384" s="1">
        <v>44699.665520833332</v>
      </c>
    </row>
    <row r="4385" spans="1:5" x14ac:dyDescent="0.4">
      <c r="A4385">
        <v>4038</v>
      </c>
      <c r="B4385">
        <v>0</v>
      </c>
      <c r="C4385">
        <v>51</v>
      </c>
      <c r="D4385" t="s">
        <v>88</v>
      </c>
      <c r="E4385" s="1">
        <v>44699.665520833332</v>
      </c>
    </row>
    <row r="4386" spans="1:5" x14ac:dyDescent="0.4">
      <c r="A4386">
        <v>4039</v>
      </c>
      <c r="B4386">
        <v>0</v>
      </c>
      <c r="C4386">
        <v>52</v>
      </c>
      <c r="D4386" t="s">
        <v>88</v>
      </c>
      <c r="E4386" s="1">
        <v>44699.665520833332</v>
      </c>
    </row>
    <row r="4387" spans="1:5" x14ac:dyDescent="0.4">
      <c r="A4387">
        <v>4040</v>
      </c>
      <c r="B4387">
        <v>0</v>
      </c>
      <c r="C4387">
        <v>54</v>
      </c>
      <c r="D4387" t="s">
        <v>88</v>
      </c>
      <c r="E4387" s="1">
        <v>44699.665520833332</v>
      </c>
    </row>
    <row r="4388" spans="1:5" x14ac:dyDescent="0.4">
      <c r="A4388">
        <v>4041</v>
      </c>
      <c r="B4388">
        <v>0</v>
      </c>
      <c r="C4388">
        <v>56</v>
      </c>
      <c r="D4388" t="s">
        <v>88</v>
      </c>
      <c r="E4388" s="1">
        <v>44699.665520833332</v>
      </c>
    </row>
    <row r="4389" spans="1:5" x14ac:dyDescent="0.4">
      <c r="A4389">
        <v>4042</v>
      </c>
      <c r="B4389">
        <v>0</v>
      </c>
      <c r="C4389">
        <v>57</v>
      </c>
      <c r="D4389" t="s">
        <v>88</v>
      </c>
      <c r="E4389" s="1">
        <v>44699.665520833332</v>
      </c>
    </row>
    <row r="4390" spans="1:5" x14ac:dyDescent="0.4">
      <c r="A4390">
        <v>4043</v>
      </c>
      <c r="B4390">
        <v>0</v>
      </c>
      <c r="C4390">
        <v>58</v>
      </c>
      <c r="D4390" t="s">
        <v>88</v>
      </c>
      <c r="E4390" s="1">
        <v>44699.665520833332</v>
      </c>
    </row>
    <row r="4391" spans="1:5" x14ac:dyDescent="0.4">
      <c r="A4391">
        <v>4044</v>
      </c>
      <c r="B4391">
        <v>0</v>
      </c>
      <c r="C4391">
        <v>59</v>
      </c>
      <c r="D4391" t="s">
        <v>88</v>
      </c>
      <c r="E4391" s="1">
        <v>44699.665520833332</v>
      </c>
    </row>
    <row r="4392" spans="1:5" x14ac:dyDescent="0.4">
      <c r="A4392">
        <v>4045</v>
      </c>
      <c r="B4392">
        <v>0</v>
      </c>
      <c r="C4392">
        <v>60</v>
      </c>
      <c r="D4392" t="s">
        <v>88</v>
      </c>
      <c r="E4392" s="1">
        <v>44699.665520833332</v>
      </c>
    </row>
    <row r="4393" spans="1:5" x14ac:dyDescent="0.4">
      <c r="A4393">
        <v>4046</v>
      </c>
      <c r="B4393">
        <v>0</v>
      </c>
      <c r="C4393">
        <v>61</v>
      </c>
      <c r="D4393" t="s">
        <v>88</v>
      </c>
      <c r="E4393" s="1">
        <v>44699.665520833332</v>
      </c>
    </row>
    <row r="4394" spans="1:5" x14ac:dyDescent="0.4">
      <c r="A4394">
        <v>4047</v>
      </c>
      <c r="B4394">
        <v>0</v>
      </c>
      <c r="C4394">
        <v>67</v>
      </c>
      <c r="D4394" t="s">
        <v>88</v>
      </c>
      <c r="E4394" s="1">
        <v>44699.665520833332</v>
      </c>
    </row>
    <row r="4395" spans="1:5" x14ac:dyDescent="0.4">
      <c r="A4395">
        <v>4048</v>
      </c>
      <c r="B4395">
        <v>0</v>
      </c>
      <c r="C4395">
        <v>68</v>
      </c>
      <c r="D4395" t="s">
        <v>88</v>
      </c>
      <c r="E4395" s="1">
        <v>44699.665520833332</v>
      </c>
    </row>
    <row r="4396" spans="1:5" x14ac:dyDescent="0.4">
      <c r="A4396">
        <v>4049</v>
      </c>
      <c r="B4396">
        <v>0</v>
      </c>
      <c r="C4396">
        <v>69</v>
      </c>
      <c r="D4396" t="s">
        <v>88</v>
      </c>
      <c r="E4396" s="1">
        <v>44699.665520833332</v>
      </c>
    </row>
    <row r="4397" spans="1:5" x14ac:dyDescent="0.4">
      <c r="A4397">
        <v>4050</v>
      </c>
      <c r="B4397">
        <v>0</v>
      </c>
      <c r="C4397">
        <v>70</v>
      </c>
      <c r="D4397" t="s">
        <v>88</v>
      </c>
      <c r="E4397" s="1">
        <v>44699.665520833332</v>
      </c>
    </row>
    <row r="4398" spans="1:5" x14ac:dyDescent="0.4">
      <c r="A4398">
        <v>4051</v>
      </c>
      <c r="B4398">
        <v>0</v>
      </c>
      <c r="C4398">
        <v>73</v>
      </c>
      <c r="D4398" t="s">
        <v>88</v>
      </c>
      <c r="E4398" s="1">
        <v>44699.665520833332</v>
      </c>
    </row>
    <row r="4399" spans="1:5" x14ac:dyDescent="0.4">
      <c r="A4399">
        <v>4052</v>
      </c>
      <c r="B4399">
        <v>0</v>
      </c>
      <c r="C4399">
        <v>74</v>
      </c>
      <c r="D4399" t="s">
        <v>88</v>
      </c>
      <c r="E4399" s="1">
        <v>44699.665520833332</v>
      </c>
    </row>
    <row r="4400" spans="1:5" x14ac:dyDescent="0.4">
      <c r="A4400">
        <v>4053</v>
      </c>
      <c r="B4400">
        <v>0</v>
      </c>
      <c r="C4400">
        <v>76</v>
      </c>
      <c r="D4400" t="s">
        <v>88</v>
      </c>
      <c r="E4400" s="1">
        <v>44699.665520833332</v>
      </c>
    </row>
    <row r="4401" spans="1:5" x14ac:dyDescent="0.4">
      <c r="A4401">
        <v>4054</v>
      </c>
      <c r="B4401">
        <v>0</v>
      </c>
      <c r="C4401">
        <v>77</v>
      </c>
      <c r="D4401" t="s">
        <v>88</v>
      </c>
      <c r="E4401" s="1">
        <v>44699.665520833332</v>
      </c>
    </row>
    <row r="4402" spans="1:5" x14ac:dyDescent="0.4">
      <c r="A4402">
        <v>4055</v>
      </c>
      <c r="B4402">
        <v>0</v>
      </c>
      <c r="C4402">
        <v>78</v>
      </c>
      <c r="D4402" t="s">
        <v>88</v>
      </c>
      <c r="E4402" s="1">
        <v>44699.665520833332</v>
      </c>
    </row>
    <row r="4403" spans="1:5" x14ac:dyDescent="0.4">
      <c r="A4403">
        <v>4056</v>
      </c>
      <c r="B4403">
        <v>0</v>
      </c>
      <c r="C4403">
        <v>79</v>
      </c>
      <c r="D4403" t="s">
        <v>88</v>
      </c>
      <c r="E4403" s="1">
        <v>44699.665520833332</v>
      </c>
    </row>
    <row r="4404" spans="1:5" x14ac:dyDescent="0.4">
      <c r="A4404">
        <v>4057</v>
      </c>
      <c r="B4404">
        <v>0</v>
      </c>
      <c r="C4404">
        <v>81</v>
      </c>
      <c r="D4404" t="s">
        <v>88</v>
      </c>
      <c r="E4404" s="1">
        <v>44699.665520833332</v>
      </c>
    </row>
    <row r="4405" spans="1:5" x14ac:dyDescent="0.4">
      <c r="A4405">
        <v>4058</v>
      </c>
      <c r="B4405">
        <v>0</v>
      </c>
      <c r="C4405">
        <v>83</v>
      </c>
      <c r="D4405" t="s">
        <v>88</v>
      </c>
      <c r="E4405" s="1">
        <v>44699.665520833332</v>
      </c>
    </row>
    <row r="4406" spans="1:5" x14ac:dyDescent="0.4">
      <c r="A4406">
        <v>4059</v>
      </c>
      <c r="B4406">
        <v>0</v>
      </c>
      <c r="C4406">
        <v>84</v>
      </c>
      <c r="D4406" t="s">
        <v>88</v>
      </c>
      <c r="E4406" s="1">
        <v>44699.665520833332</v>
      </c>
    </row>
    <row r="4407" spans="1:5" x14ac:dyDescent="0.4">
      <c r="A4407">
        <v>4060</v>
      </c>
      <c r="B4407">
        <v>0</v>
      </c>
      <c r="C4407">
        <v>89</v>
      </c>
      <c r="D4407" t="s">
        <v>88</v>
      </c>
      <c r="E4407" s="1">
        <v>44699.665520833332</v>
      </c>
    </row>
    <row r="4408" spans="1:5" x14ac:dyDescent="0.4">
      <c r="A4408">
        <v>4061</v>
      </c>
      <c r="B4408">
        <v>0</v>
      </c>
      <c r="C4408">
        <v>90</v>
      </c>
      <c r="D4408" t="s">
        <v>88</v>
      </c>
      <c r="E4408" s="1">
        <v>44699.665520833332</v>
      </c>
    </row>
    <row r="4409" spans="1:5" x14ac:dyDescent="0.4">
      <c r="A4409">
        <v>4062</v>
      </c>
      <c r="B4409">
        <v>0</v>
      </c>
      <c r="C4409">
        <v>92</v>
      </c>
      <c r="D4409" t="s">
        <v>88</v>
      </c>
      <c r="E4409" s="1">
        <v>44699.665520833332</v>
      </c>
    </row>
    <row r="4410" spans="1:5" x14ac:dyDescent="0.4">
      <c r="A4410">
        <v>4063</v>
      </c>
      <c r="B4410">
        <v>0</v>
      </c>
      <c r="C4410">
        <v>93</v>
      </c>
      <c r="D4410" t="s">
        <v>88</v>
      </c>
      <c r="E4410" s="1">
        <v>44699.665520833332</v>
      </c>
    </row>
    <row r="4411" spans="1:5" x14ac:dyDescent="0.4">
      <c r="A4411">
        <v>4064</v>
      </c>
      <c r="B4411">
        <v>0</v>
      </c>
      <c r="C4411">
        <v>94</v>
      </c>
      <c r="D4411" t="s">
        <v>88</v>
      </c>
      <c r="E4411" s="1">
        <v>44699.665520833332</v>
      </c>
    </row>
    <row r="4412" spans="1:5" x14ac:dyDescent="0.4">
      <c r="A4412">
        <v>4065</v>
      </c>
      <c r="B4412">
        <v>0</v>
      </c>
      <c r="C4412">
        <v>95</v>
      </c>
      <c r="D4412" t="s">
        <v>88</v>
      </c>
      <c r="E4412" s="1">
        <v>44699.665520833332</v>
      </c>
    </row>
    <row r="4413" spans="1:5" x14ac:dyDescent="0.4">
      <c r="A4413">
        <v>4066</v>
      </c>
      <c r="B4413">
        <v>0</v>
      </c>
      <c r="C4413">
        <v>97</v>
      </c>
      <c r="D4413" t="s">
        <v>88</v>
      </c>
      <c r="E4413" s="1">
        <v>44699.665520833332</v>
      </c>
    </row>
    <row r="4414" spans="1:5" x14ac:dyDescent="0.4">
      <c r="A4414">
        <v>4067</v>
      </c>
      <c r="B4414">
        <v>0</v>
      </c>
      <c r="C4414">
        <v>98</v>
      </c>
      <c r="D4414" t="s">
        <v>88</v>
      </c>
      <c r="E4414" s="1">
        <v>44699.665520833332</v>
      </c>
    </row>
    <row r="4415" spans="1:5" x14ac:dyDescent="0.4">
      <c r="A4415">
        <v>4068</v>
      </c>
      <c r="B4415">
        <v>0</v>
      </c>
      <c r="C4415">
        <v>100</v>
      </c>
      <c r="D4415" t="s">
        <v>88</v>
      </c>
      <c r="E4415" s="1">
        <v>44699.665520833332</v>
      </c>
    </row>
    <row r="4416" spans="1:5" x14ac:dyDescent="0.4">
      <c r="A4416">
        <v>4069</v>
      </c>
      <c r="B4416">
        <v>0</v>
      </c>
      <c r="C4416">
        <v>101</v>
      </c>
      <c r="D4416" t="s">
        <v>88</v>
      </c>
      <c r="E4416" s="1">
        <v>44699.665520833332</v>
      </c>
    </row>
    <row r="4417" spans="1:5" x14ac:dyDescent="0.4">
      <c r="A4417">
        <v>4070</v>
      </c>
      <c r="B4417">
        <v>0</v>
      </c>
      <c r="C4417">
        <v>107</v>
      </c>
      <c r="D4417" t="s">
        <v>88</v>
      </c>
      <c r="E4417" s="1">
        <v>44699.665520833332</v>
      </c>
    </row>
    <row r="4418" spans="1:5" x14ac:dyDescent="0.4">
      <c r="A4418">
        <v>4071</v>
      </c>
      <c r="B4418">
        <v>0</v>
      </c>
      <c r="C4418">
        <v>108</v>
      </c>
      <c r="D4418" t="s">
        <v>88</v>
      </c>
      <c r="E4418" s="1">
        <v>44699.665520833332</v>
      </c>
    </row>
    <row r="4419" spans="1:5" x14ac:dyDescent="0.4">
      <c r="A4419">
        <v>4072</v>
      </c>
      <c r="B4419">
        <v>0</v>
      </c>
      <c r="C4419">
        <v>112</v>
      </c>
      <c r="D4419" t="s">
        <v>88</v>
      </c>
      <c r="E4419" s="1">
        <v>44699.665520833332</v>
      </c>
    </row>
    <row r="4420" spans="1:5" x14ac:dyDescent="0.4">
      <c r="A4420">
        <v>4073</v>
      </c>
      <c r="B4420">
        <v>0</v>
      </c>
      <c r="C4420">
        <v>114</v>
      </c>
      <c r="D4420" t="s">
        <v>88</v>
      </c>
      <c r="E4420" s="1">
        <v>44699.665520833332</v>
      </c>
    </row>
    <row r="4421" spans="1:5" x14ac:dyDescent="0.4">
      <c r="A4421">
        <v>4074</v>
      </c>
      <c r="B4421">
        <v>0</v>
      </c>
      <c r="C4421">
        <v>119</v>
      </c>
      <c r="D4421" t="s">
        <v>88</v>
      </c>
      <c r="E4421" s="1">
        <v>44699.665520833332</v>
      </c>
    </row>
    <row r="4422" spans="1:5" x14ac:dyDescent="0.4">
      <c r="A4422">
        <v>4075</v>
      </c>
      <c r="B4422">
        <v>0</v>
      </c>
      <c r="C4422">
        <v>132</v>
      </c>
      <c r="D4422" t="s">
        <v>88</v>
      </c>
      <c r="E4422" s="1">
        <v>44699.665520833332</v>
      </c>
    </row>
    <row r="4423" spans="1:5" x14ac:dyDescent="0.4">
      <c r="A4423">
        <v>4076</v>
      </c>
      <c r="B4423">
        <v>0</v>
      </c>
      <c r="C4423">
        <v>135</v>
      </c>
      <c r="D4423" t="s">
        <v>88</v>
      </c>
      <c r="E4423" s="1">
        <v>44699.665520833332</v>
      </c>
    </row>
    <row r="4424" spans="1:5" x14ac:dyDescent="0.4">
      <c r="A4424">
        <v>4077</v>
      </c>
      <c r="B4424">
        <v>0</v>
      </c>
      <c r="C4424">
        <v>137</v>
      </c>
      <c r="D4424" t="s">
        <v>88</v>
      </c>
      <c r="E4424" s="1">
        <v>44699.665520833332</v>
      </c>
    </row>
    <row r="4425" spans="1:5" x14ac:dyDescent="0.4">
      <c r="A4425">
        <v>4078</v>
      </c>
      <c r="B4425">
        <v>0</v>
      </c>
      <c r="C4425">
        <v>139</v>
      </c>
      <c r="D4425" t="s">
        <v>88</v>
      </c>
      <c r="E4425" s="1">
        <v>44699.665520833332</v>
      </c>
    </row>
    <row r="4426" spans="1:5" x14ac:dyDescent="0.4">
      <c r="A4426">
        <v>4079</v>
      </c>
      <c r="B4426">
        <v>0</v>
      </c>
      <c r="C4426">
        <v>140</v>
      </c>
      <c r="D4426" t="s">
        <v>88</v>
      </c>
      <c r="E4426" s="1">
        <v>44699.665520833332</v>
      </c>
    </row>
    <row r="4427" spans="1:5" x14ac:dyDescent="0.4">
      <c r="A4427">
        <v>4080</v>
      </c>
      <c r="B4427">
        <v>0</v>
      </c>
      <c r="C4427">
        <v>151</v>
      </c>
      <c r="D4427" t="s">
        <v>88</v>
      </c>
      <c r="E4427" s="1">
        <v>44699.665520833332</v>
      </c>
    </row>
    <row r="4428" spans="1:5" x14ac:dyDescent="0.4">
      <c r="A4428">
        <v>4081</v>
      </c>
      <c r="B4428">
        <v>0</v>
      </c>
      <c r="C4428">
        <v>152</v>
      </c>
      <c r="D4428" t="s">
        <v>88</v>
      </c>
      <c r="E4428" s="1">
        <v>44699.665520833332</v>
      </c>
    </row>
    <row r="4429" spans="1:5" x14ac:dyDescent="0.4">
      <c r="A4429">
        <v>4082</v>
      </c>
      <c r="B4429">
        <v>0</v>
      </c>
      <c r="C4429">
        <v>153</v>
      </c>
      <c r="D4429" t="s">
        <v>88</v>
      </c>
      <c r="E4429" s="1">
        <v>44699.665520833332</v>
      </c>
    </row>
    <row r="4430" spans="1:5" x14ac:dyDescent="0.4">
      <c r="A4430">
        <v>4083</v>
      </c>
      <c r="B4430">
        <v>0</v>
      </c>
      <c r="C4430">
        <v>176</v>
      </c>
      <c r="D4430" t="s">
        <v>88</v>
      </c>
      <c r="E4430" s="1">
        <v>44699.665520833332</v>
      </c>
    </row>
    <row r="4431" spans="1:5" x14ac:dyDescent="0.4">
      <c r="A4431">
        <v>4084</v>
      </c>
      <c r="B4431">
        <v>0</v>
      </c>
      <c r="C4431">
        <v>177</v>
      </c>
      <c r="D4431" t="s">
        <v>88</v>
      </c>
      <c r="E4431" s="1">
        <v>44699.665520833332</v>
      </c>
    </row>
    <row r="4432" spans="1:5" x14ac:dyDescent="0.4">
      <c r="A4432">
        <v>4085</v>
      </c>
      <c r="B4432">
        <v>0</v>
      </c>
      <c r="C4432">
        <v>180</v>
      </c>
      <c r="D4432" t="s">
        <v>88</v>
      </c>
      <c r="E4432" s="1">
        <v>44699.665520833332</v>
      </c>
    </row>
    <row r="4433" spans="1:5" x14ac:dyDescent="0.4">
      <c r="A4433">
        <v>4086</v>
      </c>
      <c r="B4433">
        <v>0</v>
      </c>
      <c r="C4433">
        <v>183</v>
      </c>
      <c r="D4433" t="s">
        <v>88</v>
      </c>
      <c r="E4433" s="1">
        <v>44699.665520833332</v>
      </c>
    </row>
    <row r="4434" spans="1:5" x14ac:dyDescent="0.4">
      <c r="A4434">
        <v>4087</v>
      </c>
      <c r="B4434">
        <v>0</v>
      </c>
      <c r="C4434">
        <v>184</v>
      </c>
      <c r="D4434" t="s">
        <v>88</v>
      </c>
      <c r="E4434" s="1">
        <v>44699.665520833332</v>
      </c>
    </row>
    <row r="4435" spans="1:5" x14ac:dyDescent="0.4">
      <c r="A4435">
        <v>4088</v>
      </c>
      <c r="B4435">
        <v>0</v>
      </c>
      <c r="C4435">
        <v>189</v>
      </c>
      <c r="D4435" t="s">
        <v>88</v>
      </c>
      <c r="E4435" s="1">
        <v>44699.665520833332</v>
      </c>
    </row>
    <row r="4436" spans="1:5" x14ac:dyDescent="0.4">
      <c r="A4436">
        <v>4089</v>
      </c>
      <c r="B4436">
        <v>0</v>
      </c>
      <c r="C4436">
        <v>191</v>
      </c>
      <c r="D4436" t="s">
        <v>88</v>
      </c>
      <c r="E4436" s="1">
        <v>44699.665520833332</v>
      </c>
    </row>
    <row r="4437" spans="1:5" x14ac:dyDescent="0.4">
      <c r="A4437">
        <v>4090</v>
      </c>
      <c r="B4437">
        <v>0</v>
      </c>
      <c r="C4437">
        <v>192</v>
      </c>
      <c r="D4437" t="s">
        <v>88</v>
      </c>
      <c r="E4437" s="1">
        <v>44699.665520833332</v>
      </c>
    </row>
    <row r="4438" spans="1:5" x14ac:dyDescent="0.4">
      <c r="A4438">
        <v>4091</v>
      </c>
      <c r="B4438">
        <v>0</v>
      </c>
      <c r="C4438">
        <v>342</v>
      </c>
      <c r="D4438" t="s">
        <v>88</v>
      </c>
      <c r="E4438" s="1">
        <v>44699.665520833332</v>
      </c>
    </row>
    <row r="4439" spans="1:5" x14ac:dyDescent="0.4">
      <c r="A4439">
        <v>4092</v>
      </c>
      <c r="B4439">
        <v>0</v>
      </c>
      <c r="C4439">
        <v>343</v>
      </c>
      <c r="D4439" t="s">
        <v>88</v>
      </c>
      <c r="E4439" s="1">
        <v>44699.665520833332</v>
      </c>
    </row>
    <row r="4440" spans="1:5" x14ac:dyDescent="0.4">
      <c r="A4440">
        <v>4093</v>
      </c>
      <c r="B4440">
        <v>0</v>
      </c>
      <c r="C4440">
        <v>344</v>
      </c>
      <c r="D4440" t="s">
        <v>88</v>
      </c>
      <c r="E4440" s="1">
        <v>44699.665520833332</v>
      </c>
    </row>
    <row r="4441" spans="1:5" x14ac:dyDescent="0.4">
      <c r="A4441">
        <v>4094</v>
      </c>
      <c r="B4441">
        <v>0</v>
      </c>
      <c r="C4441">
        <v>345</v>
      </c>
      <c r="D4441" t="s">
        <v>88</v>
      </c>
      <c r="E4441" s="1">
        <v>44699.665520833332</v>
      </c>
    </row>
    <row r="4442" spans="1:5" x14ac:dyDescent="0.4">
      <c r="A4442">
        <v>4095</v>
      </c>
      <c r="B4442">
        <v>0</v>
      </c>
      <c r="C4442">
        <v>356</v>
      </c>
      <c r="D4442" t="s">
        <v>88</v>
      </c>
      <c r="E4442" s="1">
        <v>44699.665520833332</v>
      </c>
    </row>
    <row r="4443" spans="1:5" x14ac:dyDescent="0.4">
      <c r="A4443">
        <v>4096</v>
      </c>
      <c r="B4443">
        <v>0</v>
      </c>
      <c r="C4443">
        <v>357</v>
      </c>
      <c r="D4443" t="s">
        <v>88</v>
      </c>
      <c r="E4443" s="1">
        <v>44699.665520833332</v>
      </c>
    </row>
    <row r="4444" spans="1:5" x14ac:dyDescent="0.4">
      <c r="A4444">
        <v>4097</v>
      </c>
      <c r="B4444">
        <v>0</v>
      </c>
      <c r="C4444">
        <v>358</v>
      </c>
      <c r="D4444" t="s">
        <v>88</v>
      </c>
      <c r="E4444" s="1">
        <v>44699.665520833332</v>
      </c>
    </row>
    <row r="4445" spans="1:5" x14ac:dyDescent="0.4">
      <c r="A4445">
        <v>4098</v>
      </c>
      <c r="B4445">
        <v>0</v>
      </c>
      <c r="C4445">
        <v>359</v>
      </c>
      <c r="D4445" t="s">
        <v>88</v>
      </c>
      <c r="E4445" s="1">
        <v>44699.665520833332</v>
      </c>
    </row>
    <row r="4446" spans="1:5" x14ac:dyDescent="0.4">
      <c r="A4446">
        <v>4099</v>
      </c>
      <c r="B4446">
        <v>0</v>
      </c>
      <c r="C4446">
        <v>361</v>
      </c>
      <c r="D4446" t="s">
        <v>88</v>
      </c>
      <c r="E4446" s="1">
        <v>44699.665520833332</v>
      </c>
    </row>
    <row r="4447" spans="1:5" x14ac:dyDescent="0.4">
      <c r="A4447">
        <v>4100</v>
      </c>
      <c r="B4447">
        <v>0</v>
      </c>
      <c r="C4447">
        <v>362</v>
      </c>
      <c r="D4447" t="s">
        <v>88</v>
      </c>
      <c r="E4447" s="1">
        <v>44699.665520833332</v>
      </c>
    </row>
    <row r="4448" spans="1:5" x14ac:dyDescent="0.4">
      <c r="A4448">
        <v>4101</v>
      </c>
      <c r="B4448">
        <v>0</v>
      </c>
      <c r="C4448">
        <v>363</v>
      </c>
      <c r="D4448" t="s">
        <v>88</v>
      </c>
      <c r="E4448" s="1">
        <v>44699.665520833332</v>
      </c>
    </row>
    <row r="4449" spans="1:5" x14ac:dyDescent="0.4">
      <c r="A4449">
        <v>4102</v>
      </c>
      <c r="B4449">
        <v>0</v>
      </c>
      <c r="C4449">
        <v>364</v>
      </c>
      <c r="D4449" t="s">
        <v>88</v>
      </c>
      <c r="E4449" s="1">
        <v>44699.665520833332</v>
      </c>
    </row>
    <row r="4450" spans="1:5" x14ac:dyDescent="0.4">
      <c r="A4450">
        <v>4103</v>
      </c>
      <c r="B4450">
        <v>0</v>
      </c>
      <c r="C4450">
        <v>366</v>
      </c>
      <c r="D4450" t="s">
        <v>88</v>
      </c>
      <c r="E4450" s="1">
        <v>44699.665520833332</v>
      </c>
    </row>
    <row r="4451" spans="1:5" x14ac:dyDescent="0.4">
      <c r="A4451">
        <v>4104</v>
      </c>
      <c r="B4451">
        <v>0</v>
      </c>
      <c r="C4451">
        <v>367</v>
      </c>
      <c r="D4451" t="s">
        <v>88</v>
      </c>
      <c r="E4451" s="1">
        <v>44699.665520833332</v>
      </c>
    </row>
    <row r="4452" spans="1:5" x14ac:dyDescent="0.4">
      <c r="A4452">
        <v>4105</v>
      </c>
      <c r="B4452">
        <v>0</v>
      </c>
      <c r="C4452">
        <v>369</v>
      </c>
      <c r="D4452" t="s">
        <v>88</v>
      </c>
      <c r="E4452" s="1">
        <v>44699.665520833332</v>
      </c>
    </row>
    <row r="4453" spans="1:5" x14ac:dyDescent="0.4">
      <c r="A4453">
        <v>4106</v>
      </c>
      <c r="B4453">
        <v>0</v>
      </c>
      <c r="C4453">
        <v>370</v>
      </c>
      <c r="D4453" t="s">
        <v>88</v>
      </c>
      <c r="E4453" s="1">
        <v>44699.665520833332</v>
      </c>
    </row>
    <row r="4454" spans="1:5" x14ac:dyDescent="0.4">
      <c r="A4454">
        <v>4107</v>
      </c>
      <c r="B4454">
        <v>0</v>
      </c>
      <c r="C4454">
        <v>371</v>
      </c>
      <c r="D4454" t="s">
        <v>88</v>
      </c>
      <c r="E4454" s="1">
        <v>44699.665520833332</v>
      </c>
    </row>
    <row r="4455" spans="1:5" x14ac:dyDescent="0.4">
      <c r="A4455">
        <v>4108</v>
      </c>
      <c r="B4455">
        <v>0</v>
      </c>
      <c r="C4455">
        <v>373</v>
      </c>
      <c r="D4455" t="s">
        <v>88</v>
      </c>
      <c r="E4455" s="1">
        <v>44699.665520833332</v>
      </c>
    </row>
    <row r="4456" spans="1:5" x14ac:dyDescent="0.4">
      <c r="A4456">
        <v>4109</v>
      </c>
      <c r="B4456">
        <v>0</v>
      </c>
      <c r="C4456">
        <v>374</v>
      </c>
      <c r="D4456" t="s">
        <v>88</v>
      </c>
      <c r="E4456" s="1">
        <v>44699.665520833332</v>
      </c>
    </row>
    <row r="4457" spans="1:5" x14ac:dyDescent="0.4">
      <c r="A4457">
        <v>4110</v>
      </c>
      <c r="B4457">
        <v>0</v>
      </c>
      <c r="C4457">
        <v>375</v>
      </c>
      <c r="D4457" t="s">
        <v>88</v>
      </c>
      <c r="E4457" s="1">
        <v>44699.665520833332</v>
      </c>
    </row>
    <row r="4458" spans="1:5" x14ac:dyDescent="0.4">
      <c r="A4458">
        <v>4111</v>
      </c>
      <c r="B4458">
        <v>0</v>
      </c>
      <c r="C4458">
        <v>377</v>
      </c>
      <c r="D4458" t="s">
        <v>88</v>
      </c>
      <c r="E4458" s="1">
        <v>44699.665520833332</v>
      </c>
    </row>
    <row r="4459" spans="1:5" x14ac:dyDescent="0.4">
      <c r="A4459">
        <v>4112</v>
      </c>
      <c r="B4459">
        <v>0</v>
      </c>
      <c r="C4459">
        <v>378</v>
      </c>
      <c r="D4459" t="s">
        <v>88</v>
      </c>
      <c r="E4459" s="1">
        <v>44699.665520833332</v>
      </c>
    </row>
    <row r="4460" spans="1:5" x14ac:dyDescent="0.4">
      <c r="A4460">
        <v>4113</v>
      </c>
      <c r="B4460">
        <v>0</v>
      </c>
      <c r="C4460">
        <v>379</v>
      </c>
      <c r="D4460" t="s">
        <v>88</v>
      </c>
      <c r="E4460" s="1">
        <v>44699.665520833332</v>
      </c>
    </row>
    <row r="4461" spans="1:5" x14ac:dyDescent="0.4">
      <c r="A4461">
        <v>4114</v>
      </c>
      <c r="B4461">
        <v>0</v>
      </c>
      <c r="C4461">
        <v>380</v>
      </c>
      <c r="D4461" t="s">
        <v>88</v>
      </c>
      <c r="E4461" s="1">
        <v>44699.665520833332</v>
      </c>
    </row>
    <row r="4462" spans="1:5" x14ac:dyDescent="0.4">
      <c r="A4462">
        <v>4115</v>
      </c>
      <c r="B4462">
        <v>0</v>
      </c>
      <c r="C4462">
        <v>381</v>
      </c>
      <c r="D4462" t="s">
        <v>88</v>
      </c>
      <c r="E4462" s="1">
        <v>44699.665520833332</v>
      </c>
    </row>
    <row r="4463" spans="1:5" x14ac:dyDescent="0.4">
      <c r="A4463">
        <v>4116</v>
      </c>
      <c r="B4463">
        <v>0</v>
      </c>
      <c r="C4463">
        <v>382</v>
      </c>
      <c r="D4463" t="s">
        <v>88</v>
      </c>
      <c r="E4463" s="1">
        <v>44699.665520833332</v>
      </c>
    </row>
    <row r="4464" spans="1:5" x14ac:dyDescent="0.4">
      <c r="A4464">
        <v>4117</v>
      </c>
      <c r="B4464">
        <v>0</v>
      </c>
      <c r="C4464">
        <v>384</v>
      </c>
      <c r="D4464" t="s">
        <v>88</v>
      </c>
      <c r="E4464" s="1">
        <v>44699.665520833332</v>
      </c>
    </row>
    <row r="4465" spans="1:5" x14ac:dyDescent="0.4">
      <c r="A4465">
        <v>4118</v>
      </c>
      <c r="B4465">
        <v>0</v>
      </c>
      <c r="C4465">
        <v>385</v>
      </c>
      <c r="D4465" t="s">
        <v>88</v>
      </c>
      <c r="E4465" s="1">
        <v>44699.665520833332</v>
      </c>
    </row>
    <row r="4466" spans="1:5" x14ac:dyDescent="0.4">
      <c r="A4466">
        <v>4119</v>
      </c>
      <c r="B4466">
        <v>0</v>
      </c>
      <c r="C4466">
        <v>386</v>
      </c>
      <c r="D4466" t="s">
        <v>88</v>
      </c>
      <c r="E4466" s="1">
        <v>44699.665520833332</v>
      </c>
    </row>
    <row r="4467" spans="1:5" x14ac:dyDescent="0.4">
      <c r="A4467">
        <v>4120</v>
      </c>
      <c r="B4467">
        <v>0</v>
      </c>
      <c r="C4467">
        <v>387</v>
      </c>
      <c r="D4467" t="s">
        <v>88</v>
      </c>
      <c r="E4467" s="1">
        <v>44699.665520833332</v>
      </c>
    </row>
    <row r="4468" spans="1:5" x14ac:dyDescent="0.4">
      <c r="A4468">
        <v>4121</v>
      </c>
      <c r="B4468">
        <v>0</v>
      </c>
      <c r="C4468">
        <v>389</v>
      </c>
      <c r="D4468" t="s">
        <v>88</v>
      </c>
      <c r="E4468" s="1">
        <v>44699.665520833332</v>
      </c>
    </row>
    <row r="4469" spans="1:5" x14ac:dyDescent="0.4">
      <c r="A4469">
        <v>4122</v>
      </c>
      <c r="B4469">
        <v>0</v>
      </c>
      <c r="C4469">
        <v>391</v>
      </c>
      <c r="D4469" t="s">
        <v>88</v>
      </c>
      <c r="E4469" s="1">
        <v>44699.665520833332</v>
      </c>
    </row>
    <row r="4470" spans="1:5" x14ac:dyDescent="0.4">
      <c r="A4470">
        <v>4123</v>
      </c>
      <c r="B4470">
        <v>0</v>
      </c>
      <c r="C4470">
        <v>392</v>
      </c>
      <c r="D4470" t="s">
        <v>88</v>
      </c>
      <c r="E4470" s="1">
        <v>44699.665520833332</v>
      </c>
    </row>
    <row r="4471" spans="1:5" x14ac:dyDescent="0.4">
      <c r="A4471">
        <v>4124</v>
      </c>
      <c r="B4471">
        <v>0</v>
      </c>
      <c r="C4471">
        <v>393</v>
      </c>
      <c r="D4471" t="s">
        <v>88</v>
      </c>
      <c r="E4471" s="1">
        <v>44699.665520833332</v>
      </c>
    </row>
    <row r="4472" spans="1:5" x14ac:dyDescent="0.4">
      <c r="A4472">
        <v>4125</v>
      </c>
      <c r="B4472">
        <v>0</v>
      </c>
      <c r="C4472">
        <v>394</v>
      </c>
      <c r="D4472" t="s">
        <v>88</v>
      </c>
      <c r="E4472" s="1">
        <v>44699.665520833332</v>
      </c>
    </row>
    <row r="4473" spans="1:5" x14ac:dyDescent="0.4">
      <c r="A4473">
        <v>4126</v>
      </c>
      <c r="B4473">
        <v>0</v>
      </c>
      <c r="C4473">
        <v>395</v>
      </c>
      <c r="D4473" t="s">
        <v>88</v>
      </c>
      <c r="E4473" s="1">
        <v>44699.665520833332</v>
      </c>
    </row>
    <row r="4474" spans="1:5" x14ac:dyDescent="0.4">
      <c r="A4474">
        <v>4127</v>
      </c>
      <c r="B4474">
        <v>0</v>
      </c>
      <c r="C4474">
        <v>396</v>
      </c>
      <c r="D4474" t="s">
        <v>88</v>
      </c>
      <c r="E4474" s="1">
        <v>44699.665520833332</v>
      </c>
    </row>
    <row r="4475" spans="1:5" x14ac:dyDescent="0.4">
      <c r="A4475">
        <v>4128</v>
      </c>
      <c r="B4475">
        <v>0</v>
      </c>
      <c r="C4475">
        <v>403</v>
      </c>
      <c r="D4475" t="s">
        <v>88</v>
      </c>
      <c r="E4475" s="1">
        <v>44699.665520833332</v>
      </c>
    </row>
    <row r="4476" spans="1:5" x14ac:dyDescent="0.4">
      <c r="A4476">
        <v>4129</v>
      </c>
      <c r="B4476">
        <v>0</v>
      </c>
      <c r="C4476">
        <v>404</v>
      </c>
      <c r="D4476" t="s">
        <v>88</v>
      </c>
      <c r="E4476" s="1">
        <v>44699.665520833332</v>
      </c>
    </row>
    <row r="4477" spans="1:5" x14ac:dyDescent="0.4">
      <c r="A4477">
        <v>4130</v>
      </c>
      <c r="B4477">
        <v>0</v>
      </c>
      <c r="C4477">
        <v>405</v>
      </c>
      <c r="D4477" t="s">
        <v>88</v>
      </c>
      <c r="E4477" s="1">
        <v>44699.665520833332</v>
      </c>
    </row>
    <row r="4478" spans="1:5" x14ac:dyDescent="0.4">
      <c r="A4478">
        <v>4131</v>
      </c>
      <c r="B4478">
        <v>0</v>
      </c>
      <c r="C4478">
        <v>406</v>
      </c>
      <c r="D4478" t="s">
        <v>88</v>
      </c>
      <c r="E4478" s="1">
        <v>44699.665520833332</v>
      </c>
    </row>
    <row r="4479" spans="1:5" x14ac:dyDescent="0.4">
      <c r="A4479">
        <v>4132</v>
      </c>
      <c r="B4479">
        <v>0</v>
      </c>
      <c r="C4479">
        <v>407</v>
      </c>
      <c r="D4479" t="s">
        <v>88</v>
      </c>
      <c r="E4479" s="1">
        <v>44699.665520833332</v>
      </c>
    </row>
    <row r="4480" spans="1:5" x14ac:dyDescent="0.4">
      <c r="A4480">
        <v>4133</v>
      </c>
      <c r="B4480">
        <v>0</v>
      </c>
      <c r="C4480">
        <v>408</v>
      </c>
      <c r="D4480" t="s">
        <v>88</v>
      </c>
      <c r="E4480" s="1">
        <v>44699.665520833332</v>
      </c>
    </row>
    <row r="4481" spans="1:5" x14ac:dyDescent="0.4">
      <c r="A4481">
        <v>4134</v>
      </c>
      <c r="B4481">
        <v>0</v>
      </c>
      <c r="C4481">
        <v>409</v>
      </c>
      <c r="D4481" t="s">
        <v>88</v>
      </c>
      <c r="E4481" s="1">
        <v>44699.665520833332</v>
      </c>
    </row>
    <row r="4482" spans="1:5" x14ac:dyDescent="0.4">
      <c r="A4482">
        <v>4135</v>
      </c>
      <c r="B4482">
        <v>0</v>
      </c>
      <c r="C4482">
        <v>416</v>
      </c>
      <c r="D4482" t="s">
        <v>88</v>
      </c>
      <c r="E4482" s="1">
        <v>44699.665520833332</v>
      </c>
    </row>
    <row r="4483" spans="1:5" x14ac:dyDescent="0.4">
      <c r="A4483">
        <v>4136</v>
      </c>
      <c r="B4483">
        <v>0</v>
      </c>
      <c r="C4483">
        <v>417</v>
      </c>
      <c r="D4483" t="s">
        <v>88</v>
      </c>
      <c r="E4483" s="1">
        <v>44699.665520833332</v>
      </c>
    </row>
    <row r="4484" spans="1:5" x14ac:dyDescent="0.4">
      <c r="A4484">
        <v>4137</v>
      </c>
      <c r="B4484">
        <v>0</v>
      </c>
      <c r="C4484">
        <v>418</v>
      </c>
      <c r="D4484" t="s">
        <v>88</v>
      </c>
      <c r="E4484" s="1">
        <v>44699.665520833332</v>
      </c>
    </row>
    <row r="4485" spans="1:5" x14ac:dyDescent="0.4">
      <c r="A4485">
        <v>4138</v>
      </c>
      <c r="B4485">
        <v>0</v>
      </c>
      <c r="C4485">
        <v>419</v>
      </c>
      <c r="D4485" t="s">
        <v>88</v>
      </c>
      <c r="E4485" s="1">
        <v>44699.665520833332</v>
      </c>
    </row>
    <row r="4486" spans="1:5" x14ac:dyDescent="0.4">
      <c r="A4486">
        <v>4139</v>
      </c>
      <c r="B4486">
        <v>0</v>
      </c>
      <c r="C4486">
        <v>420</v>
      </c>
      <c r="D4486" t="s">
        <v>88</v>
      </c>
      <c r="E4486" s="1">
        <v>44699.665520833332</v>
      </c>
    </row>
    <row r="4487" spans="1:5" x14ac:dyDescent="0.4">
      <c r="A4487">
        <v>4140</v>
      </c>
      <c r="B4487">
        <v>0</v>
      </c>
      <c r="C4487">
        <v>421</v>
      </c>
      <c r="D4487" t="s">
        <v>88</v>
      </c>
      <c r="E4487" s="1">
        <v>44699.665520833332</v>
      </c>
    </row>
    <row r="4488" spans="1:5" x14ac:dyDescent="0.4">
      <c r="A4488">
        <v>4141</v>
      </c>
      <c r="B4488">
        <v>0</v>
      </c>
      <c r="C4488">
        <v>423</v>
      </c>
      <c r="D4488" t="s">
        <v>88</v>
      </c>
      <c r="E4488" s="1">
        <v>44699.665520833332</v>
      </c>
    </row>
    <row r="4489" spans="1:5" x14ac:dyDescent="0.4">
      <c r="A4489">
        <v>4142</v>
      </c>
      <c r="B4489">
        <v>0</v>
      </c>
      <c r="C4489">
        <v>424</v>
      </c>
      <c r="D4489" t="s">
        <v>88</v>
      </c>
      <c r="E4489" s="1">
        <v>44699.665520833332</v>
      </c>
    </row>
    <row r="4490" spans="1:5" x14ac:dyDescent="0.4">
      <c r="A4490">
        <v>4143</v>
      </c>
      <c r="B4490">
        <v>0</v>
      </c>
      <c r="C4490">
        <v>425</v>
      </c>
      <c r="D4490" t="s">
        <v>88</v>
      </c>
      <c r="E4490" s="1">
        <v>44699.665520833332</v>
      </c>
    </row>
    <row r="4491" spans="1:5" x14ac:dyDescent="0.4">
      <c r="A4491">
        <v>4144</v>
      </c>
      <c r="B4491">
        <v>0</v>
      </c>
      <c r="C4491">
        <v>426</v>
      </c>
      <c r="D4491" t="s">
        <v>88</v>
      </c>
      <c r="E4491" s="1">
        <v>44699.665520833332</v>
      </c>
    </row>
    <row r="4492" spans="1:5" x14ac:dyDescent="0.4">
      <c r="A4492">
        <v>4145</v>
      </c>
      <c r="B4492">
        <v>0</v>
      </c>
      <c r="C4492">
        <v>427</v>
      </c>
      <c r="D4492" t="s">
        <v>88</v>
      </c>
      <c r="E4492" s="1">
        <v>44699.665520833332</v>
      </c>
    </row>
    <row r="4493" spans="1:5" x14ac:dyDescent="0.4">
      <c r="A4493">
        <v>4146</v>
      </c>
      <c r="B4493">
        <v>0</v>
      </c>
      <c r="C4493">
        <v>428</v>
      </c>
      <c r="D4493" t="s">
        <v>88</v>
      </c>
      <c r="E4493" s="1">
        <v>44699.665520833332</v>
      </c>
    </row>
    <row r="4494" spans="1:5" x14ac:dyDescent="0.4">
      <c r="A4494">
        <v>4147</v>
      </c>
      <c r="B4494">
        <v>0</v>
      </c>
      <c r="C4494">
        <v>429</v>
      </c>
      <c r="D4494" t="s">
        <v>88</v>
      </c>
      <c r="E4494" s="1">
        <v>44699.665520833332</v>
      </c>
    </row>
    <row r="4495" spans="1:5" x14ac:dyDescent="0.4">
      <c r="A4495">
        <v>4148</v>
      </c>
      <c r="B4495">
        <v>0</v>
      </c>
      <c r="C4495">
        <v>430</v>
      </c>
      <c r="D4495" t="s">
        <v>88</v>
      </c>
      <c r="E4495" s="1">
        <v>44699.665520833332</v>
      </c>
    </row>
    <row r="4496" spans="1:5" x14ac:dyDescent="0.4">
      <c r="A4496">
        <v>4149</v>
      </c>
      <c r="B4496">
        <v>0</v>
      </c>
      <c r="C4496">
        <v>432</v>
      </c>
      <c r="D4496" t="s">
        <v>88</v>
      </c>
      <c r="E4496" s="1">
        <v>44699.665520833332</v>
      </c>
    </row>
    <row r="4497" spans="1:5" x14ac:dyDescent="0.4">
      <c r="A4497">
        <v>4150</v>
      </c>
      <c r="B4497">
        <v>0</v>
      </c>
      <c r="C4497">
        <v>674</v>
      </c>
      <c r="D4497" t="s">
        <v>88</v>
      </c>
      <c r="E4497" s="1">
        <v>44699.665520833332</v>
      </c>
    </row>
    <row r="4498" spans="1:5" x14ac:dyDescent="0.4">
      <c r="A4498">
        <v>4151</v>
      </c>
      <c r="B4498">
        <v>0</v>
      </c>
      <c r="C4498">
        <v>675</v>
      </c>
      <c r="D4498" t="s">
        <v>88</v>
      </c>
      <c r="E4498" s="1">
        <v>44699.665520833332</v>
      </c>
    </row>
    <row r="4499" spans="1:5" x14ac:dyDescent="0.4">
      <c r="A4499">
        <v>4152</v>
      </c>
      <c r="B4499">
        <v>0</v>
      </c>
      <c r="C4499">
        <v>700</v>
      </c>
      <c r="D4499" t="s">
        <v>88</v>
      </c>
      <c r="E4499" s="1">
        <v>44699.665520833332</v>
      </c>
    </row>
    <row r="4500" spans="1:5" x14ac:dyDescent="0.4">
      <c r="A4500">
        <v>4153</v>
      </c>
      <c r="B4500">
        <v>0</v>
      </c>
      <c r="C4500">
        <v>718</v>
      </c>
      <c r="D4500" t="s">
        <v>88</v>
      </c>
      <c r="E4500" s="1">
        <v>44699.665520833332</v>
      </c>
    </row>
    <row r="4501" spans="1:5" x14ac:dyDescent="0.4">
      <c r="A4501">
        <v>4154</v>
      </c>
      <c r="B4501">
        <v>0</v>
      </c>
      <c r="C4501">
        <v>719</v>
      </c>
      <c r="D4501" t="s">
        <v>88</v>
      </c>
      <c r="E4501" s="1">
        <v>44699.665520833332</v>
      </c>
    </row>
    <row r="4502" spans="1:5" x14ac:dyDescent="0.4">
      <c r="A4502">
        <v>4155</v>
      </c>
      <c r="B4502">
        <v>0</v>
      </c>
      <c r="C4502">
        <v>731</v>
      </c>
      <c r="D4502" t="s">
        <v>88</v>
      </c>
      <c r="E4502" s="1">
        <v>44699.665520833332</v>
      </c>
    </row>
    <row r="4503" spans="1:5" x14ac:dyDescent="0.4">
      <c r="A4503">
        <v>4156</v>
      </c>
      <c r="B4503">
        <v>0</v>
      </c>
      <c r="C4503">
        <v>733</v>
      </c>
      <c r="D4503" t="s">
        <v>88</v>
      </c>
      <c r="E4503" s="1">
        <v>44699.665520833332</v>
      </c>
    </row>
    <row r="4504" spans="1:5" x14ac:dyDescent="0.4">
      <c r="A4504">
        <v>4157</v>
      </c>
      <c r="B4504">
        <v>0</v>
      </c>
      <c r="C4504">
        <v>734</v>
      </c>
      <c r="D4504" t="s">
        <v>88</v>
      </c>
      <c r="E4504" s="1">
        <v>44699.665520833332</v>
      </c>
    </row>
    <row r="4505" spans="1:5" x14ac:dyDescent="0.4">
      <c r="A4505">
        <v>4158</v>
      </c>
      <c r="B4505">
        <v>0</v>
      </c>
      <c r="C4505">
        <v>736</v>
      </c>
      <c r="D4505" t="s">
        <v>88</v>
      </c>
      <c r="E4505" s="1">
        <v>44699.665520833332</v>
      </c>
    </row>
    <row r="4506" spans="1:5" x14ac:dyDescent="0.4">
      <c r="A4506">
        <v>4159</v>
      </c>
      <c r="B4506">
        <v>0</v>
      </c>
      <c r="C4506">
        <v>737</v>
      </c>
      <c r="D4506" t="s">
        <v>88</v>
      </c>
      <c r="E4506" s="1">
        <v>44699.665520833332</v>
      </c>
    </row>
    <row r="4507" spans="1:5" x14ac:dyDescent="0.4">
      <c r="A4507">
        <v>4160</v>
      </c>
      <c r="B4507">
        <v>0</v>
      </c>
      <c r="C4507">
        <v>738</v>
      </c>
      <c r="D4507" t="s">
        <v>88</v>
      </c>
      <c r="E4507" s="1">
        <v>44699.665520833332</v>
      </c>
    </row>
    <row r="4508" spans="1:5" x14ac:dyDescent="0.4">
      <c r="A4508">
        <v>4161</v>
      </c>
      <c r="B4508">
        <v>0</v>
      </c>
      <c r="C4508">
        <v>739</v>
      </c>
      <c r="D4508" t="s">
        <v>88</v>
      </c>
      <c r="E4508" s="1">
        <v>44699.665520833332</v>
      </c>
    </row>
    <row r="4509" spans="1:5" x14ac:dyDescent="0.4">
      <c r="A4509">
        <v>4162</v>
      </c>
      <c r="B4509">
        <v>0</v>
      </c>
      <c r="C4509">
        <v>740</v>
      </c>
      <c r="D4509" t="s">
        <v>88</v>
      </c>
      <c r="E4509" s="1">
        <v>44699.665520833332</v>
      </c>
    </row>
    <row r="4510" spans="1:5" x14ac:dyDescent="0.4">
      <c r="A4510">
        <v>4163</v>
      </c>
      <c r="B4510">
        <v>0</v>
      </c>
      <c r="C4510">
        <v>741</v>
      </c>
      <c r="D4510" t="s">
        <v>88</v>
      </c>
      <c r="E4510" s="1">
        <v>44699.665520833332</v>
      </c>
    </row>
    <row r="4511" spans="1:5" x14ac:dyDescent="0.4">
      <c r="A4511">
        <v>4164</v>
      </c>
      <c r="B4511">
        <v>0</v>
      </c>
      <c r="C4511">
        <v>742</v>
      </c>
      <c r="D4511" t="s">
        <v>88</v>
      </c>
      <c r="E4511" s="1">
        <v>44699.665520833332</v>
      </c>
    </row>
    <row r="4512" spans="1:5" x14ac:dyDescent="0.4">
      <c r="A4512">
        <v>4165</v>
      </c>
      <c r="B4512">
        <v>0</v>
      </c>
      <c r="C4512">
        <v>751</v>
      </c>
      <c r="D4512" t="s">
        <v>88</v>
      </c>
      <c r="E4512" s="1">
        <v>44699.665520833332</v>
      </c>
    </row>
    <row r="4513" spans="1:5" x14ac:dyDescent="0.4">
      <c r="A4513">
        <v>4166</v>
      </c>
      <c r="B4513">
        <v>0</v>
      </c>
      <c r="C4513">
        <v>752</v>
      </c>
      <c r="D4513" t="s">
        <v>88</v>
      </c>
      <c r="E4513" s="1">
        <v>44699.665520833332</v>
      </c>
    </row>
    <row r="4514" spans="1:5" x14ac:dyDescent="0.4">
      <c r="A4514">
        <v>4167</v>
      </c>
      <c r="B4514">
        <v>0</v>
      </c>
      <c r="C4514">
        <v>758</v>
      </c>
      <c r="D4514" t="s">
        <v>88</v>
      </c>
      <c r="E4514" s="1">
        <v>44699.665520833332</v>
      </c>
    </row>
    <row r="4515" spans="1:5" x14ac:dyDescent="0.4">
      <c r="A4515">
        <v>4168</v>
      </c>
      <c r="B4515">
        <v>0</v>
      </c>
      <c r="C4515">
        <v>759</v>
      </c>
      <c r="D4515" t="s">
        <v>88</v>
      </c>
      <c r="E4515" s="1">
        <v>44699.665520833332</v>
      </c>
    </row>
    <row r="4516" spans="1:5" x14ac:dyDescent="0.4">
      <c r="A4516">
        <v>4169</v>
      </c>
      <c r="B4516">
        <v>0</v>
      </c>
      <c r="C4516">
        <v>761</v>
      </c>
      <c r="D4516" t="s">
        <v>88</v>
      </c>
      <c r="E4516" s="1">
        <v>44699.665520833332</v>
      </c>
    </row>
    <row r="4517" spans="1:5" x14ac:dyDescent="0.4">
      <c r="A4517">
        <v>4170</v>
      </c>
      <c r="B4517">
        <v>0</v>
      </c>
      <c r="C4517">
        <v>762</v>
      </c>
      <c r="D4517" t="s">
        <v>88</v>
      </c>
      <c r="E4517" s="1">
        <v>44699.665520833332</v>
      </c>
    </row>
    <row r="4518" spans="1:5" x14ac:dyDescent="0.4">
      <c r="A4518">
        <v>4171</v>
      </c>
      <c r="B4518">
        <v>0</v>
      </c>
      <c r="C4518">
        <v>763</v>
      </c>
      <c r="D4518" t="s">
        <v>88</v>
      </c>
      <c r="E4518" s="1">
        <v>44699.665520833332</v>
      </c>
    </row>
    <row r="4519" spans="1:5" x14ac:dyDescent="0.4">
      <c r="A4519">
        <v>4172</v>
      </c>
      <c r="B4519">
        <v>0</v>
      </c>
      <c r="C4519">
        <v>791</v>
      </c>
      <c r="D4519" t="s">
        <v>88</v>
      </c>
      <c r="E4519" s="1">
        <v>44699.665520833332</v>
      </c>
    </row>
    <row r="4520" spans="1:5" x14ac:dyDescent="0.4">
      <c r="A4520">
        <v>4173</v>
      </c>
      <c r="B4520">
        <v>0</v>
      </c>
      <c r="C4520">
        <v>792</v>
      </c>
      <c r="D4520" t="s">
        <v>88</v>
      </c>
      <c r="E4520" s="1">
        <v>44699.665520833332</v>
      </c>
    </row>
    <row r="4521" spans="1:5" x14ac:dyDescent="0.4">
      <c r="A4521">
        <v>4174</v>
      </c>
      <c r="B4521">
        <v>0</v>
      </c>
      <c r="C4521">
        <v>806</v>
      </c>
      <c r="D4521" t="s">
        <v>88</v>
      </c>
      <c r="E4521" s="1">
        <v>44699.665520833332</v>
      </c>
    </row>
    <row r="4522" spans="1:5" x14ac:dyDescent="0.4">
      <c r="A4522">
        <v>4175</v>
      </c>
      <c r="B4522">
        <v>0</v>
      </c>
      <c r="C4522">
        <v>811</v>
      </c>
      <c r="D4522" t="s">
        <v>88</v>
      </c>
      <c r="E4522" s="1">
        <v>44699.665520833332</v>
      </c>
    </row>
    <row r="4523" spans="1:5" x14ac:dyDescent="0.4">
      <c r="A4523">
        <v>4176</v>
      </c>
      <c r="B4523">
        <v>0</v>
      </c>
      <c r="C4523">
        <v>815</v>
      </c>
      <c r="D4523" t="s">
        <v>88</v>
      </c>
      <c r="E4523" s="1">
        <v>44699.665520833332</v>
      </c>
    </row>
    <row r="4524" spans="1:5" x14ac:dyDescent="0.4">
      <c r="A4524">
        <v>4177</v>
      </c>
      <c r="B4524">
        <v>0</v>
      </c>
      <c r="C4524">
        <v>817</v>
      </c>
      <c r="D4524" t="s">
        <v>88</v>
      </c>
      <c r="E4524" s="1">
        <v>44699.665520833332</v>
      </c>
    </row>
    <row r="4525" spans="1:5" x14ac:dyDescent="0.4">
      <c r="A4525">
        <v>4178</v>
      </c>
      <c r="B4525">
        <v>0</v>
      </c>
      <c r="C4525">
        <v>831</v>
      </c>
      <c r="D4525" t="s">
        <v>88</v>
      </c>
      <c r="E4525" s="1">
        <v>44699.665520833332</v>
      </c>
    </row>
    <row r="4526" spans="1:5" x14ac:dyDescent="0.4">
      <c r="A4526">
        <v>4179</v>
      </c>
      <c r="B4526">
        <v>0</v>
      </c>
      <c r="C4526">
        <v>832</v>
      </c>
      <c r="D4526" t="s">
        <v>88</v>
      </c>
      <c r="E4526" s="1">
        <v>44699.665520833332</v>
      </c>
    </row>
    <row r="4527" spans="1:5" x14ac:dyDescent="0.4">
      <c r="A4527">
        <v>4180</v>
      </c>
      <c r="B4527">
        <v>0</v>
      </c>
      <c r="C4527">
        <v>834</v>
      </c>
      <c r="D4527" t="s">
        <v>88</v>
      </c>
      <c r="E4527" s="1">
        <v>44699.665520833332</v>
      </c>
    </row>
    <row r="4528" spans="1:5" x14ac:dyDescent="0.4">
      <c r="A4528">
        <v>4181</v>
      </c>
      <c r="B4528">
        <v>0</v>
      </c>
      <c r="C4528">
        <v>837</v>
      </c>
      <c r="D4528" t="s">
        <v>88</v>
      </c>
      <c r="E4528" s="1">
        <v>44699.665520833332</v>
      </c>
    </row>
    <row r="4529" spans="1:5" x14ac:dyDescent="0.4">
      <c r="A4529">
        <v>4182</v>
      </c>
      <c r="B4529">
        <v>0</v>
      </c>
      <c r="C4529">
        <v>838</v>
      </c>
      <c r="D4529" t="s">
        <v>88</v>
      </c>
      <c r="E4529" s="1">
        <v>44699.665520833332</v>
      </c>
    </row>
    <row r="4530" spans="1:5" x14ac:dyDescent="0.4">
      <c r="A4530">
        <v>4183</v>
      </c>
      <c r="B4530">
        <v>0</v>
      </c>
      <c r="C4530">
        <v>839</v>
      </c>
      <c r="D4530" t="s">
        <v>88</v>
      </c>
      <c r="E4530" s="1">
        <v>44699.665520833332</v>
      </c>
    </row>
    <row r="4531" spans="1:5" x14ac:dyDescent="0.4">
      <c r="A4531">
        <v>4184</v>
      </c>
      <c r="B4531">
        <v>0</v>
      </c>
      <c r="C4531">
        <v>840</v>
      </c>
      <c r="D4531" t="s">
        <v>88</v>
      </c>
      <c r="E4531" s="1">
        <v>44699.665520833332</v>
      </c>
    </row>
    <row r="4532" spans="1:5" x14ac:dyDescent="0.4">
      <c r="A4532">
        <v>4185</v>
      </c>
      <c r="B4532">
        <v>0</v>
      </c>
      <c r="C4532">
        <v>841</v>
      </c>
      <c r="D4532" t="s">
        <v>88</v>
      </c>
      <c r="E4532" s="1">
        <v>44699.665520833332</v>
      </c>
    </row>
    <row r="4533" spans="1:5" x14ac:dyDescent="0.4">
      <c r="A4533">
        <v>4186</v>
      </c>
      <c r="B4533">
        <v>0</v>
      </c>
      <c r="C4533">
        <v>842</v>
      </c>
      <c r="D4533" t="s">
        <v>88</v>
      </c>
      <c r="E4533" s="1">
        <v>44699.665520833332</v>
      </c>
    </row>
    <row r="4534" spans="1:5" x14ac:dyDescent="0.4">
      <c r="A4534">
        <v>4187</v>
      </c>
      <c r="B4534">
        <v>0</v>
      </c>
      <c r="C4534">
        <v>844</v>
      </c>
      <c r="D4534" t="s">
        <v>88</v>
      </c>
      <c r="E4534" s="1">
        <v>44699.665520833332</v>
      </c>
    </row>
    <row r="4535" spans="1:5" x14ac:dyDescent="0.4">
      <c r="A4535">
        <v>4188</v>
      </c>
      <c r="B4535">
        <v>0</v>
      </c>
      <c r="C4535">
        <v>849</v>
      </c>
      <c r="D4535" t="s">
        <v>88</v>
      </c>
      <c r="E4535" s="1">
        <v>44699.665520833332</v>
      </c>
    </row>
    <row r="4536" spans="1:5" x14ac:dyDescent="0.4">
      <c r="A4536">
        <v>4189</v>
      </c>
      <c r="B4536">
        <v>0</v>
      </c>
      <c r="C4536">
        <v>850</v>
      </c>
      <c r="D4536" t="s">
        <v>88</v>
      </c>
      <c r="E4536" s="1">
        <v>44699.665520833332</v>
      </c>
    </row>
    <row r="4537" spans="1:5" x14ac:dyDescent="0.4">
      <c r="A4537">
        <v>4190</v>
      </c>
      <c r="B4537">
        <v>0</v>
      </c>
      <c r="C4537">
        <v>854</v>
      </c>
      <c r="D4537" t="s">
        <v>88</v>
      </c>
      <c r="E4537" s="1">
        <v>44699.665520833332</v>
      </c>
    </row>
    <row r="4538" spans="1:5" x14ac:dyDescent="0.4">
      <c r="A4538">
        <v>4191</v>
      </c>
      <c r="B4538">
        <v>0</v>
      </c>
      <c r="C4538">
        <v>896</v>
      </c>
      <c r="D4538" t="s">
        <v>88</v>
      </c>
      <c r="E4538" s="1">
        <v>44699.665520833332</v>
      </c>
    </row>
    <row r="4539" spans="1:5" x14ac:dyDescent="0.4">
      <c r="A4539">
        <v>4192</v>
      </c>
      <c r="B4539">
        <v>0</v>
      </c>
      <c r="C4539">
        <v>897</v>
      </c>
      <c r="D4539" t="s">
        <v>88</v>
      </c>
      <c r="E4539" s="1">
        <v>44699.665520833332</v>
      </c>
    </row>
    <row r="4540" spans="1:5" x14ac:dyDescent="0.4">
      <c r="A4540">
        <v>4193</v>
      </c>
      <c r="B4540">
        <v>0</v>
      </c>
      <c r="C4540">
        <v>935</v>
      </c>
      <c r="D4540" t="s">
        <v>88</v>
      </c>
      <c r="E4540" s="1">
        <v>44699.665520833332</v>
      </c>
    </row>
    <row r="4541" spans="1:5" x14ac:dyDescent="0.4">
      <c r="A4541">
        <v>4194</v>
      </c>
      <c r="B4541">
        <v>0</v>
      </c>
      <c r="C4541">
        <v>947</v>
      </c>
      <c r="D4541" t="s">
        <v>88</v>
      </c>
      <c r="E4541" s="1">
        <v>44699.665520833332</v>
      </c>
    </row>
    <row r="4542" spans="1:5" x14ac:dyDescent="0.4">
      <c r="A4542">
        <v>4195</v>
      </c>
      <c r="B4542">
        <v>0</v>
      </c>
      <c r="C4542">
        <v>1105</v>
      </c>
      <c r="D4542" t="s">
        <v>88</v>
      </c>
      <c r="E4542" s="1">
        <v>44699.665520833332</v>
      </c>
    </row>
    <row r="4543" spans="1:5" x14ac:dyDescent="0.4">
      <c r="A4543">
        <v>4196</v>
      </c>
      <c r="B4543">
        <v>0</v>
      </c>
      <c r="C4543">
        <v>1158</v>
      </c>
      <c r="D4543" t="s">
        <v>88</v>
      </c>
      <c r="E4543" s="1">
        <v>44699.665520833332</v>
      </c>
    </row>
    <row r="4544" spans="1:5" x14ac:dyDescent="0.4">
      <c r="A4544">
        <v>4197</v>
      </c>
      <c r="B4544">
        <v>0</v>
      </c>
      <c r="C4544">
        <v>1167</v>
      </c>
      <c r="D4544" t="s">
        <v>88</v>
      </c>
      <c r="E4544" s="1">
        <v>44699.665520833332</v>
      </c>
    </row>
    <row r="4545" spans="1:5" x14ac:dyDescent="0.4">
      <c r="A4545">
        <v>4198</v>
      </c>
      <c r="B4545">
        <v>0</v>
      </c>
      <c r="C4545">
        <v>1169</v>
      </c>
      <c r="D4545" t="s">
        <v>88</v>
      </c>
      <c r="E4545" s="1">
        <v>44699.665520833332</v>
      </c>
    </row>
    <row r="4546" spans="1:5" x14ac:dyDescent="0.4">
      <c r="A4546">
        <v>4199</v>
      </c>
      <c r="B4546">
        <v>0</v>
      </c>
      <c r="C4546">
        <v>1170</v>
      </c>
      <c r="D4546" t="s">
        <v>88</v>
      </c>
      <c r="E4546" s="1">
        <v>44699.665520833332</v>
      </c>
    </row>
    <row r="4547" spans="1:5" x14ac:dyDescent="0.4">
      <c r="A4547">
        <v>4200</v>
      </c>
      <c r="B4547">
        <v>0</v>
      </c>
      <c r="C4547">
        <v>1171</v>
      </c>
      <c r="D4547" t="s">
        <v>88</v>
      </c>
      <c r="E4547" s="1">
        <v>44699.665520833332</v>
      </c>
    </row>
    <row r="4548" spans="1:5" x14ac:dyDescent="0.4">
      <c r="A4548">
        <v>4201</v>
      </c>
      <c r="B4548">
        <v>0</v>
      </c>
      <c r="C4548">
        <v>1172</v>
      </c>
      <c r="D4548" t="s">
        <v>88</v>
      </c>
      <c r="E4548" s="1">
        <v>44699.665520833332</v>
      </c>
    </row>
    <row r="4549" spans="1:5" x14ac:dyDescent="0.4">
      <c r="A4549">
        <v>4202</v>
      </c>
      <c r="B4549">
        <v>0</v>
      </c>
      <c r="C4549">
        <v>1173</v>
      </c>
      <c r="D4549" t="s">
        <v>88</v>
      </c>
      <c r="E4549" s="1">
        <v>44699.665520833332</v>
      </c>
    </row>
    <row r="4550" spans="1:5" x14ac:dyDescent="0.4">
      <c r="A4550">
        <v>4203</v>
      </c>
      <c r="B4550">
        <v>0</v>
      </c>
      <c r="C4550">
        <v>1174</v>
      </c>
      <c r="D4550" t="s">
        <v>88</v>
      </c>
      <c r="E4550" s="1">
        <v>44699.665520833332</v>
      </c>
    </row>
    <row r="4551" spans="1:5" x14ac:dyDescent="0.4">
      <c r="A4551">
        <v>4204</v>
      </c>
      <c r="B4551">
        <v>0</v>
      </c>
      <c r="C4551">
        <v>1175</v>
      </c>
      <c r="D4551" t="s">
        <v>88</v>
      </c>
      <c r="E4551" s="1">
        <v>44699.665520833332</v>
      </c>
    </row>
    <row r="4552" spans="1:5" x14ac:dyDescent="0.4">
      <c r="A4552">
        <v>4205</v>
      </c>
      <c r="B4552">
        <v>0</v>
      </c>
      <c r="C4552">
        <v>1176</v>
      </c>
      <c r="D4552" t="s">
        <v>88</v>
      </c>
      <c r="E4552" s="1">
        <v>44699.665520833332</v>
      </c>
    </row>
    <row r="4553" spans="1:5" x14ac:dyDescent="0.4">
      <c r="A4553">
        <v>4206</v>
      </c>
      <c r="B4553">
        <v>0</v>
      </c>
      <c r="C4553">
        <v>1179</v>
      </c>
      <c r="D4553" t="s">
        <v>88</v>
      </c>
      <c r="E4553" s="1">
        <v>44699.665520833332</v>
      </c>
    </row>
    <row r="4554" spans="1:5" x14ac:dyDescent="0.4">
      <c r="A4554">
        <v>4207</v>
      </c>
      <c r="B4554">
        <v>0</v>
      </c>
      <c r="C4554">
        <v>1181</v>
      </c>
      <c r="D4554" t="s">
        <v>88</v>
      </c>
      <c r="E4554" s="1">
        <v>44699.665520833332</v>
      </c>
    </row>
    <row r="4555" spans="1:5" x14ac:dyDescent="0.4">
      <c r="A4555">
        <v>4208</v>
      </c>
      <c r="B4555">
        <v>0</v>
      </c>
      <c r="C4555">
        <v>1182</v>
      </c>
      <c r="D4555" t="s">
        <v>88</v>
      </c>
      <c r="E4555" s="1">
        <v>44699.665520833332</v>
      </c>
    </row>
    <row r="4556" spans="1:5" x14ac:dyDescent="0.4">
      <c r="A4556">
        <v>4209</v>
      </c>
      <c r="B4556">
        <v>0</v>
      </c>
      <c r="C4556">
        <v>1183</v>
      </c>
      <c r="D4556" t="s">
        <v>88</v>
      </c>
      <c r="E4556" s="1">
        <v>44699.665520833332</v>
      </c>
    </row>
    <row r="4557" spans="1:5" x14ac:dyDescent="0.4">
      <c r="A4557">
        <v>4210</v>
      </c>
      <c r="B4557">
        <v>0</v>
      </c>
      <c r="C4557">
        <v>1184</v>
      </c>
      <c r="D4557" t="s">
        <v>88</v>
      </c>
      <c r="E4557" s="1">
        <v>44699.665520833332</v>
      </c>
    </row>
    <row r="4558" spans="1:5" x14ac:dyDescent="0.4">
      <c r="A4558">
        <v>4211</v>
      </c>
      <c r="B4558">
        <v>0</v>
      </c>
      <c r="C4558">
        <v>1185</v>
      </c>
      <c r="D4558" t="s">
        <v>88</v>
      </c>
      <c r="E4558" s="1">
        <v>44699.665520833332</v>
      </c>
    </row>
    <row r="4559" spans="1:5" x14ac:dyDescent="0.4">
      <c r="A4559">
        <v>4212</v>
      </c>
      <c r="B4559">
        <v>0</v>
      </c>
      <c r="C4559">
        <v>1186</v>
      </c>
      <c r="D4559" t="s">
        <v>88</v>
      </c>
      <c r="E4559" s="1">
        <v>44699.665520833332</v>
      </c>
    </row>
    <row r="4560" spans="1:5" x14ac:dyDescent="0.4">
      <c r="A4560">
        <v>4213</v>
      </c>
      <c r="B4560">
        <v>0</v>
      </c>
      <c r="C4560">
        <v>1187</v>
      </c>
      <c r="D4560" t="s">
        <v>88</v>
      </c>
      <c r="E4560" s="1">
        <v>44699.665520833332</v>
      </c>
    </row>
    <row r="4561" spans="1:5" x14ac:dyDescent="0.4">
      <c r="A4561">
        <v>4214</v>
      </c>
      <c r="B4561">
        <v>0</v>
      </c>
      <c r="C4561">
        <v>1190</v>
      </c>
      <c r="D4561" t="s">
        <v>88</v>
      </c>
      <c r="E4561" s="1">
        <v>44699.665520833332</v>
      </c>
    </row>
    <row r="4562" spans="1:5" x14ac:dyDescent="0.4">
      <c r="A4562">
        <v>4215</v>
      </c>
      <c r="B4562">
        <v>0</v>
      </c>
      <c r="C4562">
        <v>1191</v>
      </c>
      <c r="D4562" t="s">
        <v>88</v>
      </c>
      <c r="E4562" s="1">
        <v>44699.665520833332</v>
      </c>
    </row>
    <row r="4563" spans="1:5" x14ac:dyDescent="0.4">
      <c r="A4563">
        <v>4216</v>
      </c>
      <c r="B4563">
        <v>0</v>
      </c>
      <c r="C4563">
        <v>1192</v>
      </c>
      <c r="D4563" t="s">
        <v>88</v>
      </c>
      <c r="E4563" s="1">
        <v>44699.665520833332</v>
      </c>
    </row>
    <row r="4564" spans="1:5" x14ac:dyDescent="0.4">
      <c r="A4564">
        <v>4217</v>
      </c>
      <c r="B4564">
        <v>0</v>
      </c>
      <c r="C4564">
        <v>1193</v>
      </c>
      <c r="D4564" t="s">
        <v>88</v>
      </c>
      <c r="E4564" s="1">
        <v>44699.665520833332</v>
      </c>
    </row>
    <row r="4565" spans="1:5" x14ac:dyDescent="0.4">
      <c r="A4565">
        <v>4218</v>
      </c>
      <c r="B4565">
        <v>0</v>
      </c>
      <c r="C4565">
        <v>1194</v>
      </c>
      <c r="D4565" t="s">
        <v>88</v>
      </c>
      <c r="E4565" s="1">
        <v>44699.665520833332</v>
      </c>
    </row>
    <row r="4566" spans="1:5" x14ac:dyDescent="0.4">
      <c r="A4566">
        <v>4219</v>
      </c>
      <c r="B4566">
        <v>0</v>
      </c>
      <c r="C4566">
        <v>1199</v>
      </c>
      <c r="D4566" t="s">
        <v>88</v>
      </c>
      <c r="E4566" s="1">
        <v>44699.665520833332</v>
      </c>
    </row>
    <row r="4567" spans="1:5" x14ac:dyDescent="0.4">
      <c r="A4567">
        <v>4220</v>
      </c>
      <c r="B4567">
        <v>0</v>
      </c>
      <c r="C4567">
        <v>1231</v>
      </c>
      <c r="D4567" t="s">
        <v>88</v>
      </c>
      <c r="E4567" s="1">
        <v>44699.665520833332</v>
      </c>
    </row>
    <row r="4568" spans="1:5" x14ac:dyDescent="0.4">
      <c r="A4568">
        <v>4221</v>
      </c>
      <c r="B4568">
        <v>0</v>
      </c>
      <c r="C4568">
        <v>1232</v>
      </c>
      <c r="D4568" t="s">
        <v>88</v>
      </c>
      <c r="E4568" s="1">
        <v>44699.665520833332</v>
      </c>
    </row>
    <row r="4569" spans="1:5" x14ac:dyDescent="0.4">
      <c r="A4569">
        <v>4222</v>
      </c>
      <c r="B4569">
        <v>0</v>
      </c>
      <c r="C4569">
        <v>1233</v>
      </c>
      <c r="D4569" t="s">
        <v>88</v>
      </c>
      <c r="E4569" s="1">
        <v>44699.665520833332</v>
      </c>
    </row>
    <row r="4570" spans="1:5" x14ac:dyDescent="0.4">
      <c r="A4570">
        <v>4223</v>
      </c>
      <c r="B4570">
        <v>0</v>
      </c>
      <c r="C4570">
        <v>1234</v>
      </c>
      <c r="D4570" t="s">
        <v>88</v>
      </c>
      <c r="E4570" s="1">
        <v>44699.665520833332</v>
      </c>
    </row>
    <row r="4571" spans="1:5" x14ac:dyDescent="0.4">
      <c r="A4571">
        <v>4224</v>
      </c>
      <c r="B4571">
        <v>0</v>
      </c>
      <c r="C4571">
        <v>1235</v>
      </c>
      <c r="D4571" t="s">
        <v>88</v>
      </c>
      <c r="E4571" s="1">
        <v>44699.665520833332</v>
      </c>
    </row>
    <row r="4572" spans="1:5" x14ac:dyDescent="0.4">
      <c r="A4572">
        <v>4225</v>
      </c>
      <c r="B4572">
        <v>0</v>
      </c>
      <c r="C4572">
        <v>1236</v>
      </c>
      <c r="D4572" t="s">
        <v>88</v>
      </c>
      <c r="E4572" s="1">
        <v>44699.665520833332</v>
      </c>
    </row>
    <row r="4573" spans="1:5" x14ac:dyDescent="0.4">
      <c r="A4573">
        <v>4226</v>
      </c>
      <c r="B4573">
        <v>0</v>
      </c>
      <c r="C4573">
        <v>1259</v>
      </c>
      <c r="D4573" t="s">
        <v>88</v>
      </c>
      <c r="E4573" s="1">
        <v>44699.665520833332</v>
      </c>
    </row>
    <row r="4574" spans="1:5" x14ac:dyDescent="0.4">
      <c r="A4574">
        <v>4227</v>
      </c>
      <c r="B4574">
        <v>0</v>
      </c>
      <c r="C4574">
        <v>1280</v>
      </c>
      <c r="D4574" t="s">
        <v>88</v>
      </c>
      <c r="E4574" s="1">
        <v>44699.665520833332</v>
      </c>
    </row>
    <row r="4575" spans="1:5" x14ac:dyDescent="0.4">
      <c r="A4575">
        <v>4228</v>
      </c>
      <c r="B4575">
        <v>0</v>
      </c>
      <c r="C4575">
        <v>1322</v>
      </c>
      <c r="D4575" t="s">
        <v>88</v>
      </c>
      <c r="E4575" s="1">
        <v>44699.665520833332</v>
      </c>
    </row>
    <row r="4576" spans="1:5" x14ac:dyDescent="0.4">
      <c r="A4576">
        <v>4229</v>
      </c>
      <c r="B4576">
        <v>0</v>
      </c>
      <c r="C4576">
        <v>1325</v>
      </c>
      <c r="D4576" t="s">
        <v>88</v>
      </c>
      <c r="E4576" s="1">
        <v>44699.665520833332</v>
      </c>
    </row>
    <row r="4577" spans="1:5" x14ac:dyDescent="0.4">
      <c r="A4577">
        <v>4230</v>
      </c>
      <c r="B4577">
        <v>0</v>
      </c>
      <c r="C4577">
        <v>1326</v>
      </c>
      <c r="D4577" t="s">
        <v>88</v>
      </c>
      <c r="E4577" s="1">
        <v>44699.665520833332</v>
      </c>
    </row>
    <row r="4578" spans="1:5" x14ac:dyDescent="0.4">
      <c r="A4578">
        <v>4231</v>
      </c>
      <c r="B4578">
        <v>0</v>
      </c>
      <c r="C4578">
        <v>1328</v>
      </c>
      <c r="D4578" t="s">
        <v>88</v>
      </c>
      <c r="E4578" s="1">
        <v>44699.665520833332</v>
      </c>
    </row>
    <row r="4579" spans="1:5" x14ac:dyDescent="0.4">
      <c r="A4579">
        <v>4232</v>
      </c>
      <c r="B4579">
        <v>0</v>
      </c>
      <c r="C4579">
        <v>1347</v>
      </c>
      <c r="D4579" t="s">
        <v>88</v>
      </c>
      <c r="E4579" s="1">
        <v>44699.665520833332</v>
      </c>
    </row>
    <row r="4580" spans="1:5" x14ac:dyDescent="0.4">
      <c r="A4580">
        <v>4233</v>
      </c>
      <c r="B4580">
        <v>0</v>
      </c>
      <c r="C4580">
        <v>1350</v>
      </c>
      <c r="D4580" t="s">
        <v>88</v>
      </c>
      <c r="E4580" s="1">
        <v>44699.665520833332</v>
      </c>
    </row>
    <row r="4581" spans="1:5" x14ac:dyDescent="0.4">
      <c r="A4581">
        <v>4234</v>
      </c>
      <c r="B4581">
        <v>0</v>
      </c>
      <c r="C4581">
        <v>1353</v>
      </c>
      <c r="D4581" t="s">
        <v>88</v>
      </c>
      <c r="E4581" s="1">
        <v>44699.665520833332</v>
      </c>
    </row>
    <row r="4582" spans="1:5" x14ac:dyDescent="0.4">
      <c r="A4582">
        <v>4235</v>
      </c>
      <c r="B4582">
        <v>0</v>
      </c>
      <c r="C4582">
        <v>1354</v>
      </c>
      <c r="D4582" t="s">
        <v>88</v>
      </c>
      <c r="E4582" s="1">
        <v>44699.665520833332</v>
      </c>
    </row>
    <row r="4583" spans="1:5" x14ac:dyDescent="0.4">
      <c r="A4583">
        <v>4236</v>
      </c>
      <c r="B4583">
        <v>0</v>
      </c>
      <c r="C4583">
        <v>1356</v>
      </c>
      <c r="D4583" t="s">
        <v>88</v>
      </c>
      <c r="E4583" s="1">
        <v>44699.665520833332</v>
      </c>
    </row>
    <row r="4584" spans="1:5" x14ac:dyDescent="0.4">
      <c r="A4584">
        <v>4237</v>
      </c>
      <c r="B4584">
        <v>0</v>
      </c>
      <c r="C4584">
        <v>1360</v>
      </c>
      <c r="D4584" t="s">
        <v>88</v>
      </c>
      <c r="E4584" s="1">
        <v>44699.665520833332</v>
      </c>
    </row>
    <row r="4585" spans="1:5" x14ac:dyDescent="0.4">
      <c r="A4585">
        <v>4238</v>
      </c>
      <c r="B4585">
        <v>0</v>
      </c>
      <c r="C4585">
        <v>1366</v>
      </c>
      <c r="D4585" t="s">
        <v>88</v>
      </c>
      <c r="E4585" s="1">
        <v>44699.665520833332</v>
      </c>
    </row>
    <row r="4586" spans="1:5" x14ac:dyDescent="0.4">
      <c r="A4586">
        <v>4239</v>
      </c>
      <c r="B4586">
        <v>0</v>
      </c>
      <c r="C4586">
        <v>1367</v>
      </c>
      <c r="D4586" t="s">
        <v>88</v>
      </c>
      <c r="E4586" s="1">
        <v>44699.665520833332</v>
      </c>
    </row>
    <row r="4587" spans="1:5" x14ac:dyDescent="0.4">
      <c r="A4587">
        <v>4240</v>
      </c>
      <c r="B4587">
        <v>0</v>
      </c>
      <c r="C4587">
        <v>1368</v>
      </c>
      <c r="D4587" t="s">
        <v>88</v>
      </c>
      <c r="E4587" s="1">
        <v>44699.665520833332</v>
      </c>
    </row>
    <row r="4588" spans="1:5" x14ac:dyDescent="0.4">
      <c r="A4588">
        <v>4241</v>
      </c>
      <c r="B4588">
        <v>0</v>
      </c>
      <c r="C4588">
        <v>1369</v>
      </c>
      <c r="D4588" t="s">
        <v>88</v>
      </c>
      <c r="E4588" s="1">
        <v>44699.665520833332</v>
      </c>
    </row>
    <row r="4589" spans="1:5" x14ac:dyDescent="0.4">
      <c r="A4589">
        <v>4242</v>
      </c>
      <c r="B4589">
        <v>0</v>
      </c>
      <c r="C4589">
        <v>1375</v>
      </c>
      <c r="D4589" t="s">
        <v>88</v>
      </c>
      <c r="E4589" s="1">
        <v>44699.665520833332</v>
      </c>
    </row>
    <row r="4590" spans="1:5" x14ac:dyDescent="0.4">
      <c r="A4590">
        <v>4243</v>
      </c>
      <c r="B4590">
        <v>0</v>
      </c>
      <c r="C4590">
        <v>1379</v>
      </c>
      <c r="D4590" t="s">
        <v>88</v>
      </c>
      <c r="E4590" s="1">
        <v>44699.665520833332</v>
      </c>
    </row>
    <row r="4591" spans="1:5" x14ac:dyDescent="0.4">
      <c r="A4591">
        <v>4244</v>
      </c>
      <c r="B4591">
        <v>0</v>
      </c>
      <c r="C4591">
        <v>1380</v>
      </c>
      <c r="D4591" t="s">
        <v>88</v>
      </c>
      <c r="E4591" s="1">
        <v>44699.665520833332</v>
      </c>
    </row>
    <row r="4592" spans="1:5" x14ac:dyDescent="0.4">
      <c r="A4592">
        <v>4245</v>
      </c>
      <c r="B4592">
        <v>0</v>
      </c>
      <c r="C4592">
        <v>1381</v>
      </c>
      <c r="D4592" t="s">
        <v>88</v>
      </c>
      <c r="E4592" s="1">
        <v>44699.665520833332</v>
      </c>
    </row>
    <row r="4593" spans="1:5" x14ac:dyDescent="0.4">
      <c r="A4593">
        <v>4246</v>
      </c>
      <c r="B4593">
        <v>0</v>
      </c>
      <c r="C4593">
        <v>1383</v>
      </c>
      <c r="D4593" t="s">
        <v>88</v>
      </c>
      <c r="E4593" s="1">
        <v>44699.665520833332</v>
      </c>
    </row>
    <row r="4594" spans="1:5" x14ac:dyDescent="0.4">
      <c r="A4594">
        <v>4247</v>
      </c>
      <c r="B4594">
        <v>0</v>
      </c>
      <c r="C4594">
        <v>1385</v>
      </c>
      <c r="D4594" t="s">
        <v>88</v>
      </c>
      <c r="E4594" s="1">
        <v>44699.665520833332</v>
      </c>
    </row>
    <row r="4595" spans="1:5" x14ac:dyDescent="0.4">
      <c r="A4595">
        <v>4248</v>
      </c>
      <c r="B4595">
        <v>0</v>
      </c>
      <c r="C4595">
        <v>1396</v>
      </c>
      <c r="D4595" t="s">
        <v>88</v>
      </c>
      <c r="E4595" s="1">
        <v>44699.665520833332</v>
      </c>
    </row>
    <row r="4596" spans="1:5" x14ac:dyDescent="0.4">
      <c r="A4596">
        <v>4249</v>
      </c>
      <c r="B4596">
        <v>0</v>
      </c>
      <c r="C4596">
        <v>1398</v>
      </c>
      <c r="D4596" t="s">
        <v>88</v>
      </c>
      <c r="E4596" s="1">
        <v>44699.665520833332</v>
      </c>
    </row>
    <row r="4597" spans="1:5" x14ac:dyDescent="0.4">
      <c r="A4597">
        <v>4250</v>
      </c>
      <c r="B4597">
        <v>0</v>
      </c>
      <c r="C4597">
        <v>1399</v>
      </c>
      <c r="D4597" t="s">
        <v>88</v>
      </c>
      <c r="E4597" s="1">
        <v>44699.665520833332</v>
      </c>
    </row>
    <row r="4598" spans="1:5" x14ac:dyDescent="0.4">
      <c r="A4598">
        <v>4251</v>
      </c>
      <c r="B4598">
        <v>0</v>
      </c>
      <c r="C4598">
        <v>1400</v>
      </c>
      <c r="D4598" t="s">
        <v>88</v>
      </c>
      <c r="E4598" s="1">
        <v>44699.665520833332</v>
      </c>
    </row>
    <row r="4599" spans="1:5" x14ac:dyDescent="0.4">
      <c r="A4599">
        <v>4252</v>
      </c>
      <c r="B4599">
        <v>0</v>
      </c>
      <c r="C4599">
        <v>1401</v>
      </c>
      <c r="D4599" t="s">
        <v>88</v>
      </c>
      <c r="E4599" s="1">
        <v>44699.665520833332</v>
      </c>
    </row>
    <row r="4600" spans="1:5" x14ac:dyDescent="0.4">
      <c r="A4600">
        <v>4253</v>
      </c>
      <c r="B4600">
        <v>0</v>
      </c>
      <c r="C4600">
        <v>1402</v>
      </c>
      <c r="D4600" t="s">
        <v>88</v>
      </c>
      <c r="E4600" s="1">
        <v>44699.665520833332</v>
      </c>
    </row>
    <row r="4601" spans="1:5" x14ac:dyDescent="0.4">
      <c r="A4601">
        <v>4254</v>
      </c>
      <c r="B4601">
        <v>0</v>
      </c>
      <c r="C4601">
        <v>1403</v>
      </c>
      <c r="D4601" t="s">
        <v>88</v>
      </c>
      <c r="E4601" s="1">
        <v>44699.665520833332</v>
      </c>
    </row>
    <row r="4602" spans="1:5" x14ac:dyDescent="0.4">
      <c r="A4602">
        <v>4255</v>
      </c>
      <c r="B4602">
        <v>0</v>
      </c>
      <c r="C4602">
        <v>1410</v>
      </c>
      <c r="D4602" t="s">
        <v>88</v>
      </c>
      <c r="E4602" s="1">
        <v>44699.665520833332</v>
      </c>
    </row>
    <row r="4603" spans="1:5" x14ac:dyDescent="0.4">
      <c r="A4603">
        <v>4256</v>
      </c>
      <c r="B4603">
        <v>0</v>
      </c>
      <c r="C4603">
        <v>1416</v>
      </c>
      <c r="D4603" t="s">
        <v>88</v>
      </c>
      <c r="E4603" s="1">
        <v>44699.665520833332</v>
      </c>
    </row>
    <row r="4604" spans="1:5" x14ac:dyDescent="0.4">
      <c r="A4604">
        <v>4257</v>
      </c>
      <c r="B4604">
        <v>0</v>
      </c>
      <c r="C4604">
        <v>1421</v>
      </c>
      <c r="D4604" t="s">
        <v>88</v>
      </c>
      <c r="E4604" s="1">
        <v>44699.665520833332</v>
      </c>
    </row>
    <row r="4605" spans="1:5" x14ac:dyDescent="0.4">
      <c r="A4605">
        <v>4258</v>
      </c>
      <c r="B4605">
        <v>0</v>
      </c>
      <c r="C4605">
        <v>1429</v>
      </c>
      <c r="D4605" t="s">
        <v>88</v>
      </c>
      <c r="E4605" s="1">
        <v>44699.665520833332</v>
      </c>
    </row>
    <row r="4606" spans="1:5" x14ac:dyDescent="0.4">
      <c r="A4606">
        <v>4259</v>
      </c>
      <c r="B4606">
        <v>0</v>
      </c>
      <c r="C4606">
        <v>1445</v>
      </c>
      <c r="D4606" t="s">
        <v>88</v>
      </c>
      <c r="E4606" s="1">
        <v>44699.665520833332</v>
      </c>
    </row>
    <row r="4607" spans="1:5" x14ac:dyDescent="0.4">
      <c r="A4607">
        <v>4260</v>
      </c>
      <c r="B4607">
        <v>0</v>
      </c>
      <c r="C4607">
        <v>1447</v>
      </c>
      <c r="D4607" t="s">
        <v>88</v>
      </c>
      <c r="E4607" s="1">
        <v>44699.665520833332</v>
      </c>
    </row>
    <row r="4608" spans="1:5" x14ac:dyDescent="0.4">
      <c r="A4608">
        <v>4261</v>
      </c>
      <c r="B4608">
        <v>0</v>
      </c>
      <c r="C4608">
        <v>1448</v>
      </c>
      <c r="D4608" t="s">
        <v>88</v>
      </c>
      <c r="E4608" s="1">
        <v>44699.665520833332</v>
      </c>
    </row>
    <row r="4609" spans="1:5" x14ac:dyDescent="0.4">
      <c r="A4609">
        <v>4262</v>
      </c>
      <c r="B4609">
        <v>0</v>
      </c>
      <c r="C4609">
        <v>1449</v>
      </c>
      <c r="D4609" t="s">
        <v>88</v>
      </c>
      <c r="E4609" s="1">
        <v>44699.665520833332</v>
      </c>
    </row>
    <row r="4610" spans="1:5" x14ac:dyDescent="0.4">
      <c r="A4610">
        <v>4263</v>
      </c>
      <c r="B4610">
        <v>0</v>
      </c>
      <c r="C4610">
        <v>1508</v>
      </c>
      <c r="D4610" t="s">
        <v>88</v>
      </c>
      <c r="E4610" s="1">
        <v>44699.665520833332</v>
      </c>
    </row>
    <row r="4611" spans="1:5" x14ac:dyDescent="0.4">
      <c r="A4611">
        <v>4264</v>
      </c>
      <c r="B4611">
        <v>0</v>
      </c>
      <c r="C4611">
        <v>1509</v>
      </c>
      <c r="D4611" t="s">
        <v>88</v>
      </c>
      <c r="E4611" s="1">
        <v>44699.665520833332</v>
      </c>
    </row>
    <row r="4612" spans="1:5" x14ac:dyDescent="0.4">
      <c r="A4612">
        <v>4265</v>
      </c>
      <c r="B4612">
        <v>0</v>
      </c>
      <c r="C4612">
        <v>1518</v>
      </c>
      <c r="D4612" t="s">
        <v>88</v>
      </c>
      <c r="E4612" s="1">
        <v>44699.665520833332</v>
      </c>
    </row>
    <row r="4613" spans="1:5" x14ac:dyDescent="0.4">
      <c r="A4613">
        <v>4266</v>
      </c>
      <c r="B4613">
        <v>0</v>
      </c>
      <c r="C4613">
        <v>1519</v>
      </c>
      <c r="D4613" t="s">
        <v>88</v>
      </c>
      <c r="E4613" s="1">
        <v>44699.665520833332</v>
      </c>
    </row>
    <row r="4614" spans="1:5" x14ac:dyDescent="0.4">
      <c r="A4614">
        <v>4267</v>
      </c>
      <c r="B4614">
        <v>0</v>
      </c>
      <c r="C4614">
        <v>1520</v>
      </c>
      <c r="D4614" t="s">
        <v>88</v>
      </c>
      <c r="E4614" s="1">
        <v>44699.665520833332</v>
      </c>
    </row>
    <row r="4615" spans="1:5" x14ac:dyDescent="0.4">
      <c r="A4615">
        <v>4268</v>
      </c>
      <c r="B4615">
        <v>0</v>
      </c>
      <c r="C4615">
        <v>1522</v>
      </c>
      <c r="D4615" t="s">
        <v>88</v>
      </c>
      <c r="E4615" s="1">
        <v>44699.665520833332</v>
      </c>
    </row>
    <row r="4616" spans="1:5" x14ac:dyDescent="0.4">
      <c r="A4616">
        <v>4269</v>
      </c>
      <c r="B4616">
        <v>0</v>
      </c>
      <c r="C4616">
        <v>1523</v>
      </c>
      <c r="D4616" t="s">
        <v>88</v>
      </c>
      <c r="E4616" s="1">
        <v>44699.665520833332</v>
      </c>
    </row>
    <row r="4617" spans="1:5" x14ac:dyDescent="0.4">
      <c r="A4617">
        <v>4270</v>
      </c>
      <c r="B4617">
        <v>0</v>
      </c>
      <c r="C4617">
        <v>1525</v>
      </c>
      <c r="D4617" t="s">
        <v>88</v>
      </c>
      <c r="E4617" s="1">
        <v>44699.665520833332</v>
      </c>
    </row>
    <row r="4618" spans="1:5" x14ac:dyDescent="0.4">
      <c r="A4618">
        <v>4271</v>
      </c>
      <c r="B4618">
        <v>0</v>
      </c>
      <c r="C4618">
        <v>1528</v>
      </c>
      <c r="D4618" t="s">
        <v>88</v>
      </c>
      <c r="E4618" s="1">
        <v>44699.665520833332</v>
      </c>
    </row>
    <row r="4619" spans="1:5" x14ac:dyDescent="0.4">
      <c r="A4619">
        <v>4272</v>
      </c>
      <c r="B4619">
        <v>0</v>
      </c>
      <c r="C4619">
        <v>1532</v>
      </c>
      <c r="D4619" t="s">
        <v>88</v>
      </c>
      <c r="E4619" s="1">
        <v>44699.665520833332</v>
      </c>
    </row>
    <row r="4620" spans="1:5" x14ac:dyDescent="0.4">
      <c r="A4620">
        <v>4273</v>
      </c>
      <c r="B4620">
        <v>0</v>
      </c>
      <c r="C4620">
        <v>1538</v>
      </c>
      <c r="D4620" t="s">
        <v>88</v>
      </c>
      <c r="E4620" s="1">
        <v>44699.665520833332</v>
      </c>
    </row>
    <row r="4621" spans="1:5" x14ac:dyDescent="0.4">
      <c r="A4621">
        <v>4274</v>
      </c>
      <c r="B4621">
        <v>0</v>
      </c>
      <c r="C4621">
        <v>1547</v>
      </c>
      <c r="D4621" t="s">
        <v>88</v>
      </c>
      <c r="E4621" s="1">
        <v>44699.665520833332</v>
      </c>
    </row>
    <row r="4622" spans="1:5" x14ac:dyDescent="0.4">
      <c r="A4622">
        <v>4275</v>
      </c>
      <c r="B4622">
        <v>0</v>
      </c>
      <c r="C4622">
        <v>1562</v>
      </c>
      <c r="D4622" t="s">
        <v>88</v>
      </c>
      <c r="E4622" s="1">
        <v>44699.665520833332</v>
      </c>
    </row>
    <row r="4623" spans="1:5" x14ac:dyDescent="0.4">
      <c r="A4623">
        <v>4276</v>
      </c>
      <c r="B4623">
        <v>0</v>
      </c>
      <c r="C4623">
        <v>1563</v>
      </c>
      <c r="D4623" t="s">
        <v>88</v>
      </c>
      <c r="E4623" s="1">
        <v>44699.665520833332</v>
      </c>
    </row>
    <row r="4624" spans="1:5" x14ac:dyDescent="0.4">
      <c r="A4624">
        <v>4277</v>
      </c>
      <c r="B4624">
        <v>0</v>
      </c>
      <c r="C4624">
        <v>1566</v>
      </c>
      <c r="D4624" t="s">
        <v>88</v>
      </c>
      <c r="E4624" s="1">
        <v>44699.665520833332</v>
      </c>
    </row>
    <row r="4625" spans="1:5" x14ac:dyDescent="0.4">
      <c r="A4625">
        <v>4278</v>
      </c>
      <c r="B4625">
        <v>0</v>
      </c>
      <c r="C4625">
        <v>1568</v>
      </c>
      <c r="D4625" t="s">
        <v>88</v>
      </c>
      <c r="E4625" s="1">
        <v>44699.665520833332</v>
      </c>
    </row>
    <row r="4626" spans="1:5" x14ac:dyDescent="0.4">
      <c r="A4626">
        <v>4279</v>
      </c>
      <c r="B4626">
        <v>0</v>
      </c>
      <c r="C4626">
        <v>1569</v>
      </c>
      <c r="D4626" t="s">
        <v>88</v>
      </c>
      <c r="E4626" s="1">
        <v>44699.665520833332</v>
      </c>
    </row>
    <row r="4627" spans="1:5" x14ac:dyDescent="0.4">
      <c r="A4627">
        <v>4280</v>
      </c>
      <c r="B4627">
        <v>0</v>
      </c>
      <c r="C4627">
        <v>1570</v>
      </c>
      <c r="D4627" t="s">
        <v>88</v>
      </c>
      <c r="E4627" s="1">
        <v>44699.665520833332</v>
      </c>
    </row>
    <row r="4628" spans="1:5" x14ac:dyDescent="0.4">
      <c r="A4628">
        <v>4281</v>
      </c>
      <c r="B4628">
        <v>0</v>
      </c>
      <c r="C4628">
        <v>1571</v>
      </c>
      <c r="D4628" t="s">
        <v>88</v>
      </c>
      <c r="E4628" s="1">
        <v>44699.665520833332</v>
      </c>
    </row>
    <row r="4629" spans="1:5" x14ac:dyDescent="0.4">
      <c r="A4629">
        <v>4282</v>
      </c>
      <c r="B4629">
        <v>0</v>
      </c>
      <c r="C4629">
        <v>2029</v>
      </c>
      <c r="D4629" t="s">
        <v>88</v>
      </c>
      <c r="E4629" s="1">
        <v>44699.665520833332</v>
      </c>
    </row>
    <row r="4630" spans="1:5" x14ac:dyDescent="0.4">
      <c r="A4630">
        <v>4283</v>
      </c>
      <c r="B4630">
        <v>0</v>
      </c>
      <c r="C4630">
        <v>2030</v>
      </c>
      <c r="D4630" t="s">
        <v>88</v>
      </c>
      <c r="E4630" s="1">
        <v>44699.665520833332</v>
      </c>
    </row>
    <row r="4631" spans="1:5" x14ac:dyDescent="0.4">
      <c r="A4631">
        <v>4284</v>
      </c>
      <c r="B4631">
        <v>0</v>
      </c>
      <c r="C4631">
        <v>2058</v>
      </c>
      <c r="D4631" t="s">
        <v>88</v>
      </c>
      <c r="E4631" s="1">
        <v>44699.665520833332</v>
      </c>
    </row>
    <row r="4632" spans="1:5" x14ac:dyDescent="0.4">
      <c r="A4632">
        <v>4285</v>
      </c>
      <c r="B4632">
        <v>0</v>
      </c>
      <c r="C4632">
        <v>2090</v>
      </c>
      <c r="D4632" t="s">
        <v>88</v>
      </c>
      <c r="E4632" s="1">
        <v>44699.665520833332</v>
      </c>
    </row>
    <row r="4633" spans="1:5" x14ac:dyDescent="0.4">
      <c r="A4633">
        <v>4286</v>
      </c>
      <c r="B4633">
        <v>0</v>
      </c>
      <c r="C4633">
        <v>2097</v>
      </c>
      <c r="D4633" t="s">
        <v>88</v>
      </c>
      <c r="E4633" s="1">
        <v>44699.665520833332</v>
      </c>
    </row>
    <row r="4634" spans="1:5" x14ac:dyDescent="0.4">
      <c r="A4634">
        <v>4287</v>
      </c>
      <c r="B4634">
        <v>0</v>
      </c>
      <c r="C4634">
        <v>2101</v>
      </c>
      <c r="D4634" t="s">
        <v>88</v>
      </c>
      <c r="E4634" s="1">
        <v>44699.665520833332</v>
      </c>
    </row>
    <row r="4635" spans="1:5" x14ac:dyDescent="0.4">
      <c r="A4635">
        <v>4288</v>
      </c>
      <c r="B4635">
        <v>0</v>
      </c>
      <c r="C4635">
        <v>2102</v>
      </c>
      <c r="D4635" t="s">
        <v>88</v>
      </c>
      <c r="E4635" s="1">
        <v>44699.665520833332</v>
      </c>
    </row>
    <row r="4636" spans="1:5" x14ac:dyDescent="0.4">
      <c r="A4636">
        <v>4289</v>
      </c>
      <c r="B4636">
        <v>0</v>
      </c>
      <c r="C4636">
        <v>2103</v>
      </c>
      <c r="D4636" t="s">
        <v>88</v>
      </c>
      <c r="E4636" s="1">
        <v>44699.665520833332</v>
      </c>
    </row>
    <row r="4637" spans="1:5" x14ac:dyDescent="0.4">
      <c r="A4637">
        <v>4290</v>
      </c>
      <c r="B4637">
        <v>0</v>
      </c>
      <c r="C4637">
        <v>2111</v>
      </c>
      <c r="D4637" t="s">
        <v>88</v>
      </c>
      <c r="E4637" s="1">
        <v>44699.665520833332</v>
      </c>
    </row>
    <row r="4638" spans="1:5" x14ac:dyDescent="0.4">
      <c r="A4638">
        <v>4291</v>
      </c>
      <c r="B4638">
        <v>0</v>
      </c>
      <c r="C4638">
        <v>2112</v>
      </c>
      <c r="D4638" t="s">
        <v>88</v>
      </c>
      <c r="E4638" s="1">
        <v>44699.665520833332</v>
      </c>
    </row>
    <row r="4639" spans="1:5" x14ac:dyDescent="0.4">
      <c r="A4639">
        <v>4292</v>
      </c>
      <c r="B4639">
        <v>0</v>
      </c>
      <c r="C4639">
        <v>2122</v>
      </c>
      <c r="D4639" t="s">
        <v>88</v>
      </c>
      <c r="E4639" s="1">
        <v>44699.665520833332</v>
      </c>
    </row>
    <row r="4640" spans="1:5" x14ac:dyDescent="0.4">
      <c r="A4640">
        <v>4293</v>
      </c>
      <c r="B4640">
        <v>0</v>
      </c>
      <c r="C4640">
        <v>2123</v>
      </c>
      <c r="D4640" t="s">
        <v>88</v>
      </c>
      <c r="E4640" s="1">
        <v>44699.665520833332</v>
      </c>
    </row>
    <row r="4641" spans="1:5" x14ac:dyDescent="0.4">
      <c r="A4641">
        <v>4294</v>
      </c>
      <c r="B4641">
        <v>0</v>
      </c>
      <c r="C4641">
        <v>2124</v>
      </c>
      <c r="D4641" t="s">
        <v>88</v>
      </c>
      <c r="E4641" s="1">
        <v>44699.665520833332</v>
      </c>
    </row>
    <row r="4642" spans="1:5" x14ac:dyDescent="0.4">
      <c r="A4642">
        <v>4295</v>
      </c>
      <c r="B4642">
        <v>0</v>
      </c>
      <c r="C4642">
        <v>2129</v>
      </c>
      <c r="D4642" t="s">
        <v>88</v>
      </c>
      <c r="E4642" s="1">
        <v>44699.665520833332</v>
      </c>
    </row>
    <row r="4643" spans="1:5" x14ac:dyDescent="0.4">
      <c r="A4643">
        <v>4296</v>
      </c>
      <c r="B4643">
        <v>0</v>
      </c>
      <c r="C4643">
        <v>2140</v>
      </c>
      <c r="D4643" t="s">
        <v>88</v>
      </c>
      <c r="E4643" s="1">
        <v>44699.665520833332</v>
      </c>
    </row>
    <row r="4644" spans="1:5" x14ac:dyDescent="0.4">
      <c r="A4644">
        <v>4297</v>
      </c>
      <c r="B4644">
        <v>0</v>
      </c>
      <c r="C4644">
        <v>2141</v>
      </c>
      <c r="D4644" t="s">
        <v>88</v>
      </c>
      <c r="E4644" s="1">
        <v>44699.665520833332</v>
      </c>
    </row>
    <row r="4645" spans="1:5" x14ac:dyDescent="0.4">
      <c r="A4645">
        <v>4298</v>
      </c>
      <c r="B4645">
        <v>0</v>
      </c>
      <c r="C4645">
        <v>2142</v>
      </c>
      <c r="D4645" t="s">
        <v>88</v>
      </c>
      <c r="E4645" s="1">
        <v>44699.665520833332</v>
      </c>
    </row>
    <row r="4646" spans="1:5" x14ac:dyDescent="0.4">
      <c r="A4646">
        <v>4299</v>
      </c>
      <c r="B4646">
        <v>0</v>
      </c>
      <c r="C4646">
        <v>2143</v>
      </c>
      <c r="D4646" t="s">
        <v>88</v>
      </c>
      <c r="E4646" s="1">
        <v>44699.665520833332</v>
      </c>
    </row>
    <row r="4647" spans="1:5" x14ac:dyDescent="0.4">
      <c r="A4647">
        <v>4300</v>
      </c>
      <c r="B4647">
        <v>0</v>
      </c>
      <c r="C4647">
        <v>2148</v>
      </c>
      <c r="D4647" t="s">
        <v>88</v>
      </c>
      <c r="E4647" s="1">
        <v>44699.665520833332</v>
      </c>
    </row>
    <row r="4648" spans="1:5" x14ac:dyDescent="0.4">
      <c r="A4648">
        <v>4301</v>
      </c>
      <c r="B4648">
        <v>0</v>
      </c>
      <c r="C4648">
        <v>2154</v>
      </c>
      <c r="D4648" t="s">
        <v>88</v>
      </c>
      <c r="E4648" s="1">
        <v>44699.665520833332</v>
      </c>
    </row>
    <row r="4649" spans="1:5" x14ac:dyDescent="0.4">
      <c r="A4649">
        <v>4302</v>
      </c>
      <c r="B4649">
        <v>0</v>
      </c>
      <c r="C4649">
        <v>2155</v>
      </c>
      <c r="D4649" t="s">
        <v>88</v>
      </c>
      <c r="E4649" s="1">
        <v>44699.665520833332</v>
      </c>
    </row>
    <row r="4650" spans="1:5" x14ac:dyDescent="0.4">
      <c r="A4650">
        <v>4303</v>
      </c>
      <c r="B4650">
        <v>0</v>
      </c>
      <c r="C4650">
        <v>2156</v>
      </c>
      <c r="D4650" t="s">
        <v>88</v>
      </c>
      <c r="E4650" s="1">
        <v>44699.665520833332</v>
      </c>
    </row>
    <row r="4651" spans="1:5" x14ac:dyDescent="0.4">
      <c r="A4651">
        <v>4304</v>
      </c>
      <c r="B4651">
        <v>0</v>
      </c>
      <c r="C4651">
        <v>2157</v>
      </c>
      <c r="D4651" t="s">
        <v>88</v>
      </c>
      <c r="E4651" s="1">
        <v>44699.665520833332</v>
      </c>
    </row>
    <row r="4652" spans="1:5" x14ac:dyDescent="0.4">
      <c r="A4652">
        <v>4305</v>
      </c>
      <c r="B4652">
        <v>0</v>
      </c>
      <c r="C4652">
        <v>2158</v>
      </c>
      <c r="D4652" t="s">
        <v>88</v>
      </c>
      <c r="E4652" s="1">
        <v>44699.665520833332</v>
      </c>
    </row>
    <row r="4653" spans="1:5" x14ac:dyDescent="0.4">
      <c r="A4653">
        <v>4306</v>
      </c>
      <c r="B4653">
        <v>0</v>
      </c>
      <c r="C4653">
        <v>2159</v>
      </c>
      <c r="D4653" t="s">
        <v>88</v>
      </c>
      <c r="E4653" s="1">
        <v>44699.665520833332</v>
      </c>
    </row>
    <row r="4654" spans="1:5" x14ac:dyDescent="0.4">
      <c r="A4654">
        <v>4307</v>
      </c>
      <c r="B4654">
        <v>0</v>
      </c>
      <c r="C4654">
        <v>2160</v>
      </c>
      <c r="D4654" t="s">
        <v>88</v>
      </c>
      <c r="E4654" s="1">
        <v>44699.665520833332</v>
      </c>
    </row>
    <row r="4655" spans="1:5" x14ac:dyDescent="0.4">
      <c r="A4655">
        <v>4308</v>
      </c>
      <c r="B4655">
        <v>0</v>
      </c>
      <c r="C4655">
        <v>2161</v>
      </c>
      <c r="D4655" t="s">
        <v>88</v>
      </c>
      <c r="E4655" s="1">
        <v>44699.665520833332</v>
      </c>
    </row>
    <row r="4656" spans="1:5" x14ac:dyDescent="0.4">
      <c r="A4656">
        <v>4309</v>
      </c>
      <c r="B4656">
        <v>0</v>
      </c>
      <c r="C4656">
        <v>2162</v>
      </c>
      <c r="D4656" t="s">
        <v>88</v>
      </c>
      <c r="E4656" s="1">
        <v>44699.665520833332</v>
      </c>
    </row>
    <row r="4657" spans="1:5" x14ac:dyDescent="0.4">
      <c r="A4657">
        <v>4310</v>
      </c>
      <c r="B4657">
        <v>0</v>
      </c>
      <c r="C4657">
        <v>2163</v>
      </c>
      <c r="D4657" t="s">
        <v>88</v>
      </c>
      <c r="E4657" s="1">
        <v>44699.665520833332</v>
      </c>
    </row>
    <row r="4658" spans="1:5" x14ac:dyDescent="0.4">
      <c r="A4658">
        <v>4311</v>
      </c>
      <c r="B4658">
        <v>0</v>
      </c>
      <c r="C4658">
        <v>2164</v>
      </c>
      <c r="D4658" t="s">
        <v>88</v>
      </c>
      <c r="E4658" s="1">
        <v>44699.665520833332</v>
      </c>
    </row>
    <row r="4659" spans="1:5" x14ac:dyDescent="0.4">
      <c r="A4659">
        <v>4312</v>
      </c>
      <c r="B4659">
        <v>0</v>
      </c>
      <c r="C4659">
        <v>2165</v>
      </c>
      <c r="D4659" t="s">
        <v>88</v>
      </c>
      <c r="E4659" s="1">
        <v>44699.665520833332</v>
      </c>
    </row>
    <row r="4660" spans="1:5" x14ac:dyDescent="0.4">
      <c r="A4660">
        <v>4313</v>
      </c>
      <c r="B4660">
        <v>0</v>
      </c>
      <c r="C4660">
        <v>2166</v>
      </c>
      <c r="D4660" t="s">
        <v>88</v>
      </c>
      <c r="E4660" s="1">
        <v>44699.665520833332</v>
      </c>
    </row>
    <row r="4661" spans="1:5" x14ac:dyDescent="0.4">
      <c r="A4661">
        <v>4314</v>
      </c>
      <c r="B4661">
        <v>0</v>
      </c>
      <c r="C4661">
        <v>2167</v>
      </c>
      <c r="D4661" t="s">
        <v>88</v>
      </c>
      <c r="E4661" s="1">
        <v>44699.665520833332</v>
      </c>
    </row>
    <row r="4662" spans="1:5" x14ac:dyDescent="0.4">
      <c r="A4662">
        <v>4315</v>
      </c>
      <c r="B4662">
        <v>0</v>
      </c>
      <c r="C4662">
        <v>2180</v>
      </c>
      <c r="D4662" t="s">
        <v>88</v>
      </c>
      <c r="E4662" s="1">
        <v>44699.665520833332</v>
      </c>
    </row>
    <row r="4663" spans="1:5" x14ac:dyDescent="0.4">
      <c r="A4663">
        <v>4316</v>
      </c>
      <c r="B4663">
        <v>0</v>
      </c>
      <c r="C4663">
        <v>2183</v>
      </c>
      <c r="D4663" t="s">
        <v>88</v>
      </c>
      <c r="E4663" s="1">
        <v>44699.665520833332</v>
      </c>
    </row>
    <row r="4664" spans="1:5" x14ac:dyDescent="0.4">
      <c r="A4664">
        <v>4317</v>
      </c>
      <c r="B4664">
        <v>0</v>
      </c>
      <c r="C4664">
        <v>2199</v>
      </c>
      <c r="D4664" t="s">
        <v>88</v>
      </c>
      <c r="E4664" s="1">
        <v>44699.665520833332</v>
      </c>
    </row>
    <row r="4665" spans="1:5" x14ac:dyDescent="0.4">
      <c r="A4665">
        <v>4318</v>
      </c>
      <c r="B4665">
        <v>0</v>
      </c>
      <c r="C4665">
        <v>2200</v>
      </c>
      <c r="D4665" t="s">
        <v>88</v>
      </c>
      <c r="E4665" s="1">
        <v>44699.665520833332</v>
      </c>
    </row>
    <row r="4666" spans="1:5" x14ac:dyDescent="0.4">
      <c r="A4666">
        <v>4319</v>
      </c>
      <c r="B4666">
        <v>0</v>
      </c>
      <c r="C4666">
        <v>2202</v>
      </c>
      <c r="D4666" t="s">
        <v>88</v>
      </c>
      <c r="E4666" s="1">
        <v>44699.665520833332</v>
      </c>
    </row>
    <row r="4667" spans="1:5" x14ac:dyDescent="0.4">
      <c r="A4667">
        <v>4320</v>
      </c>
      <c r="B4667">
        <v>0</v>
      </c>
      <c r="C4667">
        <v>2203</v>
      </c>
      <c r="D4667" t="s">
        <v>88</v>
      </c>
      <c r="E4667" s="1">
        <v>44699.665520833332</v>
      </c>
    </row>
    <row r="4668" spans="1:5" x14ac:dyDescent="0.4">
      <c r="A4668">
        <v>4321</v>
      </c>
      <c r="B4668">
        <v>0</v>
      </c>
      <c r="C4668">
        <v>2602</v>
      </c>
      <c r="D4668" t="s">
        <v>88</v>
      </c>
      <c r="E4668" s="1">
        <v>44699.665520833332</v>
      </c>
    </row>
    <row r="4669" spans="1:5" x14ac:dyDescent="0.4">
      <c r="A4669">
        <v>4322</v>
      </c>
      <c r="B4669">
        <v>0</v>
      </c>
      <c r="C4669">
        <v>2606</v>
      </c>
      <c r="D4669" t="s">
        <v>88</v>
      </c>
      <c r="E4669" s="1">
        <v>44699.665520833332</v>
      </c>
    </row>
    <row r="4670" spans="1:5" x14ac:dyDescent="0.4">
      <c r="A4670">
        <v>4323</v>
      </c>
      <c r="B4670">
        <v>0</v>
      </c>
      <c r="C4670">
        <v>2607</v>
      </c>
      <c r="D4670" t="s">
        <v>88</v>
      </c>
      <c r="E4670" s="1">
        <v>44699.665520833332</v>
      </c>
    </row>
    <row r="4671" spans="1:5" x14ac:dyDescent="0.4">
      <c r="A4671">
        <v>4324</v>
      </c>
      <c r="B4671">
        <v>0</v>
      </c>
      <c r="C4671">
        <v>2612</v>
      </c>
      <c r="D4671" t="s">
        <v>88</v>
      </c>
      <c r="E4671" s="1">
        <v>44699.665520833332</v>
      </c>
    </row>
    <row r="4672" spans="1:5" x14ac:dyDescent="0.4">
      <c r="A4672">
        <v>4325</v>
      </c>
      <c r="B4672">
        <v>0</v>
      </c>
      <c r="C4672">
        <v>2613</v>
      </c>
      <c r="D4672" t="s">
        <v>88</v>
      </c>
      <c r="E4672" s="1">
        <v>44699.665520833332</v>
      </c>
    </row>
    <row r="4673" spans="1:5" x14ac:dyDescent="0.4">
      <c r="A4673">
        <v>4326</v>
      </c>
      <c r="B4673">
        <v>0</v>
      </c>
      <c r="C4673">
        <v>2614</v>
      </c>
      <c r="D4673" t="s">
        <v>88</v>
      </c>
      <c r="E4673" s="1">
        <v>44699.665520833332</v>
      </c>
    </row>
    <row r="4674" spans="1:5" x14ac:dyDescent="0.4">
      <c r="A4674">
        <v>4327</v>
      </c>
      <c r="B4674">
        <v>0</v>
      </c>
      <c r="C4674">
        <v>2615</v>
      </c>
      <c r="D4674" t="s">
        <v>88</v>
      </c>
      <c r="E4674" s="1">
        <v>44699.665520833332</v>
      </c>
    </row>
    <row r="4675" spans="1:5" x14ac:dyDescent="0.4">
      <c r="A4675">
        <v>4328</v>
      </c>
      <c r="B4675">
        <v>0</v>
      </c>
      <c r="C4675">
        <v>2617</v>
      </c>
      <c r="D4675" t="s">
        <v>88</v>
      </c>
      <c r="E4675" s="1">
        <v>44699.665520833332</v>
      </c>
    </row>
    <row r="4676" spans="1:5" x14ac:dyDescent="0.4">
      <c r="A4676">
        <v>4329</v>
      </c>
      <c r="B4676">
        <v>0</v>
      </c>
      <c r="C4676">
        <v>2618</v>
      </c>
      <c r="D4676" t="s">
        <v>88</v>
      </c>
      <c r="E4676" s="1">
        <v>44699.665520833332</v>
      </c>
    </row>
    <row r="4677" spans="1:5" x14ac:dyDescent="0.4">
      <c r="A4677">
        <v>4330</v>
      </c>
      <c r="B4677">
        <v>0</v>
      </c>
      <c r="C4677">
        <v>2619</v>
      </c>
      <c r="D4677" t="s">
        <v>88</v>
      </c>
      <c r="E4677" s="1">
        <v>44699.665520833332</v>
      </c>
    </row>
    <row r="4678" spans="1:5" x14ac:dyDescent="0.4">
      <c r="A4678">
        <v>4331</v>
      </c>
      <c r="B4678">
        <v>0</v>
      </c>
      <c r="C4678">
        <v>2620</v>
      </c>
      <c r="D4678" t="s">
        <v>88</v>
      </c>
      <c r="E4678" s="1">
        <v>44699.665520833332</v>
      </c>
    </row>
    <row r="4679" spans="1:5" x14ac:dyDescent="0.4">
      <c r="A4679">
        <v>4332</v>
      </c>
      <c r="B4679">
        <v>0</v>
      </c>
      <c r="C4679">
        <v>2621</v>
      </c>
      <c r="D4679" t="s">
        <v>88</v>
      </c>
      <c r="E4679" s="1">
        <v>44699.665520833332</v>
      </c>
    </row>
    <row r="4680" spans="1:5" x14ac:dyDescent="0.4">
      <c r="A4680">
        <v>4333</v>
      </c>
      <c r="B4680">
        <v>0</v>
      </c>
      <c r="C4680">
        <v>2622</v>
      </c>
      <c r="D4680" t="s">
        <v>88</v>
      </c>
      <c r="E4680" s="1">
        <v>44699.665520833332</v>
      </c>
    </row>
    <row r="4681" spans="1:5" x14ac:dyDescent="0.4">
      <c r="A4681">
        <v>4334</v>
      </c>
      <c r="B4681">
        <v>0</v>
      </c>
      <c r="C4681">
        <v>2624</v>
      </c>
      <c r="D4681" t="s">
        <v>88</v>
      </c>
      <c r="E4681" s="1">
        <v>44699.665520833332</v>
      </c>
    </row>
    <row r="4682" spans="1:5" x14ac:dyDescent="0.4">
      <c r="A4682">
        <v>4335</v>
      </c>
      <c r="B4682">
        <v>0</v>
      </c>
      <c r="C4682">
        <v>2625</v>
      </c>
      <c r="D4682" t="s">
        <v>88</v>
      </c>
      <c r="E4682" s="1">
        <v>44699.665520833332</v>
      </c>
    </row>
    <row r="4683" spans="1:5" x14ac:dyDescent="0.4">
      <c r="A4683">
        <v>4336</v>
      </c>
      <c r="B4683">
        <v>0</v>
      </c>
      <c r="C4683">
        <v>2626</v>
      </c>
      <c r="D4683" t="s">
        <v>88</v>
      </c>
      <c r="E4683" s="1">
        <v>44699.665520833332</v>
      </c>
    </row>
    <row r="4684" spans="1:5" x14ac:dyDescent="0.4">
      <c r="A4684">
        <v>4337</v>
      </c>
      <c r="B4684">
        <v>0</v>
      </c>
      <c r="C4684">
        <v>2627</v>
      </c>
      <c r="D4684" t="s">
        <v>88</v>
      </c>
      <c r="E4684" s="1">
        <v>44699.665520833332</v>
      </c>
    </row>
    <row r="4685" spans="1:5" x14ac:dyDescent="0.4">
      <c r="A4685">
        <v>4338</v>
      </c>
      <c r="B4685">
        <v>0</v>
      </c>
      <c r="C4685">
        <v>2628</v>
      </c>
      <c r="D4685" t="s">
        <v>88</v>
      </c>
      <c r="E4685" s="1">
        <v>44699.665520833332</v>
      </c>
    </row>
    <row r="4686" spans="1:5" x14ac:dyDescent="0.4">
      <c r="A4686">
        <v>4339</v>
      </c>
      <c r="B4686">
        <v>0</v>
      </c>
      <c r="C4686">
        <v>2629</v>
      </c>
      <c r="D4686" t="s">
        <v>88</v>
      </c>
      <c r="E4686" s="1">
        <v>44699.665520833332</v>
      </c>
    </row>
    <row r="4687" spans="1:5" x14ac:dyDescent="0.4">
      <c r="A4687">
        <v>4340</v>
      </c>
      <c r="B4687">
        <v>0</v>
      </c>
      <c r="C4687">
        <v>2630</v>
      </c>
      <c r="D4687" t="s">
        <v>88</v>
      </c>
      <c r="E4687" s="1">
        <v>44699.665520833332</v>
      </c>
    </row>
    <row r="4688" spans="1:5" x14ac:dyDescent="0.4">
      <c r="A4688">
        <v>4341</v>
      </c>
      <c r="B4688">
        <v>0</v>
      </c>
      <c r="C4688">
        <v>2631</v>
      </c>
      <c r="D4688" t="s">
        <v>88</v>
      </c>
      <c r="E4688" s="1">
        <v>44699.665520833332</v>
      </c>
    </row>
    <row r="4689" spans="1:5" x14ac:dyDescent="0.4">
      <c r="A4689">
        <v>4342</v>
      </c>
      <c r="B4689">
        <v>0</v>
      </c>
      <c r="C4689">
        <v>2632</v>
      </c>
      <c r="D4689" t="s">
        <v>88</v>
      </c>
      <c r="E4689" s="1">
        <v>44699.665520833332</v>
      </c>
    </row>
    <row r="4690" spans="1:5" x14ac:dyDescent="0.4">
      <c r="A4690">
        <v>4343</v>
      </c>
      <c r="B4690">
        <v>0</v>
      </c>
      <c r="C4690">
        <v>2633</v>
      </c>
      <c r="D4690" t="s">
        <v>88</v>
      </c>
      <c r="E4690" s="1">
        <v>44699.665520833332</v>
      </c>
    </row>
    <row r="4691" spans="1:5" x14ac:dyDescent="0.4">
      <c r="A4691">
        <v>4344</v>
      </c>
      <c r="B4691">
        <v>0</v>
      </c>
      <c r="C4691">
        <v>2636</v>
      </c>
      <c r="D4691" t="s">
        <v>88</v>
      </c>
      <c r="E4691" s="1">
        <v>44699.665520833332</v>
      </c>
    </row>
    <row r="4692" spans="1:5" x14ac:dyDescent="0.4">
      <c r="A4692">
        <v>4345</v>
      </c>
      <c r="B4692">
        <v>0</v>
      </c>
      <c r="C4692">
        <v>2637</v>
      </c>
      <c r="D4692" t="s">
        <v>88</v>
      </c>
      <c r="E4692" s="1">
        <v>44699.665520833332</v>
      </c>
    </row>
    <row r="4693" spans="1:5" x14ac:dyDescent="0.4">
      <c r="A4693">
        <v>4346</v>
      </c>
      <c r="B4693">
        <v>0</v>
      </c>
      <c r="C4693">
        <v>2638</v>
      </c>
      <c r="D4693" t="s">
        <v>88</v>
      </c>
      <c r="E4693" s="1">
        <v>44699.665520833332</v>
      </c>
    </row>
    <row r="4694" spans="1:5" x14ac:dyDescent="0.4">
      <c r="A4694">
        <v>4347</v>
      </c>
      <c r="B4694">
        <v>0</v>
      </c>
      <c r="C4694">
        <v>2639</v>
      </c>
      <c r="D4694" t="s">
        <v>88</v>
      </c>
      <c r="E4694" s="1">
        <v>44699.665520833332</v>
      </c>
    </row>
    <row r="4695" spans="1:5" x14ac:dyDescent="0.4">
      <c r="A4695">
        <v>4348</v>
      </c>
      <c r="B4695">
        <v>0</v>
      </c>
      <c r="C4695">
        <v>2641</v>
      </c>
      <c r="D4695" t="s">
        <v>88</v>
      </c>
      <c r="E4695" s="1">
        <v>44699.665520833332</v>
      </c>
    </row>
    <row r="4696" spans="1:5" x14ac:dyDescent="0.4">
      <c r="A4696">
        <v>4349</v>
      </c>
      <c r="B4696">
        <v>0</v>
      </c>
      <c r="C4696">
        <v>2642</v>
      </c>
      <c r="D4696" t="s">
        <v>88</v>
      </c>
      <c r="E4696" s="1">
        <v>44699.665520833332</v>
      </c>
    </row>
    <row r="4697" spans="1:5" x14ac:dyDescent="0.4">
      <c r="A4697">
        <v>4350</v>
      </c>
      <c r="B4697">
        <v>0</v>
      </c>
      <c r="C4697">
        <v>2643</v>
      </c>
      <c r="D4697" t="s">
        <v>88</v>
      </c>
      <c r="E4697" s="1">
        <v>44699.665520833332</v>
      </c>
    </row>
    <row r="4698" spans="1:5" x14ac:dyDescent="0.4">
      <c r="A4698">
        <v>4351</v>
      </c>
      <c r="B4698">
        <v>0</v>
      </c>
      <c r="C4698">
        <v>2644</v>
      </c>
      <c r="D4698" t="s">
        <v>88</v>
      </c>
      <c r="E4698" s="1">
        <v>44699.665520833332</v>
      </c>
    </row>
    <row r="4699" spans="1:5" x14ac:dyDescent="0.4">
      <c r="A4699">
        <v>4352</v>
      </c>
      <c r="B4699">
        <v>0</v>
      </c>
      <c r="C4699">
        <v>2645</v>
      </c>
      <c r="D4699" t="s">
        <v>88</v>
      </c>
      <c r="E4699" s="1">
        <v>44699.665520833332</v>
      </c>
    </row>
    <row r="4700" spans="1:5" x14ac:dyDescent="0.4">
      <c r="A4700">
        <v>4353</v>
      </c>
      <c r="B4700">
        <v>0</v>
      </c>
      <c r="C4700">
        <v>2646</v>
      </c>
      <c r="D4700" t="s">
        <v>88</v>
      </c>
      <c r="E4700" s="1">
        <v>44699.665520833332</v>
      </c>
    </row>
    <row r="4701" spans="1:5" x14ac:dyDescent="0.4">
      <c r="A4701">
        <v>4354</v>
      </c>
      <c r="B4701">
        <v>0</v>
      </c>
      <c r="C4701">
        <v>2647</v>
      </c>
      <c r="D4701" t="s">
        <v>88</v>
      </c>
      <c r="E4701" s="1">
        <v>44699.665520833332</v>
      </c>
    </row>
    <row r="4702" spans="1:5" x14ac:dyDescent="0.4">
      <c r="A4702">
        <v>4355</v>
      </c>
      <c r="B4702">
        <v>0</v>
      </c>
      <c r="C4702">
        <v>2648</v>
      </c>
      <c r="D4702" t="s">
        <v>88</v>
      </c>
      <c r="E4702" s="1">
        <v>44699.665520833332</v>
      </c>
    </row>
    <row r="4703" spans="1:5" x14ac:dyDescent="0.4">
      <c r="A4703">
        <v>4356</v>
      </c>
      <c r="B4703">
        <v>0</v>
      </c>
      <c r="C4703">
        <v>2649</v>
      </c>
      <c r="D4703" t="s">
        <v>88</v>
      </c>
      <c r="E4703" s="1">
        <v>44699.665520833332</v>
      </c>
    </row>
    <row r="4704" spans="1:5" x14ac:dyDescent="0.4">
      <c r="A4704">
        <v>4357</v>
      </c>
      <c r="B4704">
        <v>0</v>
      </c>
      <c r="C4704">
        <v>2650</v>
      </c>
      <c r="D4704" t="s">
        <v>88</v>
      </c>
      <c r="E4704" s="1">
        <v>44699.665520833332</v>
      </c>
    </row>
    <row r="4705" spans="1:5" x14ac:dyDescent="0.4">
      <c r="A4705">
        <v>4358</v>
      </c>
      <c r="B4705">
        <v>0</v>
      </c>
      <c r="C4705">
        <v>2651</v>
      </c>
      <c r="D4705" t="s">
        <v>88</v>
      </c>
      <c r="E4705" s="1">
        <v>44699.665520833332</v>
      </c>
    </row>
    <row r="4706" spans="1:5" x14ac:dyDescent="0.4">
      <c r="A4706">
        <v>4359</v>
      </c>
      <c r="B4706">
        <v>0</v>
      </c>
      <c r="C4706">
        <v>2652</v>
      </c>
      <c r="D4706" t="s">
        <v>88</v>
      </c>
      <c r="E4706" s="1">
        <v>44699.665520833332</v>
      </c>
    </row>
    <row r="4707" spans="1:5" x14ac:dyDescent="0.4">
      <c r="A4707">
        <v>4360</v>
      </c>
      <c r="B4707">
        <v>0</v>
      </c>
      <c r="C4707">
        <v>2653</v>
      </c>
      <c r="D4707" t="s">
        <v>88</v>
      </c>
      <c r="E4707" s="1">
        <v>44699.665520833332</v>
      </c>
    </row>
    <row r="4708" spans="1:5" x14ac:dyDescent="0.4">
      <c r="A4708">
        <v>4361</v>
      </c>
      <c r="B4708">
        <v>0</v>
      </c>
      <c r="C4708">
        <v>2654</v>
      </c>
      <c r="D4708" t="s">
        <v>88</v>
      </c>
      <c r="E4708" s="1">
        <v>44699.665520833332</v>
      </c>
    </row>
    <row r="4709" spans="1:5" x14ac:dyDescent="0.4">
      <c r="A4709">
        <v>4362</v>
      </c>
      <c r="B4709">
        <v>0</v>
      </c>
      <c r="C4709">
        <v>2655</v>
      </c>
      <c r="D4709" t="s">
        <v>88</v>
      </c>
      <c r="E4709" s="1">
        <v>44699.665520833332</v>
      </c>
    </row>
    <row r="4710" spans="1:5" x14ac:dyDescent="0.4">
      <c r="A4710">
        <v>4363</v>
      </c>
      <c r="B4710">
        <v>0</v>
      </c>
      <c r="C4710">
        <v>2656</v>
      </c>
      <c r="D4710" t="s">
        <v>88</v>
      </c>
      <c r="E4710" s="1">
        <v>44699.665520833332</v>
      </c>
    </row>
    <row r="4711" spans="1:5" x14ac:dyDescent="0.4">
      <c r="A4711">
        <v>4364</v>
      </c>
      <c r="B4711">
        <v>0</v>
      </c>
      <c r="C4711">
        <v>2657</v>
      </c>
      <c r="D4711" t="s">
        <v>88</v>
      </c>
      <c r="E4711" s="1">
        <v>44699.665520833332</v>
      </c>
    </row>
    <row r="4712" spans="1:5" x14ac:dyDescent="0.4">
      <c r="A4712">
        <v>4365</v>
      </c>
      <c r="B4712">
        <v>0</v>
      </c>
      <c r="C4712">
        <v>2680</v>
      </c>
      <c r="D4712" t="s">
        <v>88</v>
      </c>
      <c r="E4712" s="1">
        <v>44699.665520833332</v>
      </c>
    </row>
    <row r="4713" spans="1:5" x14ac:dyDescent="0.4">
      <c r="A4713">
        <v>4366</v>
      </c>
      <c r="B4713">
        <v>0</v>
      </c>
      <c r="C4713">
        <v>2681</v>
      </c>
      <c r="D4713" t="s">
        <v>88</v>
      </c>
      <c r="E4713" s="1">
        <v>44699.665520833332</v>
      </c>
    </row>
    <row r="4714" spans="1:5" x14ac:dyDescent="0.4">
      <c r="A4714">
        <v>4367</v>
      </c>
      <c r="B4714">
        <v>0</v>
      </c>
      <c r="C4714">
        <v>2682</v>
      </c>
      <c r="D4714" t="s">
        <v>88</v>
      </c>
      <c r="E4714" s="1">
        <v>44699.665520833332</v>
      </c>
    </row>
    <row r="4715" spans="1:5" x14ac:dyDescent="0.4">
      <c r="A4715">
        <v>4368</v>
      </c>
      <c r="B4715">
        <v>0</v>
      </c>
      <c r="C4715">
        <v>2683</v>
      </c>
      <c r="D4715" t="s">
        <v>88</v>
      </c>
      <c r="E4715" s="1">
        <v>44699.665520833332</v>
      </c>
    </row>
    <row r="4716" spans="1:5" x14ac:dyDescent="0.4">
      <c r="A4716">
        <v>4369</v>
      </c>
      <c r="B4716">
        <v>0</v>
      </c>
      <c r="C4716">
        <v>2684</v>
      </c>
      <c r="D4716" t="s">
        <v>88</v>
      </c>
      <c r="E4716" s="1">
        <v>44699.665520833332</v>
      </c>
    </row>
    <row r="4717" spans="1:5" x14ac:dyDescent="0.4">
      <c r="A4717">
        <v>4370</v>
      </c>
      <c r="B4717">
        <v>0</v>
      </c>
      <c r="C4717">
        <v>2685</v>
      </c>
      <c r="D4717" t="s">
        <v>88</v>
      </c>
      <c r="E4717" s="1">
        <v>44699.665520833332</v>
      </c>
    </row>
    <row r="4718" spans="1:5" x14ac:dyDescent="0.4">
      <c r="A4718">
        <v>4371</v>
      </c>
      <c r="B4718">
        <v>0</v>
      </c>
      <c r="C4718">
        <v>2686</v>
      </c>
      <c r="D4718" t="s">
        <v>88</v>
      </c>
      <c r="E4718" s="1">
        <v>44699.665520833332</v>
      </c>
    </row>
    <row r="4719" spans="1:5" x14ac:dyDescent="0.4">
      <c r="A4719">
        <v>4372</v>
      </c>
      <c r="B4719">
        <v>0</v>
      </c>
      <c r="C4719">
        <v>2687</v>
      </c>
      <c r="D4719" t="s">
        <v>88</v>
      </c>
      <c r="E4719" s="1">
        <v>44699.665520833332</v>
      </c>
    </row>
    <row r="4720" spans="1:5" x14ac:dyDescent="0.4">
      <c r="A4720">
        <v>4373</v>
      </c>
      <c r="B4720">
        <v>0</v>
      </c>
      <c r="C4720">
        <v>2688</v>
      </c>
      <c r="D4720" t="s">
        <v>88</v>
      </c>
      <c r="E4720" s="1">
        <v>44699.665520833332</v>
      </c>
    </row>
    <row r="4721" spans="1:5" x14ac:dyDescent="0.4">
      <c r="A4721">
        <v>4374</v>
      </c>
      <c r="B4721">
        <v>0</v>
      </c>
      <c r="C4721">
        <v>2689</v>
      </c>
      <c r="D4721" t="s">
        <v>88</v>
      </c>
      <c r="E4721" s="1">
        <v>44699.665520833332</v>
      </c>
    </row>
    <row r="4722" spans="1:5" x14ac:dyDescent="0.4">
      <c r="A4722">
        <v>4375</v>
      </c>
      <c r="B4722">
        <v>0</v>
      </c>
      <c r="C4722">
        <v>2691</v>
      </c>
      <c r="D4722" t="s">
        <v>88</v>
      </c>
      <c r="E4722" s="1">
        <v>44699.665520833332</v>
      </c>
    </row>
    <row r="4723" spans="1:5" x14ac:dyDescent="0.4">
      <c r="A4723">
        <v>4376</v>
      </c>
      <c r="B4723">
        <v>0</v>
      </c>
      <c r="C4723">
        <v>2692</v>
      </c>
      <c r="D4723" t="s">
        <v>88</v>
      </c>
      <c r="E4723" s="1">
        <v>44699.665520833332</v>
      </c>
    </row>
    <row r="4724" spans="1:5" x14ac:dyDescent="0.4">
      <c r="A4724">
        <v>4377</v>
      </c>
      <c r="B4724">
        <v>0</v>
      </c>
      <c r="C4724">
        <v>2693</v>
      </c>
      <c r="D4724" t="s">
        <v>88</v>
      </c>
      <c r="E4724" s="1">
        <v>44699.665520833332</v>
      </c>
    </row>
    <row r="4725" spans="1:5" x14ac:dyDescent="0.4">
      <c r="A4725">
        <v>4378</v>
      </c>
      <c r="B4725">
        <v>0</v>
      </c>
      <c r="C4725">
        <v>2694</v>
      </c>
      <c r="D4725" t="s">
        <v>88</v>
      </c>
      <c r="E4725" s="1">
        <v>44699.665520833332</v>
      </c>
    </row>
    <row r="4726" spans="1:5" x14ac:dyDescent="0.4">
      <c r="A4726">
        <v>4379</v>
      </c>
      <c r="B4726">
        <v>0</v>
      </c>
      <c r="C4726">
        <v>2695</v>
      </c>
      <c r="D4726" t="s">
        <v>88</v>
      </c>
      <c r="E4726" s="1">
        <v>44699.665520833332</v>
      </c>
    </row>
    <row r="4727" spans="1:5" x14ac:dyDescent="0.4">
      <c r="A4727">
        <v>4380</v>
      </c>
      <c r="B4727">
        <v>0</v>
      </c>
      <c r="C4727">
        <v>2696</v>
      </c>
      <c r="D4727" t="s">
        <v>88</v>
      </c>
      <c r="E4727" s="1">
        <v>44699.665520833332</v>
      </c>
    </row>
    <row r="4728" spans="1:5" x14ac:dyDescent="0.4">
      <c r="A4728">
        <v>4381</v>
      </c>
      <c r="B4728">
        <v>0</v>
      </c>
      <c r="C4728">
        <v>2697</v>
      </c>
      <c r="D4728" t="s">
        <v>88</v>
      </c>
      <c r="E4728" s="1">
        <v>44699.665520833332</v>
      </c>
    </row>
    <row r="4729" spans="1:5" x14ac:dyDescent="0.4">
      <c r="A4729">
        <v>4382</v>
      </c>
      <c r="B4729">
        <v>0</v>
      </c>
      <c r="C4729">
        <v>2698</v>
      </c>
      <c r="D4729" t="s">
        <v>88</v>
      </c>
      <c r="E4729" s="1">
        <v>44699.665520833332</v>
      </c>
    </row>
    <row r="4730" spans="1:5" x14ac:dyDescent="0.4">
      <c r="A4730">
        <v>4383</v>
      </c>
      <c r="B4730">
        <v>0</v>
      </c>
      <c r="C4730">
        <v>2699</v>
      </c>
      <c r="D4730" t="s">
        <v>88</v>
      </c>
      <c r="E4730" s="1">
        <v>44699.665520833332</v>
      </c>
    </row>
    <row r="4731" spans="1:5" x14ac:dyDescent="0.4">
      <c r="A4731">
        <v>4384</v>
      </c>
      <c r="B4731">
        <v>0</v>
      </c>
      <c r="C4731">
        <v>2700</v>
      </c>
      <c r="D4731" t="s">
        <v>88</v>
      </c>
      <c r="E4731" s="1">
        <v>44699.665520833332</v>
      </c>
    </row>
    <row r="4732" spans="1:5" x14ac:dyDescent="0.4">
      <c r="A4732">
        <v>4385</v>
      </c>
      <c r="B4732">
        <v>0</v>
      </c>
      <c r="C4732">
        <v>2701</v>
      </c>
      <c r="D4732" t="s">
        <v>88</v>
      </c>
      <c r="E4732" s="1">
        <v>44699.665520833332</v>
      </c>
    </row>
    <row r="4733" spans="1:5" x14ac:dyDescent="0.4">
      <c r="A4733">
        <v>4386</v>
      </c>
      <c r="B4733">
        <v>0</v>
      </c>
      <c r="C4733">
        <v>2702</v>
      </c>
      <c r="D4733" t="s">
        <v>88</v>
      </c>
      <c r="E4733" s="1">
        <v>44699.665520833332</v>
      </c>
    </row>
    <row r="4734" spans="1:5" x14ac:dyDescent="0.4">
      <c r="A4734">
        <v>4387</v>
      </c>
      <c r="B4734">
        <v>0</v>
      </c>
      <c r="C4734">
        <v>2703</v>
      </c>
      <c r="D4734" t="s">
        <v>88</v>
      </c>
      <c r="E4734" s="1">
        <v>44699.665520833332</v>
      </c>
    </row>
    <row r="4735" spans="1:5" x14ac:dyDescent="0.4">
      <c r="A4735">
        <v>4388</v>
      </c>
      <c r="B4735">
        <v>0</v>
      </c>
      <c r="C4735">
        <v>2704</v>
      </c>
      <c r="D4735" t="s">
        <v>88</v>
      </c>
      <c r="E4735" s="1">
        <v>44699.665520833332</v>
      </c>
    </row>
    <row r="4736" spans="1:5" x14ac:dyDescent="0.4">
      <c r="A4736">
        <v>4389</v>
      </c>
      <c r="B4736">
        <v>0</v>
      </c>
      <c r="C4736">
        <v>2705</v>
      </c>
      <c r="D4736" t="s">
        <v>88</v>
      </c>
      <c r="E4736" s="1">
        <v>44699.665520833332</v>
      </c>
    </row>
    <row r="4737" spans="1:5" x14ac:dyDescent="0.4">
      <c r="A4737">
        <v>4390</v>
      </c>
      <c r="B4737">
        <v>0</v>
      </c>
      <c r="C4737">
        <v>2706</v>
      </c>
      <c r="D4737" t="s">
        <v>88</v>
      </c>
      <c r="E4737" s="1">
        <v>44699.665520833332</v>
      </c>
    </row>
    <row r="4738" spans="1:5" x14ac:dyDescent="0.4">
      <c r="A4738">
        <v>4391</v>
      </c>
      <c r="B4738">
        <v>0</v>
      </c>
      <c r="C4738">
        <v>2707</v>
      </c>
      <c r="D4738" t="s">
        <v>88</v>
      </c>
      <c r="E4738" s="1">
        <v>44699.665520833332</v>
      </c>
    </row>
    <row r="4739" spans="1:5" x14ac:dyDescent="0.4">
      <c r="A4739">
        <v>4392</v>
      </c>
      <c r="B4739">
        <v>0</v>
      </c>
      <c r="C4739">
        <v>2708</v>
      </c>
      <c r="D4739" t="s">
        <v>88</v>
      </c>
      <c r="E4739" s="1">
        <v>44699.665520833332</v>
      </c>
    </row>
    <row r="4740" spans="1:5" x14ac:dyDescent="0.4">
      <c r="A4740">
        <v>4393</v>
      </c>
      <c r="B4740">
        <v>0</v>
      </c>
      <c r="C4740">
        <v>2709</v>
      </c>
      <c r="D4740" t="s">
        <v>88</v>
      </c>
      <c r="E4740" s="1">
        <v>44699.665520833332</v>
      </c>
    </row>
    <row r="4741" spans="1:5" x14ac:dyDescent="0.4">
      <c r="A4741">
        <v>4394</v>
      </c>
      <c r="B4741">
        <v>0</v>
      </c>
      <c r="C4741">
        <v>2710</v>
      </c>
      <c r="D4741" t="s">
        <v>88</v>
      </c>
      <c r="E4741" s="1">
        <v>44699.665520833332</v>
      </c>
    </row>
    <row r="4742" spans="1:5" x14ac:dyDescent="0.4">
      <c r="A4742">
        <v>4395</v>
      </c>
      <c r="B4742">
        <v>0</v>
      </c>
      <c r="C4742">
        <v>2711</v>
      </c>
      <c r="D4742" t="s">
        <v>88</v>
      </c>
      <c r="E4742" s="1">
        <v>44699.665520833332</v>
      </c>
    </row>
    <row r="4743" spans="1:5" x14ac:dyDescent="0.4">
      <c r="A4743">
        <v>4396</v>
      </c>
      <c r="B4743">
        <v>0</v>
      </c>
      <c r="C4743">
        <v>2712</v>
      </c>
      <c r="D4743" t="s">
        <v>88</v>
      </c>
      <c r="E4743" s="1">
        <v>44699.665520833332</v>
      </c>
    </row>
    <row r="4744" spans="1:5" x14ac:dyDescent="0.4">
      <c r="A4744">
        <v>4397</v>
      </c>
      <c r="B4744">
        <v>0</v>
      </c>
      <c r="C4744">
        <v>2713</v>
      </c>
      <c r="D4744" t="s">
        <v>88</v>
      </c>
      <c r="E4744" s="1">
        <v>44699.665520833332</v>
      </c>
    </row>
    <row r="4745" spans="1:5" x14ac:dyDescent="0.4">
      <c r="A4745">
        <v>4398</v>
      </c>
      <c r="B4745">
        <v>0</v>
      </c>
      <c r="C4745">
        <v>2714</v>
      </c>
      <c r="D4745" t="s">
        <v>88</v>
      </c>
      <c r="E4745" s="1">
        <v>44699.665520833332</v>
      </c>
    </row>
    <row r="4746" spans="1:5" x14ac:dyDescent="0.4">
      <c r="A4746">
        <v>4399</v>
      </c>
      <c r="B4746">
        <v>0</v>
      </c>
      <c r="C4746">
        <v>2715</v>
      </c>
      <c r="D4746" t="s">
        <v>88</v>
      </c>
      <c r="E4746" s="1">
        <v>44699.665520833332</v>
      </c>
    </row>
    <row r="4747" spans="1:5" x14ac:dyDescent="0.4">
      <c r="A4747">
        <v>4400</v>
      </c>
      <c r="B4747">
        <v>0</v>
      </c>
      <c r="C4747">
        <v>2716</v>
      </c>
      <c r="D4747" t="s">
        <v>88</v>
      </c>
      <c r="E4747" s="1">
        <v>44699.665520833332</v>
      </c>
    </row>
    <row r="4748" spans="1:5" x14ac:dyDescent="0.4">
      <c r="A4748">
        <v>4401</v>
      </c>
      <c r="B4748">
        <v>0</v>
      </c>
      <c r="C4748">
        <v>2717</v>
      </c>
      <c r="D4748" t="s">
        <v>88</v>
      </c>
      <c r="E4748" s="1">
        <v>44699.665520833332</v>
      </c>
    </row>
    <row r="4749" spans="1:5" x14ac:dyDescent="0.4">
      <c r="A4749">
        <v>4402</v>
      </c>
      <c r="B4749">
        <v>0</v>
      </c>
      <c r="C4749">
        <v>2718</v>
      </c>
      <c r="D4749" t="s">
        <v>88</v>
      </c>
      <c r="E4749" s="1">
        <v>44699.665520833332</v>
      </c>
    </row>
    <row r="4750" spans="1:5" x14ac:dyDescent="0.4">
      <c r="A4750">
        <v>4403</v>
      </c>
      <c r="B4750">
        <v>0</v>
      </c>
      <c r="C4750">
        <v>2719</v>
      </c>
      <c r="D4750" t="s">
        <v>88</v>
      </c>
      <c r="E4750" s="1">
        <v>44699.665520833332</v>
      </c>
    </row>
    <row r="4751" spans="1:5" x14ac:dyDescent="0.4">
      <c r="A4751">
        <v>4404</v>
      </c>
      <c r="B4751">
        <v>0</v>
      </c>
      <c r="C4751">
        <v>2721</v>
      </c>
      <c r="D4751" t="s">
        <v>88</v>
      </c>
      <c r="E4751" s="1">
        <v>44699.665520833332</v>
      </c>
    </row>
    <row r="4752" spans="1:5" x14ac:dyDescent="0.4">
      <c r="A4752">
        <v>4405</v>
      </c>
      <c r="B4752">
        <v>0</v>
      </c>
      <c r="C4752">
        <v>3073</v>
      </c>
      <c r="D4752" t="s">
        <v>88</v>
      </c>
      <c r="E4752" s="1">
        <v>44699.665520833332</v>
      </c>
    </row>
    <row r="4753" spans="1:5" x14ac:dyDescent="0.4">
      <c r="A4753">
        <v>4406</v>
      </c>
      <c r="B4753">
        <v>0</v>
      </c>
      <c r="C4753">
        <v>3074</v>
      </c>
      <c r="D4753" t="s">
        <v>88</v>
      </c>
      <c r="E4753" s="1">
        <v>44699.665520833332</v>
      </c>
    </row>
    <row r="4754" spans="1:5" x14ac:dyDescent="0.4">
      <c r="A4754">
        <v>4407</v>
      </c>
      <c r="B4754">
        <v>0</v>
      </c>
      <c r="C4754">
        <v>3075</v>
      </c>
      <c r="D4754" t="s">
        <v>88</v>
      </c>
      <c r="E4754" s="1">
        <v>44699.665520833332</v>
      </c>
    </row>
    <row r="4755" spans="1:5" x14ac:dyDescent="0.4">
      <c r="A4755">
        <v>4408</v>
      </c>
      <c r="B4755">
        <v>0</v>
      </c>
      <c r="C4755">
        <v>3076</v>
      </c>
      <c r="D4755" t="s">
        <v>88</v>
      </c>
      <c r="E4755" s="1">
        <v>44699.665520833332</v>
      </c>
    </row>
    <row r="4756" spans="1:5" x14ac:dyDescent="0.4">
      <c r="A4756">
        <v>4409</v>
      </c>
      <c r="B4756">
        <v>0</v>
      </c>
      <c r="C4756">
        <v>3077</v>
      </c>
      <c r="D4756" t="s">
        <v>88</v>
      </c>
      <c r="E4756" s="1">
        <v>44699.665520833332</v>
      </c>
    </row>
    <row r="4757" spans="1:5" x14ac:dyDescent="0.4">
      <c r="A4757">
        <v>4410</v>
      </c>
      <c r="B4757">
        <v>0</v>
      </c>
      <c r="C4757">
        <v>3078</v>
      </c>
      <c r="D4757" t="s">
        <v>88</v>
      </c>
      <c r="E4757" s="1">
        <v>44699.665520833332</v>
      </c>
    </row>
    <row r="4758" spans="1:5" x14ac:dyDescent="0.4">
      <c r="A4758">
        <v>4411</v>
      </c>
      <c r="B4758">
        <v>0</v>
      </c>
      <c r="C4758">
        <v>3079</v>
      </c>
      <c r="D4758" t="s">
        <v>88</v>
      </c>
      <c r="E4758" s="1">
        <v>44699.665520833332</v>
      </c>
    </row>
    <row r="4759" spans="1:5" x14ac:dyDescent="0.4">
      <c r="A4759">
        <v>4412</v>
      </c>
      <c r="B4759">
        <v>0</v>
      </c>
      <c r="C4759">
        <v>3080</v>
      </c>
      <c r="D4759" t="s">
        <v>88</v>
      </c>
      <c r="E4759" s="1">
        <v>44699.665520833332</v>
      </c>
    </row>
    <row r="4760" spans="1:5" x14ac:dyDescent="0.4">
      <c r="A4760">
        <v>4413</v>
      </c>
      <c r="B4760">
        <v>0</v>
      </c>
      <c r="C4760">
        <v>3081</v>
      </c>
      <c r="D4760" t="s">
        <v>88</v>
      </c>
      <c r="E4760" s="1">
        <v>44699.665520833332</v>
      </c>
    </row>
    <row r="4761" spans="1:5" x14ac:dyDescent="0.4">
      <c r="A4761">
        <v>4414</v>
      </c>
      <c r="B4761">
        <v>0</v>
      </c>
      <c r="C4761">
        <v>3082</v>
      </c>
      <c r="D4761" t="s">
        <v>88</v>
      </c>
      <c r="E4761" s="1">
        <v>44699.665520833332</v>
      </c>
    </row>
    <row r="4762" spans="1:5" x14ac:dyDescent="0.4">
      <c r="A4762">
        <v>4415</v>
      </c>
      <c r="B4762">
        <v>0</v>
      </c>
      <c r="C4762">
        <v>3083</v>
      </c>
      <c r="D4762" t="s">
        <v>88</v>
      </c>
      <c r="E4762" s="1">
        <v>44699.665520833332</v>
      </c>
    </row>
    <row r="4763" spans="1:5" x14ac:dyDescent="0.4">
      <c r="A4763">
        <v>4416</v>
      </c>
      <c r="B4763">
        <v>0</v>
      </c>
      <c r="C4763">
        <v>3084</v>
      </c>
      <c r="D4763" t="s">
        <v>88</v>
      </c>
      <c r="E4763" s="1">
        <v>44699.665520833332</v>
      </c>
    </row>
    <row r="4764" spans="1:5" x14ac:dyDescent="0.4">
      <c r="A4764">
        <v>4417</v>
      </c>
      <c r="B4764">
        <v>0</v>
      </c>
      <c r="C4764">
        <v>3085</v>
      </c>
      <c r="D4764" t="s">
        <v>88</v>
      </c>
      <c r="E4764" s="1">
        <v>44699.665520833332</v>
      </c>
    </row>
    <row r="4765" spans="1:5" x14ac:dyDescent="0.4">
      <c r="A4765">
        <v>4418</v>
      </c>
      <c r="B4765">
        <v>0</v>
      </c>
      <c r="C4765">
        <v>3086</v>
      </c>
      <c r="D4765" t="s">
        <v>88</v>
      </c>
      <c r="E4765" s="1">
        <v>44699.665520833332</v>
      </c>
    </row>
    <row r="4766" spans="1:5" x14ac:dyDescent="0.4">
      <c r="A4766">
        <v>4419</v>
      </c>
      <c r="B4766">
        <v>0</v>
      </c>
      <c r="C4766">
        <v>3087</v>
      </c>
      <c r="D4766" t="s">
        <v>88</v>
      </c>
      <c r="E4766" s="1">
        <v>44699.665520833332</v>
      </c>
    </row>
    <row r="4767" spans="1:5" x14ac:dyDescent="0.4">
      <c r="A4767">
        <v>4420</v>
      </c>
      <c r="B4767">
        <v>0</v>
      </c>
      <c r="C4767">
        <v>3088</v>
      </c>
      <c r="D4767" t="s">
        <v>88</v>
      </c>
      <c r="E4767" s="1">
        <v>44699.665520833332</v>
      </c>
    </row>
    <row r="4768" spans="1:5" x14ac:dyDescent="0.4">
      <c r="A4768">
        <v>4421</v>
      </c>
      <c r="B4768">
        <v>0</v>
      </c>
      <c r="C4768">
        <v>3089</v>
      </c>
      <c r="D4768" t="s">
        <v>88</v>
      </c>
      <c r="E4768" s="1">
        <v>44699.665520833332</v>
      </c>
    </row>
    <row r="4769" spans="1:5" x14ac:dyDescent="0.4">
      <c r="A4769">
        <v>4422</v>
      </c>
      <c r="B4769">
        <v>0</v>
      </c>
      <c r="C4769">
        <v>3090</v>
      </c>
      <c r="D4769" t="s">
        <v>88</v>
      </c>
      <c r="E4769" s="1">
        <v>44699.665520833332</v>
      </c>
    </row>
    <row r="4770" spans="1:5" x14ac:dyDescent="0.4">
      <c r="A4770">
        <v>4423</v>
      </c>
      <c r="B4770">
        <v>0</v>
      </c>
      <c r="C4770">
        <v>3091</v>
      </c>
      <c r="D4770" t="s">
        <v>88</v>
      </c>
      <c r="E4770" s="1">
        <v>44699.665520833332</v>
      </c>
    </row>
    <row r="4771" spans="1:5" x14ac:dyDescent="0.4">
      <c r="A4771">
        <v>4424</v>
      </c>
      <c r="B4771">
        <v>0</v>
      </c>
      <c r="C4771">
        <v>3092</v>
      </c>
      <c r="D4771" t="s">
        <v>88</v>
      </c>
      <c r="E4771" s="1">
        <v>44699.665520833332</v>
      </c>
    </row>
    <row r="4772" spans="1:5" x14ac:dyDescent="0.4">
      <c r="A4772">
        <v>4425</v>
      </c>
      <c r="B4772">
        <v>0</v>
      </c>
      <c r="C4772">
        <v>3093</v>
      </c>
      <c r="D4772" t="s">
        <v>88</v>
      </c>
      <c r="E4772" s="1">
        <v>44699.665520833332</v>
      </c>
    </row>
    <row r="4773" spans="1:5" x14ac:dyDescent="0.4">
      <c r="A4773">
        <v>4426</v>
      </c>
      <c r="B4773">
        <v>0</v>
      </c>
      <c r="C4773">
        <v>3094</v>
      </c>
      <c r="D4773" t="s">
        <v>88</v>
      </c>
      <c r="E4773" s="1">
        <v>44699.665520833332</v>
      </c>
    </row>
    <row r="4774" spans="1:5" x14ac:dyDescent="0.4">
      <c r="A4774">
        <v>4427</v>
      </c>
      <c r="B4774">
        <v>0</v>
      </c>
      <c r="C4774">
        <v>3095</v>
      </c>
      <c r="D4774" t="s">
        <v>88</v>
      </c>
      <c r="E4774" s="1">
        <v>44699.665520833332</v>
      </c>
    </row>
    <row r="4775" spans="1:5" x14ac:dyDescent="0.4">
      <c r="A4775">
        <v>4428</v>
      </c>
      <c r="B4775">
        <v>0</v>
      </c>
      <c r="C4775">
        <v>3096</v>
      </c>
      <c r="D4775" t="s">
        <v>88</v>
      </c>
      <c r="E4775" s="1">
        <v>44699.665520833332</v>
      </c>
    </row>
    <row r="4776" spans="1:5" x14ac:dyDescent="0.4">
      <c r="A4776">
        <v>4429</v>
      </c>
      <c r="B4776">
        <v>0</v>
      </c>
      <c r="C4776">
        <v>3097</v>
      </c>
      <c r="D4776" t="s">
        <v>88</v>
      </c>
      <c r="E4776" s="1">
        <v>44699.665520833332</v>
      </c>
    </row>
    <row r="4777" spans="1:5" x14ac:dyDescent="0.4">
      <c r="A4777">
        <v>4430</v>
      </c>
      <c r="B4777">
        <v>0</v>
      </c>
      <c r="C4777">
        <v>3098</v>
      </c>
      <c r="D4777" t="s">
        <v>88</v>
      </c>
      <c r="E4777" s="1">
        <v>44699.665520833332</v>
      </c>
    </row>
    <row r="4778" spans="1:5" x14ac:dyDescent="0.4">
      <c r="A4778">
        <v>4431</v>
      </c>
      <c r="B4778">
        <v>0</v>
      </c>
      <c r="C4778">
        <v>3099</v>
      </c>
      <c r="D4778" t="s">
        <v>88</v>
      </c>
      <c r="E4778" s="1">
        <v>44699.665520833332</v>
      </c>
    </row>
    <row r="4779" spans="1:5" x14ac:dyDescent="0.4">
      <c r="A4779">
        <v>4432</v>
      </c>
      <c r="B4779">
        <v>0</v>
      </c>
      <c r="C4779">
        <v>3100</v>
      </c>
      <c r="D4779" t="s">
        <v>88</v>
      </c>
      <c r="E4779" s="1">
        <v>44699.665520833332</v>
      </c>
    </row>
    <row r="4780" spans="1:5" x14ac:dyDescent="0.4">
      <c r="A4780">
        <v>4433</v>
      </c>
      <c r="B4780">
        <v>0</v>
      </c>
      <c r="C4780">
        <v>3101</v>
      </c>
      <c r="D4780" t="s">
        <v>88</v>
      </c>
      <c r="E4780" s="1">
        <v>44699.665520833332</v>
      </c>
    </row>
    <row r="4781" spans="1:5" x14ac:dyDescent="0.4">
      <c r="A4781">
        <v>4434</v>
      </c>
      <c r="B4781">
        <v>0</v>
      </c>
      <c r="C4781">
        <v>3102</v>
      </c>
      <c r="D4781" t="s">
        <v>88</v>
      </c>
      <c r="E4781" s="1">
        <v>44699.665520833332</v>
      </c>
    </row>
    <row r="4782" spans="1:5" x14ac:dyDescent="0.4">
      <c r="A4782">
        <v>4435</v>
      </c>
      <c r="B4782">
        <v>0</v>
      </c>
      <c r="C4782">
        <v>3103</v>
      </c>
      <c r="D4782" t="s">
        <v>88</v>
      </c>
      <c r="E4782" s="1">
        <v>44699.665520833332</v>
      </c>
    </row>
    <row r="4783" spans="1:5" x14ac:dyDescent="0.4">
      <c r="A4783">
        <v>4436</v>
      </c>
      <c r="B4783">
        <v>0</v>
      </c>
      <c r="C4783">
        <v>3104</v>
      </c>
      <c r="D4783" t="s">
        <v>88</v>
      </c>
      <c r="E4783" s="1">
        <v>44699.665520833332</v>
      </c>
    </row>
    <row r="4784" spans="1:5" x14ac:dyDescent="0.4">
      <c r="A4784">
        <v>4437</v>
      </c>
      <c r="B4784">
        <v>0</v>
      </c>
      <c r="C4784">
        <v>3105</v>
      </c>
      <c r="D4784" t="s">
        <v>88</v>
      </c>
      <c r="E4784" s="1">
        <v>44699.665520833332</v>
      </c>
    </row>
    <row r="4785" spans="1:5" x14ac:dyDescent="0.4">
      <c r="A4785">
        <v>4438</v>
      </c>
      <c r="B4785">
        <v>0</v>
      </c>
      <c r="C4785">
        <v>3106</v>
      </c>
      <c r="D4785" t="s">
        <v>88</v>
      </c>
      <c r="E4785" s="1">
        <v>44699.665520833332</v>
      </c>
    </row>
    <row r="4786" spans="1:5" x14ac:dyDescent="0.4">
      <c r="A4786">
        <v>4439</v>
      </c>
      <c r="B4786">
        <v>0</v>
      </c>
      <c r="C4786">
        <v>3107</v>
      </c>
      <c r="D4786" t="s">
        <v>88</v>
      </c>
      <c r="E4786" s="1">
        <v>44699.665520833332</v>
      </c>
    </row>
    <row r="4787" spans="1:5" x14ac:dyDescent="0.4">
      <c r="A4787">
        <v>4440</v>
      </c>
      <c r="B4787">
        <v>0</v>
      </c>
      <c r="C4787">
        <v>3108</v>
      </c>
      <c r="D4787" t="s">
        <v>88</v>
      </c>
      <c r="E4787" s="1">
        <v>44699.665520833332</v>
      </c>
    </row>
    <row r="4788" spans="1:5" x14ac:dyDescent="0.4">
      <c r="A4788">
        <v>4441</v>
      </c>
      <c r="B4788">
        <v>0</v>
      </c>
      <c r="C4788">
        <v>3109</v>
      </c>
      <c r="D4788" t="s">
        <v>88</v>
      </c>
      <c r="E4788" s="1">
        <v>44699.665520833332</v>
      </c>
    </row>
    <row r="4789" spans="1:5" x14ac:dyDescent="0.4">
      <c r="A4789">
        <v>4442</v>
      </c>
      <c r="B4789">
        <v>0</v>
      </c>
      <c r="C4789">
        <v>3110</v>
      </c>
      <c r="D4789" t="s">
        <v>88</v>
      </c>
      <c r="E4789" s="1">
        <v>44699.665520833332</v>
      </c>
    </row>
    <row r="4790" spans="1:5" x14ac:dyDescent="0.4">
      <c r="A4790">
        <v>4443</v>
      </c>
      <c r="B4790">
        <v>0</v>
      </c>
      <c r="C4790">
        <v>3111</v>
      </c>
      <c r="D4790" t="s">
        <v>88</v>
      </c>
      <c r="E4790" s="1">
        <v>44699.665520833332</v>
      </c>
    </row>
    <row r="4791" spans="1:5" x14ac:dyDescent="0.4">
      <c r="A4791">
        <v>4444</v>
      </c>
      <c r="B4791">
        <v>0</v>
      </c>
      <c r="C4791">
        <v>3112</v>
      </c>
      <c r="D4791" t="s">
        <v>88</v>
      </c>
      <c r="E4791" s="1">
        <v>44699.665520833332</v>
      </c>
    </row>
    <row r="4792" spans="1:5" x14ac:dyDescent="0.4">
      <c r="A4792">
        <v>4445</v>
      </c>
      <c r="B4792">
        <v>0</v>
      </c>
      <c r="C4792">
        <v>3113</v>
      </c>
      <c r="D4792" t="s">
        <v>88</v>
      </c>
      <c r="E4792" s="1">
        <v>44699.665520833332</v>
      </c>
    </row>
    <row r="4793" spans="1:5" x14ac:dyDescent="0.4">
      <c r="A4793">
        <v>4446</v>
      </c>
      <c r="B4793">
        <v>0</v>
      </c>
      <c r="C4793">
        <v>3116</v>
      </c>
      <c r="D4793" t="s">
        <v>88</v>
      </c>
      <c r="E4793" s="1">
        <v>44699.665520833332</v>
      </c>
    </row>
    <row r="4794" spans="1:5" x14ac:dyDescent="0.4">
      <c r="A4794">
        <v>4447</v>
      </c>
      <c r="B4794">
        <v>0</v>
      </c>
      <c r="C4794">
        <v>3117</v>
      </c>
      <c r="D4794" t="s">
        <v>88</v>
      </c>
      <c r="E4794" s="1">
        <v>44699.665520833332</v>
      </c>
    </row>
    <row r="4795" spans="1:5" x14ac:dyDescent="0.4">
      <c r="A4795">
        <v>4448</v>
      </c>
      <c r="B4795">
        <v>0</v>
      </c>
      <c r="C4795">
        <v>3119</v>
      </c>
      <c r="D4795" t="s">
        <v>88</v>
      </c>
      <c r="E4795" s="1">
        <v>44699.665520833332</v>
      </c>
    </row>
    <row r="4796" spans="1:5" x14ac:dyDescent="0.4">
      <c r="A4796">
        <v>4449</v>
      </c>
      <c r="B4796">
        <v>0</v>
      </c>
      <c r="C4796">
        <v>3122</v>
      </c>
      <c r="D4796" t="s">
        <v>88</v>
      </c>
      <c r="E4796" s="1">
        <v>44699.665520833332</v>
      </c>
    </row>
    <row r="4797" spans="1:5" x14ac:dyDescent="0.4">
      <c r="A4797">
        <v>4450</v>
      </c>
      <c r="B4797">
        <v>0</v>
      </c>
      <c r="C4797">
        <v>3125</v>
      </c>
      <c r="D4797" t="s">
        <v>88</v>
      </c>
      <c r="E4797" s="1">
        <v>44699.665520833332</v>
      </c>
    </row>
    <row r="4798" spans="1:5" x14ac:dyDescent="0.4">
      <c r="A4798">
        <v>4451</v>
      </c>
      <c r="B4798">
        <v>0</v>
      </c>
      <c r="C4798">
        <v>3126</v>
      </c>
      <c r="D4798" t="s">
        <v>88</v>
      </c>
      <c r="E4798" s="1">
        <v>44699.665520833332</v>
      </c>
    </row>
    <row r="4799" spans="1:5" x14ac:dyDescent="0.4">
      <c r="A4799">
        <v>4452</v>
      </c>
      <c r="B4799">
        <v>0</v>
      </c>
      <c r="C4799">
        <v>3136</v>
      </c>
      <c r="D4799" t="s">
        <v>88</v>
      </c>
      <c r="E4799" s="1">
        <v>44699.665520833332</v>
      </c>
    </row>
    <row r="4800" spans="1:5" x14ac:dyDescent="0.4">
      <c r="A4800">
        <v>4453</v>
      </c>
      <c r="B4800">
        <v>0</v>
      </c>
      <c r="C4800">
        <v>3138</v>
      </c>
      <c r="D4800" t="s">
        <v>88</v>
      </c>
      <c r="E4800" s="1">
        <v>44699.665520833332</v>
      </c>
    </row>
    <row r="4801" spans="1:5" x14ac:dyDescent="0.4">
      <c r="A4801">
        <v>4454</v>
      </c>
      <c r="B4801">
        <v>0</v>
      </c>
      <c r="C4801">
        <v>3154</v>
      </c>
      <c r="D4801" t="s">
        <v>88</v>
      </c>
      <c r="E4801" s="1">
        <v>44699.665520833332</v>
      </c>
    </row>
    <row r="4802" spans="1:5" x14ac:dyDescent="0.4">
      <c r="A4802">
        <v>4455</v>
      </c>
      <c r="B4802">
        <v>0</v>
      </c>
      <c r="C4802">
        <v>3155</v>
      </c>
      <c r="D4802" t="s">
        <v>88</v>
      </c>
      <c r="E4802" s="1">
        <v>44699.665520833332</v>
      </c>
    </row>
    <row r="4803" spans="1:5" x14ac:dyDescent="0.4">
      <c r="A4803">
        <v>4456</v>
      </c>
      <c r="B4803">
        <v>0</v>
      </c>
      <c r="C4803">
        <v>4000</v>
      </c>
      <c r="D4803" t="s">
        <v>88</v>
      </c>
      <c r="E4803" s="1">
        <v>44699.665520833332</v>
      </c>
    </row>
    <row r="4804" spans="1:5" x14ac:dyDescent="0.4">
      <c r="A4804">
        <v>4457</v>
      </c>
      <c r="B4804">
        <v>0</v>
      </c>
      <c r="C4804">
        <v>4001</v>
      </c>
      <c r="D4804" t="s">
        <v>88</v>
      </c>
      <c r="E4804" s="1">
        <v>44699.665520833332</v>
      </c>
    </row>
    <row r="4805" spans="1:5" x14ac:dyDescent="0.4">
      <c r="A4805">
        <v>4458</v>
      </c>
      <c r="B4805">
        <v>0</v>
      </c>
      <c r="C4805">
        <v>4002</v>
      </c>
      <c r="D4805" t="s">
        <v>88</v>
      </c>
      <c r="E4805" s="1">
        <v>44699.665520833332</v>
      </c>
    </row>
    <row r="4806" spans="1:5" x14ac:dyDescent="0.4">
      <c r="A4806">
        <v>4459</v>
      </c>
      <c r="B4806">
        <v>0</v>
      </c>
      <c r="C4806">
        <v>4058</v>
      </c>
      <c r="D4806" t="s">
        <v>88</v>
      </c>
      <c r="E4806" s="1">
        <v>44699.665520833332</v>
      </c>
    </row>
    <row r="4807" spans="1:5" x14ac:dyDescent="0.4">
      <c r="A4807">
        <v>4460</v>
      </c>
      <c r="B4807">
        <v>0</v>
      </c>
      <c r="C4807">
        <v>4062</v>
      </c>
      <c r="D4807" t="s">
        <v>88</v>
      </c>
      <c r="E4807" s="1">
        <v>44699.665520833332</v>
      </c>
    </row>
    <row r="4808" spans="1:5" x14ac:dyDescent="0.4">
      <c r="A4808">
        <v>4461</v>
      </c>
      <c r="B4808">
        <v>0</v>
      </c>
      <c r="C4808">
        <v>4063</v>
      </c>
      <c r="D4808" t="s">
        <v>88</v>
      </c>
      <c r="E4808" s="1">
        <v>44699.665520833332</v>
      </c>
    </row>
    <row r="4809" spans="1:5" x14ac:dyDescent="0.4">
      <c r="A4809">
        <v>4462</v>
      </c>
      <c r="B4809">
        <v>0</v>
      </c>
      <c r="C4809">
        <v>4064</v>
      </c>
      <c r="D4809" t="s">
        <v>88</v>
      </c>
      <c r="E4809" s="1">
        <v>44699.665520833332</v>
      </c>
    </row>
    <row r="4810" spans="1:5" x14ac:dyDescent="0.4">
      <c r="A4810">
        <v>4463</v>
      </c>
      <c r="B4810">
        <v>0</v>
      </c>
      <c r="C4810">
        <v>4065</v>
      </c>
      <c r="D4810" t="s">
        <v>88</v>
      </c>
      <c r="E4810" s="1">
        <v>44699.665520833332</v>
      </c>
    </row>
    <row r="4811" spans="1:5" x14ac:dyDescent="0.4">
      <c r="A4811">
        <v>4464</v>
      </c>
      <c r="B4811">
        <v>0</v>
      </c>
      <c r="C4811">
        <v>4068</v>
      </c>
      <c r="D4811" t="s">
        <v>88</v>
      </c>
      <c r="E4811" s="1">
        <v>44699.665520833332</v>
      </c>
    </row>
    <row r="4812" spans="1:5" x14ac:dyDescent="0.4">
      <c r="A4812">
        <v>4465</v>
      </c>
      <c r="B4812">
        <v>0</v>
      </c>
      <c r="C4812">
        <v>4089</v>
      </c>
      <c r="D4812" t="s">
        <v>88</v>
      </c>
      <c r="E4812" s="1">
        <v>44699.665520833332</v>
      </c>
    </row>
    <row r="4813" spans="1:5" x14ac:dyDescent="0.4">
      <c r="A4813">
        <v>4466</v>
      </c>
      <c r="B4813">
        <v>0</v>
      </c>
      <c r="C4813">
        <v>4090</v>
      </c>
      <c r="D4813" t="s">
        <v>88</v>
      </c>
      <c r="E4813" s="1">
        <v>44699.665520833332</v>
      </c>
    </row>
    <row r="4814" spans="1:5" x14ac:dyDescent="0.4">
      <c r="A4814">
        <v>4467</v>
      </c>
      <c r="B4814">
        <v>0</v>
      </c>
      <c r="C4814">
        <v>4091</v>
      </c>
      <c r="D4814" t="s">
        <v>88</v>
      </c>
      <c r="E4814" s="1">
        <v>44699.665520833332</v>
      </c>
    </row>
    <row r="4815" spans="1:5" x14ac:dyDescent="0.4">
      <c r="A4815">
        <v>4468</v>
      </c>
      <c r="B4815">
        <v>0</v>
      </c>
      <c r="C4815">
        <v>4092</v>
      </c>
      <c r="D4815" t="s">
        <v>88</v>
      </c>
      <c r="E4815" s="1">
        <v>44699.665520833332</v>
      </c>
    </row>
    <row r="4816" spans="1:5" x14ac:dyDescent="0.4">
      <c r="A4816">
        <v>4469</v>
      </c>
      <c r="B4816">
        <v>0</v>
      </c>
      <c r="C4816">
        <v>4093</v>
      </c>
      <c r="D4816" t="s">
        <v>88</v>
      </c>
      <c r="E4816" s="1">
        <v>44699.665520833332</v>
      </c>
    </row>
    <row r="4817" spans="1:5" x14ac:dyDescent="0.4">
      <c r="A4817">
        <v>4470</v>
      </c>
      <c r="B4817">
        <v>0</v>
      </c>
      <c r="C4817">
        <v>4094</v>
      </c>
      <c r="D4817" t="s">
        <v>88</v>
      </c>
      <c r="E4817" s="1">
        <v>44699.665520833332</v>
      </c>
    </row>
    <row r="4818" spans="1:5" x14ac:dyDescent="0.4">
      <c r="A4818">
        <v>4471</v>
      </c>
      <c r="B4818">
        <v>0</v>
      </c>
      <c r="C4818">
        <v>4095</v>
      </c>
      <c r="D4818" t="s">
        <v>88</v>
      </c>
      <c r="E4818" s="1">
        <v>44699.665520833332</v>
      </c>
    </row>
    <row r="4819" spans="1:5" x14ac:dyDescent="0.4">
      <c r="A4819">
        <v>4472</v>
      </c>
      <c r="B4819">
        <v>0</v>
      </c>
      <c r="C4819">
        <v>4096</v>
      </c>
      <c r="D4819" t="s">
        <v>88</v>
      </c>
      <c r="E4819" s="1">
        <v>44699.665520833332</v>
      </c>
    </row>
    <row r="4820" spans="1:5" x14ac:dyDescent="0.4">
      <c r="A4820">
        <v>4473</v>
      </c>
      <c r="B4820">
        <v>0</v>
      </c>
      <c r="C4820">
        <v>4097</v>
      </c>
      <c r="D4820" t="s">
        <v>88</v>
      </c>
      <c r="E4820" s="1">
        <v>44699.665520833332</v>
      </c>
    </row>
    <row r="4821" spans="1:5" x14ac:dyDescent="0.4">
      <c r="A4821">
        <v>4474</v>
      </c>
      <c r="B4821">
        <v>0</v>
      </c>
      <c r="C4821">
        <v>4098</v>
      </c>
      <c r="D4821" t="s">
        <v>88</v>
      </c>
      <c r="E4821" s="1">
        <v>44699.665520833332</v>
      </c>
    </row>
    <row r="4822" spans="1:5" x14ac:dyDescent="0.4">
      <c r="A4822">
        <v>4475</v>
      </c>
      <c r="B4822">
        <v>0</v>
      </c>
      <c r="C4822">
        <v>4099</v>
      </c>
      <c r="D4822" t="s">
        <v>88</v>
      </c>
      <c r="E4822" s="1">
        <v>44699.665520833332</v>
      </c>
    </row>
    <row r="4823" spans="1:5" x14ac:dyDescent="0.4">
      <c r="A4823">
        <v>4476</v>
      </c>
      <c r="B4823">
        <v>0</v>
      </c>
      <c r="C4823">
        <v>4125</v>
      </c>
      <c r="D4823" t="s">
        <v>88</v>
      </c>
      <c r="E4823" s="1">
        <v>44699.665520833332</v>
      </c>
    </row>
    <row r="4824" spans="1:5" x14ac:dyDescent="0.4">
      <c r="A4824">
        <v>4477</v>
      </c>
      <c r="B4824">
        <v>0</v>
      </c>
      <c r="C4824">
        <v>4126</v>
      </c>
      <c r="D4824" t="s">
        <v>88</v>
      </c>
      <c r="E4824" s="1">
        <v>44699.665520833332</v>
      </c>
    </row>
    <row r="4825" spans="1:5" x14ac:dyDescent="0.4">
      <c r="A4825">
        <v>4478</v>
      </c>
      <c r="B4825">
        <v>0</v>
      </c>
      <c r="C4825">
        <v>4127</v>
      </c>
      <c r="D4825" t="s">
        <v>88</v>
      </c>
      <c r="E4825" s="1">
        <v>44699.665520833332</v>
      </c>
    </row>
    <row r="4826" spans="1:5" x14ac:dyDescent="0.4">
      <c r="A4826">
        <v>4479</v>
      </c>
      <c r="B4826">
        <v>0</v>
      </c>
      <c r="C4826">
        <v>4128</v>
      </c>
      <c r="D4826" t="s">
        <v>88</v>
      </c>
      <c r="E4826" s="1">
        <v>44699.665520833332</v>
      </c>
    </row>
    <row r="4827" spans="1:5" x14ac:dyDescent="0.4">
      <c r="A4827">
        <v>4480</v>
      </c>
      <c r="B4827">
        <v>0</v>
      </c>
      <c r="C4827">
        <v>4129</v>
      </c>
      <c r="D4827" t="s">
        <v>88</v>
      </c>
      <c r="E4827" s="1">
        <v>44699.665520833332</v>
      </c>
    </row>
    <row r="4828" spans="1:5" x14ac:dyDescent="0.4">
      <c r="A4828">
        <v>4481</v>
      </c>
      <c r="B4828">
        <v>0</v>
      </c>
      <c r="C4828">
        <v>4130</v>
      </c>
      <c r="D4828" t="s">
        <v>88</v>
      </c>
      <c r="E4828" s="1">
        <v>44699.665520833332</v>
      </c>
    </row>
    <row r="4829" spans="1:5" x14ac:dyDescent="0.4">
      <c r="A4829">
        <v>4482</v>
      </c>
      <c r="B4829">
        <v>0</v>
      </c>
      <c r="C4829">
        <v>4131</v>
      </c>
      <c r="D4829" t="s">
        <v>88</v>
      </c>
      <c r="E4829" s="1">
        <v>44699.665520833332</v>
      </c>
    </row>
    <row r="4830" spans="1:5" x14ac:dyDescent="0.4">
      <c r="A4830">
        <v>4483</v>
      </c>
      <c r="B4830">
        <v>0</v>
      </c>
      <c r="C4830">
        <v>4133</v>
      </c>
      <c r="D4830" t="s">
        <v>88</v>
      </c>
      <c r="E4830" s="1">
        <v>44699.665520833332</v>
      </c>
    </row>
    <row r="4831" spans="1:5" x14ac:dyDescent="0.4">
      <c r="A4831">
        <v>4484</v>
      </c>
      <c r="B4831">
        <v>0</v>
      </c>
      <c r="C4831">
        <v>4134</v>
      </c>
      <c r="D4831" t="s">
        <v>88</v>
      </c>
      <c r="E4831" s="1">
        <v>44699.665520833332</v>
      </c>
    </row>
    <row r="4832" spans="1:5" x14ac:dyDescent="0.4">
      <c r="A4832">
        <v>4485</v>
      </c>
      <c r="B4832">
        <v>0</v>
      </c>
      <c r="C4832">
        <v>4137</v>
      </c>
      <c r="D4832" t="s">
        <v>88</v>
      </c>
      <c r="E4832" s="1">
        <v>44699.665520833332</v>
      </c>
    </row>
    <row r="4833" spans="1:5" x14ac:dyDescent="0.4">
      <c r="A4833">
        <v>4486</v>
      </c>
      <c r="B4833">
        <v>0</v>
      </c>
      <c r="C4833">
        <v>4996</v>
      </c>
      <c r="D4833" t="s">
        <v>88</v>
      </c>
      <c r="E4833" s="1">
        <v>44699.665520833332</v>
      </c>
    </row>
    <row r="4834" spans="1:5" x14ac:dyDescent="0.4">
      <c r="A4834">
        <v>4487</v>
      </c>
      <c r="B4834">
        <v>0</v>
      </c>
      <c r="C4834">
        <v>4997</v>
      </c>
      <c r="D4834" t="s">
        <v>88</v>
      </c>
      <c r="E4834" s="1">
        <v>44699.665520833332</v>
      </c>
    </row>
    <row r="4835" spans="1:5" x14ac:dyDescent="0.4">
      <c r="A4835">
        <v>4488</v>
      </c>
      <c r="B4835">
        <v>0</v>
      </c>
      <c r="C4835">
        <v>4998</v>
      </c>
      <c r="D4835" t="s">
        <v>88</v>
      </c>
      <c r="E4835" s="1">
        <v>44699.665520833332</v>
      </c>
    </row>
    <row r="4836" spans="1:5" x14ac:dyDescent="0.4">
      <c r="A4836">
        <v>4489</v>
      </c>
      <c r="B4836">
        <v>0</v>
      </c>
      <c r="C4836">
        <v>4999</v>
      </c>
      <c r="D4836" t="s">
        <v>88</v>
      </c>
      <c r="E4836" s="1">
        <v>44699.665520833332</v>
      </c>
    </row>
    <row r="4837" spans="1:5" x14ac:dyDescent="0.4">
      <c r="A4837">
        <v>4490</v>
      </c>
      <c r="B4837">
        <v>0</v>
      </c>
      <c r="C4837">
        <v>5001</v>
      </c>
      <c r="D4837" t="s">
        <v>88</v>
      </c>
      <c r="E4837" s="1">
        <v>44699.665520833332</v>
      </c>
    </row>
    <row r="4838" spans="1:5" x14ac:dyDescent="0.4">
      <c r="A4838">
        <v>4491</v>
      </c>
      <c r="B4838">
        <v>0</v>
      </c>
      <c r="C4838">
        <v>5002</v>
      </c>
      <c r="D4838" t="s">
        <v>88</v>
      </c>
      <c r="E4838" s="1">
        <v>44699.665520833332</v>
      </c>
    </row>
    <row r="4839" spans="1:5" x14ac:dyDescent="0.4">
      <c r="A4839">
        <v>4492</v>
      </c>
      <c r="B4839">
        <v>0</v>
      </c>
      <c r="C4839">
        <v>5003</v>
      </c>
      <c r="D4839" t="s">
        <v>88</v>
      </c>
      <c r="E4839" s="1">
        <v>44699.665520833332</v>
      </c>
    </row>
    <row r="4840" spans="1:5" x14ac:dyDescent="0.4">
      <c r="A4840">
        <v>4493</v>
      </c>
      <c r="B4840">
        <v>0</v>
      </c>
      <c r="C4840">
        <v>5005</v>
      </c>
      <c r="D4840" t="s">
        <v>88</v>
      </c>
      <c r="E4840" s="1">
        <v>44699.665520833332</v>
      </c>
    </row>
    <row r="4841" spans="1:5" x14ac:dyDescent="0.4">
      <c r="A4841">
        <v>4494</v>
      </c>
      <c r="B4841">
        <v>0</v>
      </c>
      <c r="C4841">
        <v>5006</v>
      </c>
      <c r="D4841" t="s">
        <v>88</v>
      </c>
      <c r="E4841" s="1">
        <v>44699.665520833332</v>
      </c>
    </row>
    <row r="4842" spans="1:5" x14ac:dyDescent="0.4">
      <c r="A4842">
        <v>4495</v>
      </c>
      <c r="B4842">
        <v>0</v>
      </c>
      <c r="C4842">
        <v>5007</v>
      </c>
      <c r="D4842" t="s">
        <v>88</v>
      </c>
      <c r="E4842" s="1">
        <v>44699.665520833332</v>
      </c>
    </row>
    <row r="4843" spans="1:5" x14ac:dyDescent="0.4">
      <c r="A4843">
        <v>4496</v>
      </c>
      <c r="B4843">
        <v>0</v>
      </c>
      <c r="C4843">
        <v>5008</v>
      </c>
      <c r="D4843" t="s">
        <v>88</v>
      </c>
      <c r="E4843" s="1">
        <v>44699.665520833332</v>
      </c>
    </row>
    <row r="4844" spans="1:5" x14ac:dyDescent="0.4">
      <c r="A4844">
        <v>4497</v>
      </c>
      <c r="B4844">
        <v>0</v>
      </c>
      <c r="C4844">
        <v>5009</v>
      </c>
      <c r="D4844" t="s">
        <v>88</v>
      </c>
      <c r="E4844" s="1">
        <v>44699.665520833332</v>
      </c>
    </row>
    <row r="4845" spans="1:5" x14ac:dyDescent="0.4">
      <c r="A4845">
        <v>4498</v>
      </c>
      <c r="B4845">
        <v>0</v>
      </c>
      <c r="C4845">
        <v>5010</v>
      </c>
      <c r="D4845" t="s">
        <v>88</v>
      </c>
      <c r="E4845" s="1">
        <v>44699.665520833332</v>
      </c>
    </row>
    <row r="4846" spans="1:5" x14ac:dyDescent="0.4">
      <c r="A4846">
        <v>4499</v>
      </c>
      <c r="B4846">
        <v>0</v>
      </c>
      <c r="C4846">
        <v>5011</v>
      </c>
      <c r="D4846" t="s">
        <v>88</v>
      </c>
      <c r="E4846" s="1">
        <v>44699.665520833332</v>
      </c>
    </row>
    <row r="4847" spans="1:5" x14ac:dyDescent="0.4">
      <c r="A4847">
        <v>4500</v>
      </c>
      <c r="B4847">
        <v>0</v>
      </c>
      <c r="C4847">
        <v>5012</v>
      </c>
      <c r="D4847" t="s">
        <v>88</v>
      </c>
      <c r="E4847" s="1">
        <v>44699.665520833332</v>
      </c>
    </row>
    <row r="4848" spans="1:5" x14ac:dyDescent="0.4">
      <c r="A4848">
        <v>4501</v>
      </c>
      <c r="B4848">
        <v>0</v>
      </c>
      <c r="C4848">
        <v>5013</v>
      </c>
      <c r="D4848" t="s">
        <v>88</v>
      </c>
      <c r="E4848" s="1">
        <v>44699.665520833332</v>
      </c>
    </row>
    <row r="4849" spans="1:5" x14ac:dyDescent="0.4">
      <c r="A4849">
        <v>4502</v>
      </c>
      <c r="B4849">
        <v>0</v>
      </c>
      <c r="C4849">
        <v>5014</v>
      </c>
      <c r="D4849" t="s">
        <v>88</v>
      </c>
      <c r="E4849" s="1">
        <v>44699.665520833332</v>
      </c>
    </row>
    <row r="4850" spans="1:5" x14ac:dyDescent="0.4">
      <c r="A4850">
        <v>4503</v>
      </c>
      <c r="B4850">
        <v>0</v>
      </c>
      <c r="C4850">
        <v>5015</v>
      </c>
      <c r="D4850" t="s">
        <v>88</v>
      </c>
      <c r="E4850" s="1">
        <v>44699.665520833332</v>
      </c>
    </row>
    <row r="4851" spans="1:5" x14ac:dyDescent="0.4">
      <c r="A4851">
        <v>4504</v>
      </c>
      <c r="B4851">
        <v>0</v>
      </c>
      <c r="C4851">
        <v>5016</v>
      </c>
      <c r="D4851" t="s">
        <v>88</v>
      </c>
      <c r="E4851" s="1">
        <v>44699.665520833332</v>
      </c>
    </row>
    <row r="4852" spans="1:5" x14ac:dyDescent="0.4">
      <c r="A4852">
        <v>4505</v>
      </c>
      <c r="B4852">
        <v>0</v>
      </c>
      <c r="C4852">
        <v>7701</v>
      </c>
      <c r="D4852" t="s">
        <v>88</v>
      </c>
      <c r="E4852" s="1">
        <v>44699.665520833332</v>
      </c>
    </row>
    <row r="4853" spans="1:5" x14ac:dyDescent="0.4">
      <c r="A4853">
        <v>4506</v>
      </c>
      <c r="B4853">
        <v>0</v>
      </c>
      <c r="C4853">
        <v>7702</v>
      </c>
      <c r="D4853" t="s">
        <v>88</v>
      </c>
      <c r="E4853" s="1">
        <v>44699.665520833332</v>
      </c>
    </row>
    <row r="4854" spans="1:5" x14ac:dyDescent="0.4">
      <c r="A4854">
        <v>4507</v>
      </c>
      <c r="B4854">
        <v>0</v>
      </c>
      <c r="C4854">
        <v>7703</v>
      </c>
      <c r="D4854" t="s">
        <v>88</v>
      </c>
      <c r="E4854" s="1">
        <v>44699.665520833332</v>
      </c>
    </row>
    <row r="4855" spans="1:5" x14ac:dyDescent="0.4">
      <c r="A4855">
        <v>4508</v>
      </c>
      <c r="B4855">
        <v>0</v>
      </c>
      <c r="C4855">
        <v>7704</v>
      </c>
      <c r="D4855" t="s">
        <v>88</v>
      </c>
      <c r="E4855" s="1">
        <v>44699.665520833332</v>
      </c>
    </row>
    <row r="4856" spans="1:5" x14ac:dyDescent="0.4">
      <c r="A4856">
        <v>4509</v>
      </c>
      <c r="B4856">
        <v>0</v>
      </c>
      <c r="C4856">
        <v>9971</v>
      </c>
      <c r="D4856" t="s">
        <v>88</v>
      </c>
      <c r="E4856" s="1">
        <v>44699.665520833332</v>
      </c>
    </row>
    <row r="4857" spans="1:5" x14ac:dyDescent="0.4">
      <c r="A4857">
        <v>4510</v>
      </c>
      <c r="B4857">
        <v>0</v>
      </c>
      <c r="C4857">
        <v>9972</v>
      </c>
      <c r="D4857" t="s">
        <v>88</v>
      </c>
      <c r="E4857" s="1">
        <v>44699.665520833332</v>
      </c>
    </row>
    <row r="4858" spans="1:5" x14ac:dyDescent="0.4">
      <c r="A4858">
        <v>4511</v>
      </c>
      <c r="B4858">
        <v>0</v>
      </c>
      <c r="C4858">
        <v>9973</v>
      </c>
      <c r="D4858" t="s">
        <v>88</v>
      </c>
      <c r="E4858" s="1">
        <v>44699.665520833332</v>
      </c>
    </row>
    <row r="4859" spans="1:5" x14ac:dyDescent="0.4">
      <c r="A4859">
        <v>4512</v>
      </c>
      <c r="B4859">
        <v>0</v>
      </c>
      <c r="C4859">
        <v>9974</v>
      </c>
      <c r="D4859" t="s">
        <v>88</v>
      </c>
      <c r="E4859" s="1">
        <v>44699.665520833332</v>
      </c>
    </row>
    <row r="4860" spans="1:5" x14ac:dyDescent="0.4">
      <c r="A4860">
        <v>4513</v>
      </c>
      <c r="B4860">
        <v>0</v>
      </c>
      <c r="C4860">
        <v>9975</v>
      </c>
      <c r="D4860" t="s">
        <v>88</v>
      </c>
      <c r="E4860" s="1">
        <v>44699.665520833332</v>
      </c>
    </row>
    <row r="4861" spans="1:5" x14ac:dyDescent="0.4">
      <c r="A4861" t="s">
        <v>0</v>
      </c>
      <c r="B4861" t="s">
        <v>390</v>
      </c>
      <c r="C4861" t="s">
        <v>50</v>
      </c>
      <c r="D4861" t="s">
        <v>391</v>
      </c>
      <c r="E4861" t="s">
        <v>6</v>
      </c>
    </row>
    <row r="4862" spans="1:5" x14ac:dyDescent="0.4">
      <c r="A4862">
        <v>1</v>
      </c>
      <c r="B4862">
        <v>0</v>
      </c>
      <c r="C4862">
        <v>291</v>
      </c>
      <c r="D4862" t="s">
        <v>88</v>
      </c>
      <c r="E4862" s="1">
        <v>45033.681944444441</v>
      </c>
    </row>
    <row r="4863" spans="1:5" x14ac:dyDescent="0.4">
      <c r="A4863">
        <v>2</v>
      </c>
      <c r="B4863">
        <v>0</v>
      </c>
      <c r="C4863">
        <v>293</v>
      </c>
      <c r="D4863" t="s">
        <v>88</v>
      </c>
      <c r="E4863" s="1">
        <v>45033.681944444441</v>
      </c>
    </row>
    <row r="4864" spans="1:5" x14ac:dyDescent="0.4">
      <c r="A4864">
        <v>3</v>
      </c>
      <c r="B4864">
        <v>0</v>
      </c>
      <c r="C4864">
        <v>528</v>
      </c>
      <c r="D4864" t="s">
        <v>88</v>
      </c>
      <c r="E4864" s="1">
        <v>45033.681944444441</v>
      </c>
    </row>
    <row r="4865" spans="1:5" x14ac:dyDescent="0.4">
      <c r="A4865">
        <v>4</v>
      </c>
      <c r="B4865">
        <v>0</v>
      </c>
      <c r="C4865">
        <v>1006</v>
      </c>
      <c r="D4865" t="s">
        <v>88</v>
      </c>
      <c r="E4865" s="1">
        <v>45033.681944444441</v>
      </c>
    </row>
    <row r="4866" spans="1:5" x14ac:dyDescent="0.4">
      <c r="A4866">
        <v>5</v>
      </c>
      <c r="B4866">
        <v>0</v>
      </c>
      <c r="C4866">
        <v>1036</v>
      </c>
      <c r="D4866" t="s">
        <v>88</v>
      </c>
      <c r="E4866" s="1">
        <v>45033.681944444441</v>
      </c>
    </row>
    <row r="4867" spans="1:5" x14ac:dyDescent="0.4">
      <c r="A4867">
        <v>6</v>
      </c>
      <c r="B4867">
        <v>0</v>
      </c>
      <c r="C4867">
        <v>1051</v>
      </c>
      <c r="D4867" t="s">
        <v>88</v>
      </c>
      <c r="E4867" s="1">
        <v>45033.681944444441</v>
      </c>
    </row>
    <row r="4868" spans="1:5" x14ac:dyDescent="0.4">
      <c r="A4868">
        <v>7</v>
      </c>
      <c r="B4868">
        <v>0</v>
      </c>
      <c r="C4868">
        <v>1152</v>
      </c>
      <c r="D4868" t="s">
        <v>88</v>
      </c>
      <c r="E4868" s="1">
        <v>45033.681944444441</v>
      </c>
    </row>
    <row r="4869" spans="1:5" x14ac:dyDescent="0.4">
      <c r="A4869">
        <v>8</v>
      </c>
      <c r="B4869">
        <v>0</v>
      </c>
      <c r="C4869">
        <v>1153</v>
      </c>
      <c r="D4869" t="s">
        <v>88</v>
      </c>
      <c r="E4869" s="1">
        <v>45033.681944444441</v>
      </c>
    </row>
    <row r="4870" spans="1:5" x14ac:dyDescent="0.4">
      <c r="A4870">
        <v>9</v>
      </c>
      <c r="B4870">
        <v>0</v>
      </c>
      <c r="C4870">
        <v>1155</v>
      </c>
      <c r="D4870" t="s">
        <v>88</v>
      </c>
      <c r="E4870" s="1">
        <v>45033.681944444441</v>
      </c>
    </row>
    <row r="4871" spans="1:5" x14ac:dyDescent="0.4">
      <c r="A4871">
        <v>10</v>
      </c>
      <c r="B4871">
        <v>0</v>
      </c>
      <c r="C4871">
        <v>1156</v>
      </c>
      <c r="D4871" t="s">
        <v>88</v>
      </c>
      <c r="E4871" s="1">
        <v>45033.681944444441</v>
      </c>
    </row>
    <row r="4872" spans="1:5" x14ac:dyDescent="0.4">
      <c r="A4872">
        <v>11</v>
      </c>
      <c r="B4872">
        <v>0</v>
      </c>
      <c r="C4872">
        <v>1198</v>
      </c>
      <c r="D4872" t="s">
        <v>88</v>
      </c>
      <c r="E4872" s="1">
        <v>45033.681944444441</v>
      </c>
    </row>
    <row r="4873" spans="1:5" x14ac:dyDescent="0.4">
      <c r="A4873">
        <v>12</v>
      </c>
      <c r="B4873">
        <v>0</v>
      </c>
      <c r="C4873">
        <v>1199</v>
      </c>
      <c r="D4873" t="s">
        <v>88</v>
      </c>
      <c r="E4873" s="1">
        <v>45033.681944444441</v>
      </c>
    </row>
    <row r="4874" spans="1:5" x14ac:dyDescent="0.4">
      <c r="A4874">
        <v>13</v>
      </c>
      <c r="B4874">
        <v>0</v>
      </c>
      <c r="C4874">
        <v>9971</v>
      </c>
      <c r="D4874" t="s">
        <v>88</v>
      </c>
      <c r="E4874" s="1">
        <v>45033.681944444441</v>
      </c>
    </row>
    <row r="4875" spans="1:5" x14ac:dyDescent="0.4">
      <c r="A4875">
        <v>14</v>
      </c>
      <c r="B4875">
        <v>0</v>
      </c>
      <c r="C4875">
        <v>9972</v>
      </c>
      <c r="D4875" t="s">
        <v>88</v>
      </c>
      <c r="E4875" s="1">
        <v>45033.681944444441</v>
      </c>
    </row>
    <row r="4876" spans="1:5" x14ac:dyDescent="0.4">
      <c r="A4876">
        <v>15</v>
      </c>
      <c r="B4876">
        <v>0</v>
      </c>
      <c r="C4876">
        <v>9973</v>
      </c>
      <c r="D4876" t="s">
        <v>88</v>
      </c>
      <c r="E4876" s="1">
        <v>45033.681944444441</v>
      </c>
    </row>
    <row r="4877" spans="1:5" x14ac:dyDescent="0.4">
      <c r="A4877">
        <v>16</v>
      </c>
      <c r="B4877">
        <v>0</v>
      </c>
      <c r="C4877">
        <v>9974</v>
      </c>
      <c r="D4877" t="s">
        <v>88</v>
      </c>
      <c r="E4877" s="1">
        <v>45033.681944444441</v>
      </c>
    </row>
    <row r="4878" spans="1:5" x14ac:dyDescent="0.4">
      <c r="A4878">
        <v>17</v>
      </c>
      <c r="B4878">
        <v>0</v>
      </c>
      <c r="C4878">
        <v>9975</v>
      </c>
      <c r="D4878" t="s">
        <v>88</v>
      </c>
      <c r="E4878" s="1">
        <v>45033.681944444441</v>
      </c>
    </row>
    <row r="4879" spans="1:5" x14ac:dyDescent="0.4">
      <c r="A4879">
        <v>18</v>
      </c>
      <c r="B4879">
        <v>0</v>
      </c>
      <c r="C4879">
        <v>21</v>
      </c>
      <c r="D4879" t="s">
        <v>88</v>
      </c>
      <c r="E4879" s="1">
        <v>45033.681944444441</v>
      </c>
    </row>
    <row r="4880" spans="1:5" x14ac:dyDescent="0.4">
      <c r="A4880">
        <v>19</v>
      </c>
      <c r="B4880">
        <v>0</v>
      </c>
      <c r="C4880">
        <v>22</v>
      </c>
      <c r="D4880" t="s">
        <v>88</v>
      </c>
      <c r="E4880" s="1">
        <v>45033.681944444441</v>
      </c>
    </row>
    <row r="4881" spans="1:5" x14ac:dyDescent="0.4">
      <c r="A4881">
        <v>20</v>
      </c>
      <c r="B4881">
        <v>0</v>
      </c>
      <c r="C4881">
        <v>23</v>
      </c>
      <c r="D4881" t="s">
        <v>88</v>
      </c>
      <c r="E4881" s="1">
        <v>45033.681944444441</v>
      </c>
    </row>
    <row r="4882" spans="1:5" x14ac:dyDescent="0.4">
      <c r="A4882">
        <v>21</v>
      </c>
      <c r="B4882">
        <v>0</v>
      </c>
      <c r="C4882">
        <v>24</v>
      </c>
      <c r="D4882" t="s">
        <v>88</v>
      </c>
      <c r="E4882" s="1">
        <v>45033.681944444441</v>
      </c>
    </row>
    <row r="4883" spans="1:5" x14ac:dyDescent="0.4">
      <c r="A4883">
        <v>22</v>
      </c>
      <c r="B4883">
        <v>0</v>
      </c>
      <c r="C4883">
        <v>25</v>
      </c>
      <c r="D4883" t="s">
        <v>88</v>
      </c>
      <c r="E4883" s="1">
        <v>45033.681944444441</v>
      </c>
    </row>
    <row r="4884" spans="1:5" x14ac:dyDescent="0.4">
      <c r="A4884">
        <v>23</v>
      </c>
      <c r="B4884">
        <v>0</v>
      </c>
      <c r="C4884">
        <v>26</v>
      </c>
      <c r="D4884" t="s">
        <v>88</v>
      </c>
      <c r="E4884" s="1">
        <v>45033.681944444441</v>
      </c>
    </row>
    <row r="4885" spans="1:5" x14ac:dyDescent="0.4">
      <c r="A4885">
        <v>24</v>
      </c>
      <c r="B4885">
        <v>0</v>
      </c>
      <c r="C4885">
        <v>27</v>
      </c>
      <c r="D4885" t="s">
        <v>88</v>
      </c>
      <c r="E4885" s="1">
        <v>45033.681944444441</v>
      </c>
    </row>
    <row r="4886" spans="1:5" x14ac:dyDescent="0.4">
      <c r="A4886">
        <v>25</v>
      </c>
      <c r="B4886">
        <v>0</v>
      </c>
      <c r="C4886">
        <v>28</v>
      </c>
      <c r="D4886" t="s">
        <v>88</v>
      </c>
      <c r="E4886" s="1">
        <v>45033.681944444441</v>
      </c>
    </row>
    <row r="4887" spans="1:5" x14ac:dyDescent="0.4">
      <c r="A4887">
        <v>26</v>
      </c>
      <c r="B4887">
        <v>0</v>
      </c>
      <c r="C4887">
        <v>29</v>
      </c>
      <c r="D4887" t="s">
        <v>88</v>
      </c>
      <c r="E4887" s="1">
        <v>45033.681944444441</v>
      </c>
    </row>
    <row r="4888" spans="1:5" x14ac:dyDescent="0.4">
      <c r="A4888">
        <v>27</v>
      </c>
      <c r="B4888">
        <v>0</v>
      </c>
      <c r="C4888">
        <v>30</v>
      </c>
      <c r="D4888" t="s">
        <v>88</v>
      </c>
      <c r="E4888" s="1">
        <v>45033.681944444441</v>
      </c>
    </row>
    <row r="4889" spans="1:5" x14ac:dyDescent="0.4">
      <c r="A4889">
        <v>28</v>
      </c>
      <c r="B4889">
        <v>0</v>
      </c>
      <c r="C4889">
        <v>31</v>
      </c>
      <c r="D4889" t="s">
        <v>88</v>
      </c>
      <c r="E4889" s="1">
        <v>45033.681944444441</v>
      </c>
    </row>
    <row r="4890" spans="1:5" x14ac:dyDescent="0.4">
      <c r="A4890">
        <v>29</v>
      </c>
      <c r="B4890">
        <v>0</v>
      </c>
      <c r="C4890">
        <v>51</v>
      </c>
      <c r="D4890" t="s">
        <v>88</v>
      </c>
      <c r="E4890" s="1">
        <v>45033.681944444441</v>
      </c>
    </row>
    <row r="4891" spans="1:5" x14ac:dyDescent="0.4">
      <c r="A4891">
        <v>30</v>
      </c>
      <c r="B4891">
        <v>0</v>
      </c>
      <c r="C4891">
        <v>52</v>
      </c>
      <c r="D4891" t="s">
        <v>88</v>
      </c>
      <c r="E4891" s="1">
        <v>45033.681944444441</v>
      </c>
    </row>
    <row r="4892" spans="1:5" x14ac:dyDescent="0.4">
      <c r="A4892">
        <v>31</v>
      </c>
      <c r="B4892">
        <v>0</v>
      </c>
      <c r="C4892">
        <v>53</v>
      </c>
      <c r="D4892" t="s">
        <v>88</v>
      </c>
      <c r="E4892" s="1">
        <v>45033.681944444441</v>
      </c>
    </row>
    <row r="4893" spans="1:5" x14ac:dyDescent="0.4">
      <c r="A4893">
        <v>32</v>
      </c>
      <c r="B4893">
        <v>0</v>
      </c>
      <c r="C4893">
        <v>61</v>
      </c>
      <c r="D4893" t="s">
        <v>88</v>
      </c>
      <c r="E4893" s="1">
        <v>45033.681944444441</v>
      </c>
    </row>
    <row r="4894" spans="1:5" x14ac:dyDescent="0.4">
      <c r="A4894">
        <v>33</v>
      </c>
      <c r="B4894">
        <v>0</v>
      </c>
      <c r="C4894">
        <v>62</v>
      </c>
      <c r="D4894" t="s">
        <v>88</v>
      </c>
      <c r="E4894" s="1">
        <v>45033.681944444441</v>
      </c>
    </row>
    <row r="4895" spans="1:5" x14ac:dyDescent="0.4">
      <c r="A4895">
        <v>34</v>
      </c>
      <c r="B4895">
        <v>0</v>
      </c>
      <c r="C4895">
        <v>63</v>
      </c>
      <c r="D4895" t="s">
        <v>88</v>
      </c>
      <c r="E4895" s="1">
        <v>45033.681944444441</v>
      </c>
    </row>
    <row r="4896" spans="1:5" x14ac:dyDescent="0.4">
      <c r="A4896">
        <v>35</v>
      </c>
      <c r="B4896">
        <v>0</v>
      </c>
      <c r="C4896">
        <v>71</v>
      </c>
      <c r="D4896" t="s">
        <v>88</v>
      </c>
      <c r="E4896" s="1">
        <v>45033.681944444441</v>
      </c>
    </row>
    <row r="4897" spans="1:5" x14ac:dyDescent="0.4">
      <c r="A4897">
        <v>36</v>
      </c>
      <c r="B4897">
        <v>0</v>
      </c>
      <c r="C4897">
        <v>72</v>
      </c>
      <c r="D4897" t="s">
        <v>88</v>
      </c>
      <c r="E4897" s="1">
        <v>45033.681944444441</v>
      </c>
    </row>
    <row r="4898" spans="1:5" x14ac:dyDescent="0.4">
      <c r="A4898">
        <v>37</v>
      </c>
      <c r="B4898">
        <v>0</v>
      </c>
      <c r="C4898">
        <v>73</v>
      </c>
      <c r="D4898" t="s">
        <v>88</v>
      </c>
      <c r="E4898" s="1">
        <v>45033.681944444441</v>
      </c>
    </row>
    <row r="4899" spans="1:5" x14ac:dyDescent="0.4">
      <c r="A4899">
        <v>38</v>
      </c>
      <c r="B4899">
        <v>0</v>
      </c>
      <c r="C4899">
        <v>81</v>
      </c>
      <c r="D4899" t="s">
        <v>88</v>
      </c>
      <c r="E4899" s="1">
        <v>45033.681944444441</v>
      </c>
    </row>
    <row r="4900" spans="1:5" x14ac:dyDescent="0.4">
      <c r="A4900">
        <v>39</v>
      </c>
      <c r="B4900">
        <v>0</v>
      </c>
      <c r="C4900">
        <v>82</v>
      </c>
      <c r="D4900" t="s">
        <v>88</v>
      </c>
      <c r="E4900" s="1">
        <v>45033.681944444441</v>
      </c>
    </row>
    <row r="4901" spans="1:5" x14ac:dyDescent="0.4">
      <c r="A4901">
        <v>40</v>
      </c>
      <c r="B4901">
        <v>0</v>
      </c>
      <c r="C4901">
        <v>83</v>
      </c>
      <c r="D4901" t="s">
        <v>88</v>
      </c>
      <c r="E4901" s="1">
        <v>45033.681944444441</v>
      </c>
    </row>
    <row r="4902" spans="1:5" x14ac:dyDescent="0.4">
      <c r="A4902">
        <v>41</v>
      </c>
      <c r="B4902">
        <v>0</v>
      </c>
      <c r="C4902">
        <v>91</v>
      </c>
      <c r="D4902" t="s">
        <v>88</v>
      </c>
      <c r="E4902" s="1">
        <v>45033.681944444441</v>
      </c>
    </row>
    <row r="4903" spans="1:5" x14ac:dyDescent="0.4">
      <c r="A4903">
        <v>42</v>
      </c>
      <c r="B4903">
        <v>0</v>
      </c>
      <c r="C4903">
        <v>92</v>
      </c>
      <c r="D4903" t="s">
        <v>88</v>
      </c>
      <c r="E4903" s="1">
        <v>45033.681944444441</v>
      </c>
    </row>
    <row r="4904" spans="1:5" x14ac:dyDescent="0.4">
      <c r="A4904">
        <v>43</v>
      </c>
      <c r="B4904">
        <v>0</v>
      </c>
      <c r="C4904">
        <v>93</v>
      </c>
      <c r="D4904" t="s">
        <v>88</v>
      </c>
      <c r="E4904" s="1">
        <v>45033.681944444441</v>
      </c>
    </row>
    <row r="4905" spans="1:5" x14ac:dyDescent="0.4">
      <c r="A4905">
        <v>44</v>
      </c>
      <c r="B4905">
        <v>0</v>
      </c>
      <c r="C4905">
        <v>94</v>
      </c>
      <c r="D4905" t="s">
        <v>88</v>
      </c>
      <c r="E4905" s="1">
        <v>45033.681944444441</v>
      </c>
    </row>
    <row r="4906" spans="1:5" x14ac:dyDescent="0.4">
      <c r="A4906">
        <v>45</v>
      </c>
      <c r="B4906">
        <v>0</v>
      </c>
      <c r="C4906">
        <v>95</v>
      </c>
      <c r="D4906" t="s">
        <v>88</v>
      </c>
      <c r="E4906" s="1">
        <v>45033.681944444441</v>
      </c>
    </row>
    <row r="4907" spans="1:5" x14ac:dyDescent="0.4">
      <c r="A4907">
        <v>46</v>
      </c>
      <c r="B4907">
        <v>0</v>
      </c>
      <c r="C4907">
        <v>96</v>
      </c>
      <c r="D4907" t="s">
        <v>88</v>
      </c>
      <c r="E4907" s="1">
        <v>45033.681944444441</v>
      </c>
    </row>
    <row r="4908" spans="1:5" x14ac:dyDescent="0.4">
      <c r="A4908">
        <v>47</v>
      </c>
      <c r="B4908">
        <v>0</v>
      </c>
      <c r="C4908">
        <v>97</v>
      </c>
      <c r="D4908" t="s">
        <v>88</v>
      </c>
      <c r="E4908" s="1">
        <v>45033.681944444441</v>
      </c>
    </row>
    <row r="4909" spans="1:5" x14ac:dyDescent="0.4">
      <c r="A4909">
        <v>48</v>
      </c>
      <c r="B4909">
        <v>0</v>
      </c>
      <c r="C4909">
        <v>98</v>
      </c>
      <c r="D4909" t="s">
        <v>88</v>
      </c>
      <c r="E4909" s="1">
        <v>45033.681944444441</v>
      </c>
    </row>
    <row r="4910" spans="1:5" x14ac:dyDescent="0.4">
      <c r="A4910">
        <v>49</v>
      </c>
      <c r="B4910">
        <v>0</v>
      </c>
      <c r="C4910">
        <v>99</v>
      </c>
      <c r="D4910" t="s">
        <v>88</v>
      </c>
      <c r="E4910" s="1">
        <v>45033.681944444441</v>
      </c>
    </row>
    <row r="4911" spans="1:5" x14ac:dyDescent="0.4">
      <c r="A4911">
        <v>50</v>
      </c>
      <c r="B4911">
        <v>0</v>
      </c>
      <c r="C4911">
        <v>100</v>
      </c>
      <c r="D4911" t="s">
        <v>88</v>
      </c>
      <c r="E4911" s="1">
        <v>45033.681944444441</v>
      </c>
    </row>
    <row r="4912" spans="1:5" x14ac:dyDescent="0.4">
      <c r="A4912">
        <v>51</v>
      </c>
      <c r="B4912">
        <v>0</v>
      </c>
      <c r="C4912">
        <v>101</v>
      </c>
      <c r="D4912" t="s">
        <v>88</v>
      </c>
      <c r="E4912" s="1">
        <v>45033.681944444441</v>
      </c>
    </row>
    <row r="4913" spans="1:5" x14ac:dyDescent="0.4">
      <c r="A4913">
        <v>52</v>
      </c>
      <c r="B4913">
        <v>0</v>
      </c>
      <c r="C4913">
        <v>102</v>
      </c>
      <c r="D4913" t="s">
        <v>88</v>
      </c>
      <c r="E4913" s="1">
        <v>45033.681944444441</v>
      </c>
    </row>
    <row r="4914" spans="1:5" x14ac:dyDescent="0.4">
      <c r="A4914">
        <v>53</v>
      </c>
      <c r="B4914">
        <v>0</v>
      </c>
      <c r="C4914">
        <v>103</v>
      </c>
      <c r="D4914" t="s">
        <v>88</v>
      </c>
      <c r="E4914" s="1">
        <v>45033.681944444441</v>
      </c>
    </row>
    <row r="4915" spans="1:5" x14ac:dyDescent="0.4">
      <c r="A4915">
        <v>54</v>
      </c>
      <c r="B4915">
        <v>0</v>
      </c>
      <c r="C4915">
        <v>104</v>
      </c>
      <c r="D4915" t="s">
        <v>88</v>
      </c>
      <c r="E4915" s="1">
        <v>45033.681944444441</v>
      </c>
    </row>
    <row r="4916" spans="1:5" x14ac:dyDescent="0.4">
      <c r="A4916">
        <v>55</v>
      </c>
      <c r="B4916">
        <v>0</v>
      </c>
      <c r="C4916">
        <v>105</v>
      </c>
      <c r="D4916" t="s">
        <v>88</v>
      </c>
      <c r="E4916" s="1">
        <v>45033.681944444441</v>
      </c>
    </row>
    <row r="4917" spans="1:5" x14ac:dyDescent="0.4">
      <c r="A4917">
        <v>56</v>
      </c>
      <c r="B4917">
        <v>0</v>
      </c>
      <c r="C4917">
        <v>106</v>
      </c>
      <c r="D4917" t="s">
        <v>88</v>
      </c>
      <c r="E4917" s="1">
        <v>45033.681944444441</v>
      </c>
    </row>
    <row r="4918" spans="1:5" x14ac:dyDescent="0.4">
      <c r="A4918">
        <v>57</v>
      </c>
      <c r="B4918">
        <v>0</v>
      </c>
      <c r="C4918">
        <v>107</v>
      </c>
      <c r="D4918" t="s">
        <v>88</v>
      </c>
      <c r="E4918" s="1">
        <v>45033.681944444441</v>
      </c>
    </row>
    <row r="4919" spans="1:5" x14ac:dyDescent="0.4">
      <c r="A4919">
        <v>58</v>
      </c>
      <c r="B4919">
        <v>0</v>
      </c>
      <c r="C4919">
        <v>108</v>
      </c>
      <c r="D4919" t="s">
        <v>88</v>
      </c>
      <c r="E4919" s="1">
        <v>45033.681944444441</v>
      </c>
    </row>
    <row r="4920" spans="1:5" x14ac:dyDescent="0.4">
      <c r="A4920">
        <v>59</v>
      </c>
      <c r="B4920">
        <v>0</v>
      </c>
      <c r="C4920">
        <v>161</v>
      </c>
      <c r="D4920" t="s">
        <v>88</v>
      </c>
      <c r="E4920" s="1">
        <v>45033.681944444441</v>
      </c>
    </row>
    <row r="4921" spans="1:5" x14ac:dyDescent="0.4">
      <c r="A4921">
        <v>60</v>
      </c>
      <c r="B4921">
        <v>0</v>
      </c>
      <c r="C4921">
        <v>162</v>
      </c>
      <c r="D4921" t="s">
        <v>88</v>
      </c>
      <c r="E4921" s="1">
        <v>45033.681944444441</v>
      </c>
    </row>
    <row r="4922" spans="1:5" x14ac:dyDescent="0.4">
      <c r="A4922">
        <v>61</v>
      </c>
      <c r="B4922">
        <v>0</v>
      </c>
      <c r="C4922">
        <v>163</v>
      </c>
      <c r="D4922" t="s">
        <v>88</v>
      </c>
      <c r="E4922" s="1">
        <v>45033.681944444441</v>
      </c>
    </row>
    <row r="4923" spans="1:5" x14ac:dyDescent="0.4">
      <c r="A4923">
        <v>62</v>
      </c>
      <c r="B4923">
        <v>0</v>
      </c>
      <c r="C4923">
        <v>164</v>
      </c>
      <c r="D4923" t="s">
        <v>88</v>
      </c>
      <c r="E4923" s="1">
        <v>45033.681944444441</v>
      </c>
    </row>
    <row r="4924" spans="1:5" x14ac:dyDescent="0.4">
      <c r="A4924">
        <v>63</v>
      </c>
      <c r="B4924">
        <v>0</v>
      </c>
      <c r="C4924">
        <v>171</v>
      </c>
      <c r="D4924" t="s">
        <v>88</v>
      </c>
      <c r="E4924" s="1">
        <v>45033.681944444441</v>
      </c>
    </row>
    <row r="4925" spans="1:5" x14ac:dyDescent="0.4">
      <c r="A4925">
        <v>64</v>
      </c>
      <c r="B4925">
        <v>0</v>
      </c>
      <c r="C4925">
        <v>172</v>
      </c>
      <c r="D4925" t="s">
        <v>88</v>
      </c>
      <c r="E4925" s="1">
        <v>45033.681944444441</v>
      </c>
    </row>
    <row r="4926" spans="1:5" x14ac:dyDescent="0.4">
      <c r="A4926">
        <v>65</v>
      </c>
      <c r="B4926">
        <v>0</v>
      </c>
      <c r="C4926">
        <v>173</v>
      </c>
      <c r="D4926" t="s">
        <v>88</v>
      </c>
      <c r="E4926" s="1">
        <v>45033.681944444441</v>
      </c>
    </row>
    <row r="4927" spans="1:5" x14ac:dyDescent="0.4">
      <c r="A4927">
        <v>66</v>
      </c>
      <c r="B4927">
        <v>0</v>
      </c>
      <c r="C4927">
        <v>174</v>
      </c>
      <c r="D4927" t="s">
        <v>88</v>
      </c>
      <c r="E4927" s="1">
        <v>45033.681944444441</v>
      </c>
    </row>
    <row r="4928" spans="1:5" x14ac:dyDescent="0.4">
      <c r="A4928">
        <v>67</v>
      </c>
      <c r="B4928">
        <v>0</v>
      </c>
      <c r="C4928">
        <v>181</v>
      </c>
      <c r="D4928" t="s">
        <v>88</v>
      </c>
      <c r="E4928" s="1">
        <v>45033.681944444441</v>
      </c>
    </row>
    <row r="4929" spans="1:5" x14ac:dyDescent="0.4">
      <c r="A4929">
        <v>68</v>
      </c>
      <c r="B4929">
        <v>0</v>
      </c>
      <c r="C4929">
        <v>182</v>
      </c>
      <c r="D4929" t="s">
        <v>88</v>
      </c>
      <c r="E4929" s="1">
        <v>45033.681944444441</v>
      </c>
    </row>
    <row r="4930" spans="1:5" x14ac:dyDescent="0.4">
      <c r="A4930">
        <v>69</v>
      </c>
      <c r="B4930">
        <v>0</v>
      </c>
      <c r="C4930">
        <v>183</v>
      </c>
      <c r="D4930" t="s">
        <v>88</v>
      </c>
      <c r="E4930" s="1">
        <v>45033.681944444441</v>
      </c>
    </row>
    <row r="4931" spans="1:5" x14ac:dyDescent="0.4">
      <c r="A4931">
        <v>70</v>
      </c>
      <c r="B4931">
        <v>0</v>
      </c>
      <c r="C4931">
        <v>184</v>
      </c>
      <c r="D4931" t="s">
        <v>88</v>
      </c>
      <c r="E4931" s="1">
        <v>45033.681944444441</v>
      </c>
    </row>
    <row r="4932" spans="1:5" x14ac:dyDescent="0.4">
      <c r="A4932">
        <v>71</v>
      </c>
      <c r="B4932">
        <v>0</v>
      </c>
      <c r="C4932">
        <v>191</v>
      </c>
      <c r="D4932" t="s">
        <v>88</v>
      </c>
      <c r="E4932" s="1">
        <v>45033.681944444441</v>
      </c>
    </row>
    <row r="4933" spans="1:5" x14ac:dyDescent="0.4">
      <c r="A4933">
        <v>72</v>
      </c>
      <c r="B4933">
        <v>0</v>
      </c>
      <c r="C4933">
        <v>192</v>
      </c>
      <c r="D4933" t="s">
        <v>88</v>
      </c>
      <c r="E4933" s="1">
        <v>45033.681944444441</v>
      </c>
    </row>
    <row r="4934" spans="1:5" x14ac:dyDescent="0.4">
      <c r="A4934">
        <v>73</v>
      </c>
      <c r="B4934">
        <v>0</v>
      </c>
      <c r="C4934">
        <v>193</v>
      </c>
      <c r="D4934" t="s">
        <v>88</v>
      </c>
      <c r="E4934" s="1">
        <v>45033.681944444441</v>
      </c>
    </row>
    <row r="4935" spans="1:5" x14ac:dyDescent="0.4">
      <c r="A4935">
        <v>74</v>
      </c>
      <c r="B4935">
        <v>0</v>
      </c>
      <c r="C4935">
        <v>194</v>
      </c>
      <c r="D4935" t="s">
        <v>88</v>
      </c>
      <c r="E4935" s="1">
        <v>45033.681944444441</v>
      </c>
    </row>
    <row r="4936" spans="1:5" x14ac:dyDescent="0.4">
      <c r="A4936">
        <v>75</v>
      </c>
      <c r="B4936">
        <v>0</v>
      </c>
      <c r="C4936">
        <v>201</v>
      </c>
      <c r="D4936" t="s">
        <v>88</v>
      </c>
      <c r="E4936" s="1">
        <v>45033.681944444441</v>
      </c>
    </row>
    <row r="4937" spans="1:5" x14ac:dyDescent="0.4">
      <c r="A4937">
        <v>76</v>
      </c>
      <c r="B4937">
        <v>0</v>
      </c>
      <c r="C4937">
        <v>202</v>
      </c>
      <c r="D4937" t="s">
        <v>88</v>
      </c>
      <c r="E4937" s="1">
        <v>45033.681944444441</v>
      </c>
    </row>
    <row r="4938" spans="1:5" x14ac:dyDescent="0.4">
      <c r="A4938">
        <v>77</v>
      </c>
      <c r="B4938">
        <v>0</v>
      </c>
      <c r="C4938">
        <v>203</v>
      </c>
      <c r="D4938" t="s">
        <v>88</v>
      </c>
      <c r="E4938" s="1">
        <v>45033.681944444441</v>
      </c>
    </row>
    <row r="4939" spans="1:5" x14ac:dyDescent="0.4">
      <c r="A4939">
        <v>78</v>
      </c>
      <c r="B4939">
        <v>0</v>
      </c>
      <c r="C4939">
        <v>204</v>
      </c>
      <c r="D4939" t="s">
        <v>88</v>
      </c>
      <c r="E4939" s="1">
        <v>45033.681944444441</v>
      </c>
    </row>
    <row r="4940" spans="1:5" x14ac:dyDescent="0.4">
      <c r="A4940">
        <v>79</v>
      </c>
      <c r="B4940">
        <v>0</v>
      </c>
      <c r="C4940">
        <v>211</v>
      </c>
      <c r="D4940" t="s">
        <v>88</v>
      </c>
      <c r="E4940" s="1">
        <v>45033.681944444441</v>
      </c>
    </row>
    <row r="4941" spans="1:5" x14ac:dyDescent="0.4">
      <c r="A4941">
        <v>80</v>
      </c>
      <c r="B4941">
        <v>0</v>
      </c>
      <c r="C4941">
        <v>212</v>
      </c>
      <c r="D4941" t="s">
        <v>88</v>
      </c>
      <c r="E4941" s="1">
        <v>45033.681944444441</v>
      </c>
    </row>
    <row r="4942" spans="1:5" x14ac:dyDescent="0.4">
      <c r="A4942">
        <v>81</v>
      </c>
      <c r="B4942">
        <v>0</v>
      </c>
      <c r="C4942">
        <v>213</v>
      </c>
      <c r="D4942" t="s">
        <v>88</v>
      </c>
      <c r="E4942" s="1">
        <v>45033.681944444441</v>
      </c>
    </row>
    <row r="4943" spans="1:5" x14ac:dyDescent="0.4">
      <c r="A4943">
        <v>82</v>
      </c>
      <c r="B4943">
        <v>0</v>
      </c>
      <c r="C4943">
        <v>214</v>
      </c>
      <c r="D4943" t="s">
        <v>88</v>
      </c>
      <c r="E4943" s="1">
        <v>45033.681944444441</v>
      </c>
    </row>
    <row r="4944" spans="1:5" x14ac:dyDescent="0.4">
      <c r="A4944">
        <v>83</v>
      </c>
      <c r="B4944">
        <v>0</v>
      </c>
      <c r="C4944">
        <v>221</v>
      </c>
      <c r="D4944" t="s">
        <v>88</v>
      </c>
      <c r="E4944" s="1">
        <v>45033.681944444441</v>
      </c>
    </row>
    <row r="4945" spans="1:5" x14ac:dyDescent="0.4">
      <c r="A4945">
        <v>84</v>
      </c>
      <c r="B4945">
        <v>0</v>
      </c>
      <c r="C4945">
        <v>222</v>
      </c>
      <c r="D4945" t="s">
        <v>88</v>
      </c>
      <c r="E4945" s="1">
        <v>45033.681944444441</v>
      </c>
    </row>
    <row r="4946" spans="1:5" x14ac:dyDescent="0.4">
      <c r="A4946">
        <v>85</v>
      </c>
      <c r="B4946">
        <v>0</v>
      </c>
      <c r="C4946">
        <v>223</v>
      </c>
      <c r="D4946" t="s">
        <v>88</v>
      </c>
      <c r="E4946" s="1">
        <v>45033.681944444441</v>
      </c>
    </row>
    <row r="4947" spans="1:5" x14ac:dyDescent="0.4">
      <c r="A4947">
        <v>86</v>
      </c>
      <c r="B4947">
        <v>0</v>
      </c>
      <c r="C4947">
        <v>224</v>
      </c>
      <c r="D4947" t="s">
        <v>88</v>
      </c>
      <c r="E4947" s="1">
        <v>45033.681944444441</v>
      </c>
    </row>
    <row r="4948" spans="1:5" x14ac:dyDescent="0.4">
      <c r="A4948">
        <v>87</v>
      </c>
      <c r="B4948">
        <v>0</v>
      </c>
      <c r="C4948">
        <v>231</v>
      </c>
      <c r="D4948" t="s">
        <v>88</v>
      </c>
      <c r="E4948" s="1">
        <v>45033.681944444441</v>
      </c>
    </row>
    <row r="4949" spans="1:5" x14ac:dyDescent="0.4">
      <c r="A4949">
        <v>88</v>
      </c>
      <c r="B4949">
        <v>0</v>
      </c>
      <c r="C4949">
        <v>232</v>
      </c>
      <c r="D4949" t="s">
        <v>88</v>
      </c>
      <c r="E4949" s="1">
        <v>45033.681944444441</v>
      </c>
    </row>
    <row r="4950" spans="1:5" x14ac:dyDescent="0.4">
      <c r="A4950">
        <v>89</v>
      </c>
      <c r="B4950">
        <v>0</v>
      </c>
      <c r="C4950">
        <v>233</v>
      </c>
      <c r="D4950" t="s">
        <v>88</v>
      </c>
      <c r="E4950" s="1">
        <v>45033.681944444441</v>
      </c>
    </row>
    <row r="4951" spans="1:5" x14ac:dyDescent="0.4">
      <c r="A4951">
        <v>90</v>
      </c>
      <c r="B4951">
        <v>0</v>
      </c>
      <c r="C4951">
        <v>234</v>
      </c>
      <c r="D4951" t="s">
        <v>88</v>
      </c>
      <c r="E4951" s="1">
        <v>45033.681944444441</v>
      </c>
    </row>
    <row r="4952" spans="1:5" x14ac:dyDescent="0.4">
      <c r="A4952">
        <v>91</v>
      </c>
      <c r="B4952">
        <v>0</v>
      </c>
      <c r="C4952">
        <v>241</v>
      </c>
      <c r="D4952" t="s">
        <v>88</v>
      </c>
      <c r="E4952" s="1">
        <v>45033.681944444441</v>
      </c>
    </row>
    <row r="4953" spans="1:5" x14ac:dyDescent="0.4">
      <c r="A4953">
        <v>92</v>
      </c>
      <c r="B4953">
        <v>0</v>
      </c>
      <c r="C4953">
        <v>242</v>
      </c>
      <c r="D4953" t="s">
        <v>88</v>
      </c>
      <c r="E4953" s="1">
        <v>45033.681944444441</v>
      </c>
    </row>
    <row r="4954" spans="1:5" x14ac:dyDescent="0.4">
      <c r="A4954">
        <v>93</v>
      </c>
      <c r="B4954">
        <v>0</v>
      </c>
      <c r="C4954">
        <v>243</v>
      </c>
      <c r="D4954" t="s">
        <v>88</v>
      </c>
      <c r="E4954" s="1">
        <v>45033.681944444441</v>
      </c>
    </row>
    <row r="4955" spans="1:5" x14ac:dyDescent="0.4">
      <c r="A4955">
        <v>94</v>
      </c>
      <c r="B4955">
        <v>0</v>
      </c>
      <c r="C4955">
        <v>244</v>
      </c>
      <c r="D4955" t="s">
        <v>88</v>
      </c>
      <c r="E4955" s="1">
        <v>45033.681944444441</v>
      </c>
    </row>
    <row r="4956" spans="1:5" x14ac:dyDescent="0.4">
      <c r="A4956">
        <v>95</v>
      </c>
      <c r="B4956">
        <v>0</v>
      </c>
      <c r="C4956">
        <v>245</v>
      </c>
      <c r="D4956" t="s">
        <v>88</v>
      </c>
      <c r="E4956" s="1">
        <v>45033.681944444441</v>
      </c>
    </row>
    <row r="4957" spans="1:5" x14ac:dyDescent="0.4">
      <c r="A4957">
        <v>96</v>
      </c>
      <c r="B4957">
        <v>0</v>
      </c>
      <c r="C4957">
        <v>246</v>
      </c>
      <c r="D4957" t="s">
        <v>88</v>
      </c>
      <c r="E4957" s="1">
        <v>45033.681944444441</v>
      </c>
    </row>
    <row r="4958" spans="1:5" x14ac:dyDescent="0.4">
      <c r="A4958">
        <v>97</v>
      </c>
      <c r="B4958">
        <v>0</v>
      </c>
      <c r="C4958">
        <v>247</v>
      </c>
      <c r="D4958" t="s">
        <v>88</v>
      </c>
      <c r="E4958" s="1">
        <v>45033.681944444441</v>
      </c>
    </row>
    <row r="4959" spans="1:5" x14ac:dyDescent="0.4">
      <c r="A4959">
        <v>98</v>
      </c>
      <c r="B4959">
        <v>0</v>
      </c>
      <c r="C4959">
        <v>3428</v>
      </c>
      <c r="D4959" t="s">
        <v>88</v>
      </c>
      <c r="E4959" s="1">
        <v>45033.681944444441</v>
      </c>
    </row>
    <row r="4960" spans="1:5" x14ac:dyDescent="0.4">
      <c r="A4960">
        <v>99</v>
      </c>
      <c r="B4960">
        <v>0</v>
      </c>
      <c r="C4960">
        <v>3429</v>
      </c>
      <c r="D4960" t="s">
        <v>88</v>
      </c>
      <c r="E4960" s="1">
        <v>45033.681944444441</v>
      </c>
    </row>
    <row r="4961" spans="1:5" x14ac:dyDescent="0.4">
      <c r="A4961">
        <v>100</v>
      </c>
      <c r="B4961">
        <v>0</v>
      </c>
      <c r="C4961">
        <v>3430</v>
      </c>
      <c r="D4961" t="s">
        <v>88</v>
      </c>
      <c r="E4961" s="1">
        <v>45033.681944444441</v>
      </c>
    </row>
    <row r="4962" spans="1:5" x14ac:dyDescent="0.4">
      <c r="A4962">
        <v>101</v>
      </c>
      <c r="B4962">
        <v>0</v>
      </c>
      <c r="C4962">
        <v>3431</v>
      </c>
      <c r="D4962" t="s">
        <v>88</v>
      </c>
      <c r="E4962" s="1">
        <v>45033.681944444441</v>
      </c>
    </row>
    <row r="4963" spans="1:5" x14ac:dyDescent="0.4">
      <c r="A4963">
        <v>102</v>
      </c>
      <c r="B4963">
        <v>0</v>
      </c>
      <c r="C4963">
        <v>261</v>
      </c>
      <c r="D4963" t="s">
        <v>88</v>
      </c>
      <c r="E4963" s="1">
        <v>45033.681944444441</v>
      </c>
    </row>
    <row r="4964" spans="1:5" x14ac:dyDescent="0.4">
      <c r="A4964">
        <v>103</v>
      </c>
      <c r="B4964">
        <v>0</v>
      </c>
      <c r="C4964">
        <v>263</v>
      </c>
      <c r="D4964" t="s">
        <v>88</v>
      </c>
      <c r="E4964" s="1">
        <v>45033.681944444441</v>
      </c>
    </row>
    <row r="4965" spans="1:5" x14ac:dyDescent="0.4">
      <c r="A4965">
        <v>104</v>
      </c>
      <c r="B4965">
        <v>0</v>
      </c>
      <c r="C4965">
        <v>265</v>
      </c>
      <c r="D4965" t="s">
        <v>88</v>
      </c>
      <c r="E4965" s="1">
        <v>45033.681944444441</v>
      </c>
    </row>
    <row r="4966" spans="1:5" x14ac:dyDescent="0.4">
      <c r="A4966">
        <v>105</v>
      </c>
      <c r="B4966">
        <v>0</v>
      </c>
      <c r="C4966">
        <v>267</v>
      </c>
      <c r="D4966" t="s">
        <v>88</v>
      </c>
      <c r="E4966" s="1">
        <v>45033.681944444441</v>
      </c>
    </row>
    <row r="4967" spans="1:5" x14ac:dyDescent="0.4">
      <c r="A4967">
        <v>106</v>
      </c>
      <c r="B4967">
        <v>0</v>
      </c>
      <c r="C4967">
        <v>269</v>
      </c>
      <c r="D4967" t="s">
        <v>88</v>
      </c>
      <c r="E4967" s="1">
        <v>45033.681944444441</v>
      </c>
    </row>
    <row r="4968" spans="1:5" x14ac:dyDescent="0.4">
      <c r="A4968">
        <v>107</v>
      </c>
      <c r="B4968">
        <v>0</v>
      </c>
      <c r="C4968">
        <v>271</v>
      </c>
      <c r="D4968" t="s">
        <v>88</v>
      </c>
      <c r="E4968" s="1">
        <v>45033.681944444441</v>
      </c>
    </row>
    <row r="4969" spans="1:5" x14ac:dyDescent="0.4">
      <c r="A4969">
        <v>108</v>
      </c>
      <c r="B4969">
        <v>0</v>
      </c>
      <c r="C4969">
        <v>273</v>
      </c>
      <c r="D4969" t="s">
        <v>88</v>
      </c>
      <c r="E4969" s="1">
        <v>45033.681944444441</v>
      </c>
    </row>
    <row r="4970" spans="1:5" x14ac:dyDescent="0.4">
      <c r="A4970">
        <v>109</v>
      </c>
      <c r="B4970">
        <v>0</v>
      </c>
      <c r="C4970">
        <v>275</v>
      </c>
      <c r="D4970" t="s">
        <v>88</v>
      </c>
      <c r="E4970" s="1">
        <v>45033.681944444441</v>
      </c>
    </row>
    <row r="4971" spans="1:5" x14ac:dyDescent="0.4">
      <c r="A4971">
        <v>110</v>
      </c>
      <c r="B4971">
        <v>0</v>
      </c>
      <c r="C4971">
        <v>277</v>
      </c>
      <c r="D4971" t="s">
        <v>88</v>
      </c>
      <c r="E4971" s="1">
        <v>45033.681944444441</v>
      </c>
    </row>
    <row r="4972" spans="1:5" x14ac:dyDescent="0.4">
      <c r="A4972">
        <v>111</v>
      </c>
      <c r="B4972">
        <v>0</v>
      </c>
      <c r="C4972">
        <v>279</v>
      </c>
      <c r="D4972" t="s">
        <v>88</v>
      </c>
      <c r="E4972" s="1">
        <v>45033.681944444441</v>
      </c>
    </row>
    <row r="4973" spans="1:5" x14ac:dyDescent="0.4">
      <c r="A4973">
        <v>112</v>
      </c>
      <c r="B4973">
        <v>0</v>
      </c>
      <c r="C4973">
        <v>262</v>
      </c>
      <c r="D4973" t="s">
        <v>88</v>
      </c>
      <c r="E4973" s="1">
        <v>45033.681944444441</v>
      </c>
    </row>
    <row r="4974" spans="1:5" x14ac:dyDescent="0.4">
      <c r="A4974">
        <v>113</v>
      </c>
      <c r="B4974">
        <v>0</v>
      </c>
      <c r="C4974">
        <v>264</v>
      </c>
      <c r="D4974" t="s">
        <v>88</v>
      </c>
      <c r="E4974" s="1">
        <v>45033.681944444441</v>
      </c>
    </row>
    <row r="4975" spans="1:5" x14ac:dyDescent="0.4">
      <c r="A4975">
        <v>114</v>
      </c>
      <c r="B4975">
        <v>0</v>
      </c>
      <c r="C4975">
        <v>266</v>
      </c>
      <c r="D4975" t="s">
        <v>88</v>
      </c>
      <c r="E4975" s="1">
        <v>45033.681944444441</v>
      </c>
    </row>
    <row r="4976" spans="1:5" x14ac:dyDescent="0.4">
      <c r="A4976">
        <v>115</v>
      </c>
      <c r="B4976">
        <v>0</v>
      </c>
      <c r="C4976">
        <v>268</v>
      </c>
      <c r="D4976" t="s">
        <v>88</v>
      </c>
      <c r="E4976" s="1">
        <v>45033.681944444441</v>
      </c>
    </row>
    <row r="4977" spans="1:5" x14ac:dyDescent="0.4">
      <c r="A4977">
        <v>116</v>
      </c>
      <c r="B4977">
        <v>0</v>
      </c>
      <c r="C4977">
        <v>270</v>
      </c>
      <c r="D4977" t="s">
        <v>88</v>
      </c>
      <c r="E4977" s="1">
        <v>45033.681944444441</v>
      </c>
    </row>
    <row r="4978" spans="1:5" x14ac:dyDescent="0.4">
      <c r="A4978">
        <v>117</v>
      </c>
      <c r="B4978">
        <v>0</v>
      </c>
      <c r="C4978">
        <v>272</v>
      </c>
      <c r="D4978" t="s">
        <v>88</v>
      </c>
      <c r="E4978" s="1">
        <v>45033.681944444441</v>
      </c>
    </row>
    <row r="4979" spans="1:5" x14ac:dyDescent="0.4">
      <c r="A4979">
        <v>118</v>
      </c>
      <c r="B4979">
        <v>0</v>
      </c>
      <c r="C4979">
        <v>274</v>
      </c>
      <c r="D4979" t="s">
        <v>88</v>
      </c>
      <c r="E4979" s="1">
        <v>45033.681944444441</v>
      </c>
    </row>
    <row r="4980" spans="1:5" x14ac:dyDescent="0.4">
      <c r="A4980">
        <v>119</v>
      </c>
      <c r="B4980">
        <v>0</v>
      </c>
      <c r="C4980">
        <v>276</v>
      </c>
      <c r="D4980" t="s">
        <v>88</v>
      </c>
      <c r="E4980" s="1">
        <v>45033.681944444441</v>
      </c>
    </row>
    <row r="4981" spans="1:5" x14ac:dyDescent="0.4">
      <c r="A4981">
        <v>120</v>
      </c>
      <c r="B4981">
        <v>0</v>
      </c>
      <c r="C4981">
        <v>278</v>
      </c>
      <c r="D4981" t="s">
        <v>88</v>
      </c>
      <c r="E4981" s="1">
        <v>45033.681944444441</v>
      </c>
    </row>
    <row r="4982" spans="1:5" x14ac:dyDescent="0.4">
      <c r="A4982">
        <v>121</v>
      </c>
      <c r="B4982">
        <v>0</v>
      </c>
      <c r="C4982">
        <v>280</v>
      </c>
      <c r="D4982" t="s">
        <v>88</v>
      </c>
      <c r="E4982" s="1">
        <v>45033.681944444441</v>
      </c>
    </row>
    <row r="4983" spans="1:5" x14ac:dyDescent="0.4">
      <c r="A4983">
        <v>122</v>
      </c>
      <c r="B4983">
        <v>0</v>
      </c>
      <c r="C4983">
        <v>291</v>
      </c>
      <c r="D4983" t="s">
        <v>88</v>
      </c>
      <c r="E4983" s="1">
        <v>45033.681944444441</v>
      </c>
    </row>
    <row r="4984" spans="1:5" x14ac:dyDescent="0.4">
      <c r="A4984">
        <v>123</v>
      </c>
      <c r="B4984">
        <v>0</v>
      </c>
      <c r="C4984">
        <v>292</v>
      </c>
      <c r="D4984" t="s">
        <v>88</v>
      </c>
      <c r="E4984" s="1">
        <v>45033.681944444441</v>
      </c>
    </row>
    <row r="4985" spans="1:5" x14ac:dyDescent="0.4">
      <c r="A4985">
        <v>124</v>
      </c>
      <c r="B4985">
        <v>0</v>
      </c>
      <c r="C4985">
        <v>293</v>
      </c>
      <c r="D4985" t="s">
        <v>88</v>
      </c>
      <c r="E4985" s="1">
        <v>45033.681944444441</v>
      </c>
    </row>
    <row r="4986" spans="1:5" x14ac:dyDescent="0.4">
      <c r="A4986">
        <v>125</v>
      </c>
      <c r="B4986">
        <v>0</v>
      </c>
      <c r="C4986">
        <v>294</v>
      </c>
      <c r="D4986" t="s">
        <v>88</v>
      </c>
      <c r="E4986" s="1">
        <v>45033.681944444441</v>
      </c>
    </row>
    <row r="4987" spans="1:5" x14ac:dyDescent="0.4">
      <c r="A4987">
        <v>126</v>
      </c>
      <c r="B4987">
        <v>0</v>
      </c>
      <c r="C4987">
        <v>311</v>
      </c>
      <c r="D4987" t="s">
        <v>88</v>
      </c>
      <c r="E4987" s="1">
        <v>45033.681944444441</v>
      </c>
    </row>
    <row r="4988" spans="1:5" x14ac:dyDescent="0.4">
      <c r="A4988">
        <v>127</v>
      </c>
      <c r="B4988">
        <v>0</v>
      </c>
      <c r="C4988">
        <v>312</v>
      </c>
      <c r="D4988" t="s">
        <v>88</v>
      </c>
      <c r="E4988" s="1">
        <v>45033.681944444441</v>
      </c>
    </row>
    <row r="4989" spans="1:5" x14ac:dyDescent="0.4">
      <c r="A4989">
        <v>128</v>
      </c>
      <c r="B4989">
        <v>0</v>
      </c>
      <c r="C4989">
        <v>313</v>
      </c>
      <c r="D4989" t="s">
        <v>88</v>
      </c>
      <c r="E4989" s="1">
        <v>45033.681944444441</v>
      </c>
    </row>
    <row r="4990" spans="1:5" x14ac:dyDescent="0.4">
      <c r="A4990">
        <v>129</v>
      </c>
      <c r="B4990">
        <v>0</v>
      </c>
      <c r="C4990">
        <v>314</v>
      </c>
      <c r="D4990" t="s">
        <v>88</v>
      </c>
      <c r="E4990" s="1">
        <v>45033.681944444441</v>
      </c>
    </row>
    <row r="4991" spans="1:5" x14ac:dyDescent="0.4">
      <c r="A4991">
        <v>130</v>
      </c>
      <c r="B4991">
        <v>0</v>
      </c>
      <c r="C4991">
        <v>315</v>
      </c>
      <c r="D4991" t="s">
        <v>88</v>
      </c>
      <c r="E4991" s="1">
        <v>45033.681944444441</v>
      </c>
    </row>
    <row r="4992" spans="1:5" x14ac:dyDescent="0.4">
      <c r="A4992">
        <v>131</v>
      </c>
      <c r="B4992">
        <v>0</v>
      </c>
      <c r="C4992">
        <v>316</v>
      </c>
      <c r="D4992" t="s">
        <v>88</v>
      </c>
      <c r="E4992" s="1">
        <v>45033.681944444441</v>
      </c>
    </row>
    <row r="4993" spans="1:5" x14ac:dyDescent="0.4">
      <c r="A4993">
        <v>132</v>
      </c>
      <c r="B4993">
        <v>0</v>
      </c>
      <c r="C4993">
        <v>317</v>
      </c>
      <c r="D4993" t="s">
        <v>88</v>
      </c>
      <c r="E4993" s="1">
        <v>45033.681944444441</v>
      </c>
    </row>
    <row r="4994" spans="1:5" x14ac:dyDescent="0.4">
      <c r="A4994">
        <v>133</v>
      </c>
      <c r="B4994">
        <v>0</v>
      </c>
      <c r="C4994">
        <v>318</v>
      </c>
      <c r="D4994" t="s">
        <v>88</v>
      </c>
      <c r="E4994" s="1">
        <v>45033.681944444441</v>
      </c>
    </row>
    <row r="4995" spans="1:5" x14ac:dyDescent="0.4">
      <c r="A4995">
        <v>134</v>
      </c>
      <c r="B4995">
        <v>0</v>
      </c>
      <c r="C4995">
        <v>319</v>
      </c>
      <c r="D4995" t="s">
        <v>88</v>
      </c>
      <c r="E4995" s="1">
        <v>45033.681944444441</v>
      </c>
    </row>
    <row r="4996" spans="1:5" x14ac:dyDescent="0.4">
      <c r="A4996">
        <v>135</v>
      </c>
      <c r="B4996">
        <v>0</v>
      </c>
      <c r="C4996">
        <v>320</v>
      </c>
      <c r="D4996" t="s">
        <v>88</v>
      </c>
      <c r="E4996" s="1">
        <v>45033.681944444441</v>
      </c>
    </row>
    <row r="4997" spans="1:5" x14ac:dyDescent="0.4">
      <c r="A4997">
        <v>136</v>
      </c>
      <c r="B4997">
        <v>0</v>
      </c>
      <c r="C4997">
        <v>321</v>
      </c>
      <c r="D4997" t="s">
        <v>88</v>
      </c>
      <c r="E4997" s="1">
        <v>45033.681944444441</v>
      </c>
    </row>
    <row r="4998" spans="1:5" x14ac:dyDescent="0.4">
      <c r="A4998">
        <v>137</v>
      </c>
      <c r="B4998">
        <v>0</v>
      </c>
      <c r="C4998">
        <v>322</v>
      </c>
      <c r="D4998" t="s">
        <v>88</v>
      </c>
      <c r="E4998" s="1">
        <v>45033.681944444441</v>
      </c>
    </row>
    <row r="4999" spans="1:5" x14ac:dyDescent="0.4">
      <c r="A4999">
        <v>138</v>
      </c>
      <c r="B4999">
        <v>0</v>
      </c>
      <c r="C4999">
        <v>323</v>
      </c>
      <c r="D4999" t="s">
        <v>88</v>
      </c>
      <c r="E4999" s="1">
        <v>45033.681944444441</v>
      </c>
    </row>
    <row r="5000" spans="1:5" x14ac:dyDescent="0.4">
      <c r="A5000">
        <v>139</v>
      </c>
      <c r="B5000">
        <v>0</v>
      </c>
      <c r="C5000">
        <v>324</v>
      </c>
      <c r="D5000" t="s">
        <v>88</v>
      </c>
      <c r="E5000" s="1">
        <v>45033.681944444441</v>
      </c>
    </row>
    <row r="5001" spans="1:5" x14ac:dyDescent="0.4">
      <c r="A5001">
        <v>140</v>
      </c>
      <c r="B5001">
        <v>0</v>
      </c>
      <c r="C5001">
        <v>325</v>
      </c>
      <c r="D5001" t="s">
        <v>88</v>
      </c>
      <c r="E5001" s="1">
        <v>45033.681944444441</v>
      </c>
    </row>
    <row r="5002" spans="1:5" x14ac:dyDescent="0.4">
      <c r="A5002">
        <v>141</v>
      </c>
      <c r="B5002">
        <v>0</v>
      </c>
      <c r="C5002">
        <v>326</v>
      </c>
      <c r="D5002" t="s">
        <v>88</v>
      </c>
      <c r="E5002" s="1">
        <v>45033.681944444441</v>
      </c>
    </row>
    <row r="5003" spans="1:5" x14ac:dyDescent="0.4">
      <c r="A5003">
        <v>142</v>
      </c>
      <c r="B5003">
        <v>0</v>
      </c>
      <c r="C5003">
        <v>327</v>
      </c>
      <c r="D5003" t="s">
        <v>88</v>
      </c>
      <c r="E5003" s="1">
        <v>45033.681944444441</v>
      </c>
    </row>
    <row r="5004" spans="1:5" x14ac:dyDescent="0.4">
      <c r="A5004">
        <v>143</v>
      </c>
      <c r="B5004">
        <v>0</v>
      </c>
      <c r="C5004">
        <v>328</v>
      </c>
      <c r="D5004" t="s">
        <v>88</v>
      </c>
      <c r="E5004" s="1">
        <v>45033.681944444441</v>
      </c>
    </row>
    <row r="5005" spans="1:5" x14ac:dyDescent="0.4">
      <c r="A5005">
        <v>144</v>
      </c>
      <c r="B5005">
        <v>0</v>
      </c>
      <c r="C5005">
        <v>329</v>
      </c>
      <c r="D5005" t="s">
        <v>88</v>
      </c>
      <c r="E5005" s="1">
        <v>45033.681944444441</v>
      </c>
    </row>
    <row r="5006" spans="1:5" x14ac:dyDescent="0.4">
      <c r="A5006">
        <v>145</v>
      </c>
      <c r="B5006">
        <v>0</v>
      </c>
      <c r="C5006">
        <v>330</v>
      </c>
      <c r="D5006" t="s">
        <v>88</v>
      </c>
      <c r="E5006" s="1">
        <v>45033.681944444441</v>
      </c>
    </row>
    <row r="5007" spans="1:5" x14ac:dyDescent="0.4">
      <c r="A5007">
        <v>146</v>
      </c>
      <c r="B5007">
        <v>0</v>
      </c>
      <c r="C5007">
        <v>331</v>
      </c>
      <c r="D5007" t="s">
        <v>88</v>
      </c>
      <c r="E5007" s="1">
        <v>45033.681944444441</v>
      </c>
    </row>
    <row r="5008" spans="1:5" x14ac:dyDescent="0.4">
      <c r="A5008">
        <v>147</v>
      </c>
      <c r="B5008">
        <v>0</v>
      </c>
      <c r="C5008">
        <v>332</v>
      </c>
      <c r="D5008" t="s">
        <v>88</v>
      </c>
      <c r="E5008" s="1">
        <v>45033.681944444441</v>
      </c>
    </row>
    <row r="5009" spans="1:5" x14ac:dyDescent="0.4">
      <c r="A5009">
        <v>148</v>
      </c>
      <c r="B5009">
        <v>0</v>
      </c>
      <c r="C5009">
        <v>333</v>
      </c>
      <c r="D5009" t="s">
        <v>88</v>
      </c>
      <c r="E5009" s="1">
        <v>45033.681944444441</v>
      </c>
    </row>
    <row r="5010" spans="1:5" x14ac:dyDescent="0.4">
      <c r="A5010">
        <v>149</v>
      </c>
      <c r="B5010">
        <v>0</v>
      </c>
      <c r="C5010">
        <v>334</v>
      </c>
      <c r="D5010" t="s">
        <v>88</v>
      </c>
      <c r="E5010" s="1">
        <v>45033.681944444441</v>
      </c>
    </row>
    <row r="5011" spans="1:5" x14ac:dyDescent="0.4">
      <c r="A5011">
        <v>150</v>
      </c>
      <c r="B5011">
        <v>0</v>
      </c>
      <c r="C5011">
        <v>335</v>
      </c>
      <c r="D5011" t="s">
        <v>88</v>
      </c>
      <c r="E5011" s="1">
        <v>45033.681944444441</v>
      </c>
    </row>
    <row r="5012" spans="1:5" x14ac:dyDescent="0.4">
      <c r="A5012">
        <v>151</v>
      </c>
      <c r="B5012">
        <v>0</v>
      </c>
      <c r="C5012">
        <v>351</v>
      </c>
      <c r="D5012" t="s">
        <v>88</v>
      </c>
      <c r="E5012" s="1">
        <v>45033.681944444441</v>
      </c>
    </row>
    <row r="5013" spans="1:5" x14ac:dyDescent="0.4">
      <c r="A5013">
        <v>152</v>
      </c>
      <c r="B5013">
        <v>0</v>
      </c>
      <c r="C5013">
        <v>352</v>
      </c>
      <c r="D5013" t="s">
        <v>88</v>
      </c>
      <c r="E5013" s="1">
        <v>45033.681944444441</v>
      </c>
    </row>
    <row r="5014" spans="1:5" x14ac:dyDescent="0.4">
      <c r="A5014">
        <v>153</v>
      </c>
      <c r="B5014">
        <v>0</v>
      </c>
      <c r="C5014">
        <v>353</v>
      </c>
      <c r="D5014" t="s">
        <v>88</v>
      </c>
      <c r="E5014" s="1">
        <v>45033.681944444441</v>
      </c>
    </row>
    <row r="5015" spans="1:5" x14ac:dyDescent="0.4">
      <c r="A5015">
        <v>154</v>
      </c>
      <c r="B5015">
        <v>0</v>
      </c>
      <c r="C5015">
        <v>354</v>
      </c>
      <c r="D5015" t="s">
        <v>88</v>
      </c>
      <c r="E5015" s="1">
        <v>45033.681944444441</v>
      </c>
    </row>
    <row r="5016" spans="1:5" x14ac:dyDescent="0.4">
      <c r="A5016">
        <v>155</v>
      </c>
      <c r="B5016">
        <v>0</v>
      </c>
      <c r="C5016">
        <v>361</v>
      </c>
      <c r="D5016" t="s">
        <v>88</v>
      </c>
      <c r="E5016" s="1">
        <v>45033.681944444441</v>
      </c>
    </row>
    <row r="5017" spans="1:5" x14ac:dyDescent="0.4">
      <c r="A5017">
        <v>156</v>
      </c>
      <c r="B5017">
        <v>0</v>
      </c>
      <c r="C5017">
        <v>362</v>
      </c>
      <c r="D5017" t="s">
        <v>88</v>
      </c>
      <c r="E5017" s="1">
        <v>45033.681944444441</v>
      </c>
    </row>
    <row r="5018" spans="1:5" x14ac:dyDescent="0.4">
      <c r="A5018">
        <v>157</v>
      </c>
      <c r="B5018">
        <v>0</v>
      </c>
      <c r="C5018">
        <v>363</v>
      </c>
      <c r="D5018" t="s">
        <v>88</v>
      </c>
      <c r="E5018" s="1">
        <v>45033.681944444441</v>
      </c>
    </row>
    <row r="5019" spans="1:5" x14ac:dyDescent="0.4">
      <c r="A5019">
        <v>158</v>
      </c>
      <c r="B5019">
        <v>0</v>
      </c>
      <c r="C5019">
        <v>364</v>
      </c>
      <c r="D5019" t="s">
        <v>88</v>
      </c>
      <c r="E5019" s="1">
        <v>45033.681944444441</v>
      </c>
    </row>
    <row r="5020" spans="1:5" x14ac:dyDescent="0.4">
      <c r="A5020">
        <v>159</v>
      </c>
      <c r="B5020">
        <v>0</v>
      </c>
      <c r="C5020">
        <v>371</v>
      </c>
      <c r="D5020" t="s">
        <v>88</v>
      </c>
      <c r="E5020" s="1">
        <v>45033.681944444441</v>
      </c>
    </row>
    <row r="5021" spans="1:5" x14ac:dyDescent="0.4">
      <c r="A5021">
        <v>160</v>
      </c>
      <c r="B5021">
        <v>0</v>
      </c>
      <c r="C5021">
        <v>372</v>
      </c>
      <c r="D5021" t="s">
        <v>88</v>
      </c>
      <c r="E5021" s="1">
        <v>45033.681944444441</v>
      </c>
    </row>
    <row r="5022" spans="1:5" x14ac:dyDescent="0.4">
      <c r="A5022">
        <v>161</v>
      </c>
      <c r="B5022">
        <v>0</v>
      </c>
      <c r="C5022">
        <v>373</v>
      </c>
      <c r="D5022" t="s">
        <v>88</v>
      </c>
      <c r="E5022" s="1">
        <v>45033.681944444441</v>
      </c>
    </row>
    <row r="5023" spans="1:5" x14ac:dyDescent="0.4">
      <c r="A5023">
        <v>162</v>
      </c>
      <c r="B5023">
        <v>0</v>
      </c>
      <c r="C5023">
        <v>374</v>
      </c>
      <c r="D5023" t="s">
        <v>88</v>
      </c>
      <c r="E5023" s="1">
        <v>45033.681944444441</v>
      </c>
    </row>
    <row r="5024" spans="1:5" x14ac:dyDescent="0.4">
      <c r="A5024">
        <v>163</v>
      </c>
      <c r="B5024">
        <v>0</v>
      </c>
      <c r="C5024">
        <v>381</v>
      </c>
      <c r="D5024" t="s">
        <v>88</v>
      </c>
      <c r="E5024" s="1">
        <v>45033.681944444441</v>
      </c>
    </row>
    <row r="5025" spans="1:5" x14ac:dyDescent="0.4">
      <c r="A5025">
        <v>164</v>
      </c>
      <c r="B5025">
        <v>0</v>
      </c>
      <c r="C5025">
        <v>382</v>
      </c>
      <c r="D5025" t="s">
        <v>88</v>
      </c>
      <c r="E5025" s="1">
        <v>45033.681944444441</v>
      </c>
    </row>
    <row r="5026" spans="1:5" x14ac:dyDescent="0.4">
      <c r="A5026">
        <v>165</v>
      </c>
      <c r="B5026">
        <v>0</v>
      </c>
      <c r="C5026">
        <v>383</v>
      </c>
      <c r="D5026" t="s">
        <v>88</v>
      </c>
      <c r="E5026" s="1">
        <v>45033.681944444441</v>
      </c>
    </row>
    <row r="5027" spans="1:5" x14ac:dyDescent="0.4">
      <c r="A5027">
        <v>166</v>
      </c>
      <c r="B5027">
        <v>0</v>
      </c>
      <c r="C5027">
        <v>384</v>
      </c>
      <c r="D5027" t="s">
        <v>88</v>
      </c>
      <c r="E5027" s="1">
        <v>45033.681944444441</v>
      </c>
    </row>
    <row r="5028" spans="1:5" x14ac:dyDescent="0.4">
      <c r="A5028">
        <v>167</v>
      </c>
      <c r="B5028">
        <v>0</v>
      </c>
      <c r="C5028">
        <v>391</v>
      </c>
      <c r="D5028" t="s">
        <v>88</v>
      </c>
      <c r="E5028" s="1">
        <v>45033.681944444441</v>
      </c>
    </row>
    <row r="5029" spans="1:5" x14ac:dyDescent="0.4">
      <c r="A5029">
        <v>168</v>
      </c>
      <c r="B5029">
        <v>0</v>
      </c>
      <c r="C5029">
        <v>392</v>
      </c>
      <c r="D5029" t="s">
        <v>88</v>
      </c>
      <c r="E5029" s="1">
        <v>45033.681944444441</v>
      </c>
    </row>
    <row r="5030" spans="1:5" x14ac:dyDescent="0.4">
      <c r="A5030">
        <v>169</v>
      </c>
      <c r="B5030">
        <v>0</v>
      </c>
      <c r="C5030">
        <v>393</v>
      </c>
      <c r="D5030" t="s">
        <v>88</v>
      </c>
      <c r="E5030" s="1">
        <v>45033.681944444441</v>
      </c>
    </row>
    <row r="5031" spans="1:5" x14ac:dyDescent="0.4">
      <c r="A5031">
        <v>170</v>
      </c>
      <c r="B5031">
        <v>0</v>
      </c>
      <c r="C5031">
        <v>394</v>
      </c>
      <c r="D5031" t="s">
        <v>88</v>
      </c>
      <c r="E5031" s="1">
        <v>45033.681944444441</v>
      </c>
    </row>
    <row r="5032" spans="1:5" x14ac:dyDescent="0.4">
      <c r="A5032">
        <v>171</v>
      </c>
      <c r="B5032">
        <v>0</v>
      </c>
      <c r="C5032">
        <v>401</v>
      </c>
      <c r="D5032" t="s">
        <v>88</v>
      </c>
      <c r="E5032" s="1">
        <v>45033.681944444441</v>
      </c>
    </row>
    <row r="5033" spans="1:5" x14ac:dyDescent="0.4">
      <c r="A5033">
        <v>172</v>
      </c>
      <c r="B5033">
        <v>0</v>
      </c>
      <c r="C5033">
        <v>402</v>
      </c>
      <c r="D5033" t="s">
        <v>88</v>
      </c>
      <c r="E5033" s="1">
        <v>45033.681944444441</v>
      </c>
    </row>
    <row r="5034" spans="1:5" x14ac:dyDescent="0.4">
      <c r="A5034">
        <v>173</v>
      </c>
      <c r="B5034">
        <v>0</v>
      </c>
      <c r="C5034">
        <v>403</v>
      </c>
      <c r="D5034" t="s">
        <v>88</v>
      </c>
      <c r="E5034" s="1">
        <v>45033.681944444441</v>
      </c>
    </row>
    <row r="5035" spans="1:5" x14ac:dyDescent="0.4">
      <c r="A5035">
        <v>174</v>
      </c>
      <c r="B5035">
        <v>0</v>
      </c>
      <c r="C5035">
        <v>404</v>
      </c>
      <c r="D5035" t="s">
        <v>88</v>
      </c>
      <c r="E5035" s="1">
        <v>45033.681944444441</v>
      </c>
    </row>
    <row r="5036" spans="1:5" x14ac:dyDescent="0.4">
      <c r="A5036">
        <v>175</v>
      </c>
      <c r="B5036">
        <v>0</v>
      </c>
      <c r="C5036">
        <v>411</v>
      </c>
      <c r="D5036" t="s">
        <v>88</v>
      </c>
      <c r="E5036" s="1">
        <v>45033.681944444441</v>
      </c>
    </row>
    <row r="5037" spans="1:5" x14ac:dyDescent="0.4">
      <c r="A5037">
        <v>176</v>
      </c>
      <c r="B5037">
        <v>0</v>
      </c>
      <c r="C5037">
        <v>412</v>
      </c>
      <c r="D5037" t="s">
        <v>88</v>
      </c>
      <c r="E5037" s="1">
        <v>45033.681944444441</v>
      </c>
    </row>
    <row r="5038" spans="1:5" x14ac:dyDescent="0.4">
      <c r="A5038">
        <v>177</v>
      </c>
      <c r="B5038">
        <v>0</v>
      </c>
      <c r="C5038">
        <v>413</v>
      </c>
      <c r="D5038" t="s">
        <v>88</v>
      </c>
      <c r="E5038" s="1">
        <v>45033.681944444441</v>
      </c>
    </row>
    <row r="5039" spans="1:5" x14ac:dyDescent="0.4">
      <c r="A5039">
        <v>178</v>
      </c>
      <c r="B5039">
        <v>0</v>
      </c>
      <c r="C5039">
        <v>414</v>
      </c>
      <c r="D5039" t="s">
        <v>88</v>
      </c>
      <c r="E5039" s="1">
        <v>45033.681944444441</v>
      </c>
    </row>
    <row r="5040" spans="1:5" x14ac:dyDescent="0.4">
      <c r="A5040">
        <v>179</v>
      </c>
      <c r="B5040">
        <v>0</v>
      </c>
      <c r="C5040">
        <v>421</v>
      </c>
      <c r="D5040" t="s">
        <v>88</v>
      </c>
      <c r="E5040" s="1">
        <v>45033.681944444441</v>
      </c>
    </row>
    <row r="5041" spans="1:5" x14ac:dyDescent="0.4">
      <c r="A5041">
        <v>180</v>
      </c>
      <c r="B5041">
        <v>0</v>
      </c>
      <c r="C5041">
        <v>422</v>
      </c>
      <c r="D5041" t="s">
        <v>88</v>
      </c>
      <c r="E5041" s="1">
        <v>45033.681944444441</v>
      </c>
    </row>
    <row r="5042" spans="1:5" x14ac:dyDescent="0.4">
      <c r="A5042">
        <v>181</v>
      </c>
      <c r="B5042">
        <v>0</v>
      </c>
      <c r="C5042">
        <v>423</v>
      </c>
      <c r="D5042" t="s">
        <v>88</v>
      </c>
      <c r="E5042" s="1">
        <v>45033.681944444441</v>
      </c>
    </row>
    <row r="5043" spans="1:5" x14ac:dyDescent="0.4">
      <c r="A5043">
        <v>182</v>
      </c>
      <c r="B5043">
        <v>0</v>
      </c>
      <c r="C5043">
        <v>424</v>
      </c>
      <c r="D5043" t="s">
        <v>88</v>
      </c>
      <c r="E5043" s="1">
        <v>45033.681944444441</v>
      </c>
    </row>
    <row r="5044" spans="1:5" x14ac:dyDescent="0.4">
      <c r="A5044">
        <v>183</v>
      </c>
      <c r="B5044">
        <v>0</v>
      </c>
      <c r="C5044">
        <v>431</v>
      </c>
      <c r="D5044" t="s">
        <v>88</v>
      </c>
      <c r="E5044" s="1">
        <v>45033.681944444441</v>
      </c>
    </row>
    <row r="5045" spans="1:5" x14ac:dyDescent="0.4">
      <c r="A5045">
        <v>184</v>
      </c>
      <c r="B5045">
        <v>0</v>
      </c>
      <c r="C5045">
        <v>432</v>
      </c>
      <c r="D5045" t="s">
        <v>88</v>
      </c>
      <c r="E5045" s="1">
        <v>45033.681944444441</v>
      </c>
    </row>
    <row r="5046" spans="1:5" x14ac:dyDescent="0.4">
      <c r="A5046">
        <v>185</v>
      </c>
      <c r="B5046">
        <v>0</v>
      </c>
      <c r="C5046">
        <v>433</v>
      </c>
      <c r="D5046" t="s">
        <v>88</v>
      </c>
      <c r="E5046" s="1">
        <v>45033.681944444441</v>
      </c>
    </row>
    <row r="5047" spans="1:5" x14ac:dyDescent="0.4">
      <c r="A5047">
        <v>186</v>
      </c>
      <c r="B5047">
        <v>0</v>
      </c>
      <c r="C5047">
        <v>434</v>
      </c>
      <c r="D5047" t="s">
        <v>88</v>
      </c>
      <c r="E5047" s="1">
        <v>45033.681944444441</v>
      </c>
    </row>
    <row r="5048" spans="1:5" x14ac:dyDescent="0.4">
      <c r="A5048">
        <v>187</v>
      </c>
      <c r="B5048">
        <v>0</v>
      </c>
      <c r="C5048">
        <v>441</v>
      </c>
      <c r="D5048" t="s">
        <v>88</v>
      </c>
      <c r="E5048" s="1">
        <v>45033.681944444441</v>
      </c>
    </row>
    <row r="5049" spans="1:5" x14ac:dyDescent="0.4">
      <c r="A5049">
        <v>188</v>
      </c>
      <c r="B5049">
        <v>0</v>
      </c>
      <c r="C5049">
        <v>442</v>
      </c>
      <c r="D5049" t="s">
        <v>88</v>
      </c>
      <c r="E5049" s="1">
        <v>45033.681944444441</v>
      </c>
    </row>
    <row r="5050" spans="1:5" x14ac:dyDescent="0.4">
      <c r="A5050">
        <v>189</v>
      </c>
      <c r="B5050">
        <v>0</v>
      </c>
      <c r="C5050">
        <v>443</v>
      </c>
      <c r="D5050" t="s">
        <v>88</v>
      </c>
      <c r="E5050" s="1">
        <v>45033.681944444441</v>
      </c>
    </row>
    <row r="5051" spans="1:5" x14ac:dyDescent="0.4">
      <c r="A5051">
        <v>190</v>
      </c>
      <c r="B5051">
        <v>0</v>
      </c>
      <c r="C5051">
        <v>444</v>
      </c>
      <c r="D5051" t="s">
        <v>88</v>
      </c>
      <c r="E5051" s="1">
        <v>45033.681944444441</v>
      </c>
    </row>
    <row r="5052" spans="1:5" x14ac:dyDescent="0.4">
      <c r="A5052">
        <v>191</v>
      </c>
      <c r="B5052">
        <v>0</v>
      </c>
      <c r="C5052">
        <v>131</v>
      </c>
      <c r="D5052" t="s">
        <v>88</v>
      </c>
      <c r="E5052" s="1">
        <v>45033.681944444441</v>
      </c>
    </row>
    <row r="5053" spans="1:5" x14ac:dyDescent="0.4">
      <c r="A5053">
        <v>192</v>
      </c>
      <c r="B5053">
        <v>0</v>
      </c>
      <c r="C5053">
        <v>132</v>
      </c>
      <c r="D5053" t="s">
        <v>88</v>
      </c>
      <c r="E5053" s="1">
        <v>45033.681944444441</v>
      </c>
    </row>
    <row r="5054" spans="1:5" x14ac:dyDescent="0.4">
      <c r="A5054">
        <v>193</v>
      </c>
      <c r="B5054">
        <v>0</v>
      </c>
      <c r="C5054">
        <v>133</v>
      </c>
      <c r="D5054" t="s">
        <v>88</v>
      </c>
      <c r="E5054" s="1">
        <v>45033.681944444441</v>
      </c>
    </row>
    <row r="5055" spans="1:5" x14ac:dyDescent="0.4">
      <c r="A5055">
        <v>194</v>
      </c>
      <c r="B5055">
        <v>0</v>
      </c>
      <c r="C5055">
        <v>134</v>
      </c>
      <c r="D5055" t="s">
        <v>88</v>
      </c>
      <c r="E5055" s="1">
        <v>45033.681944444441</v>
      </c>
    </row>
    <row r="5056" spans="1:5" x14ac:dyDescent="0.4">
      <c r="A5056">
        <v>195</v>
      </c>
      <c r="B5056">
        <v>0</v>
      </c>
      <c r="C5056">
        <v>135</v>
      </c>
      <c r="D5056" t="s">
        <v>88</v>
      </c>
      <c r="E5056" s="1">
        <v>45033.681944444441</v>
      </c>
    </row>
    <row r="5057" spans="1:5" x14ac:dyDescent="0.4">
      <c r="A5057">
        <v>196</v>
      </c>
      <c r="B5057">
        <v>0</v>
      </c>
      <c r="C5057">
        <v>136</v>
      </c>
      <c r="D5057" t="s">
        <v>88</v>
      </c>
      <c r="E5057" s="1">
        <v>45033.681944444441</v>
      </c>
    </row>
    <row r="5058" spans="1:5" x14ac:dyDescent="0.4">
      <c r="A5058">
        <v>197</v>
      </c>
      <c r="B5058">
        <v>0</v>
      </c>
      <c r="C5058">
        <v>501</v>
      </c>
      <c r="D5058" t="s">
        <v>88</v>
      </c>
      <c r="E5058" s="1">
        <v>45033.681944444441</v>
      </c>
    </row>
    <row r="5059" spans="1:5" x14ac:dyDescent="0.4">
      <c r="A5059">
        <v>198</v>
      </c>
      <c r="B5059">
        <v>0</v>
      </c>
      <c r="C5059">
        <v>502</v>
      </c>
      <c r="D5059" t="s">
        <v>88</v>
      </c>
      <c r="E5059" s="1">
        <v>45033.681944444441</v>
      </c>
    </row>
    <row r="5060" spans="1:5" x14ac:dyDescent="0.4">
      <c r="A5060">
        <v>199</v>
      </c>
      <c r="B5060">
        <v>0</v>
      </c>
      <c r="C5060">
        <v>503</v>
      </c>
      <c r="D5060" t="s">
        <v>88</v>
      </c>
      <c r="E5060" s="1">
        <v>45033.681944444441</v>
      </c>
    </row>
    <row r="5061" spans="1:5" x14ac:dyDescent="0.4">
      <c r="A5061">
        <v>200</v>
      </c>
      <c r="B5061">
        <v>0</v>
      </c>
      <c r="C5061">
        <v>504</v>
      </c>
      <c r="D5061" t="s">
        <v>88</v>
      </c>
      <c r="E5061" s="1">
        <v>45033.681944444441</v>
      </c>
    </row>
    <row r="5062" spans="1:5" x14ac:dyDescent="0.4">
      <c r="A5062">
        <v>201</v>
      </c>
      <c r="B5062">
        <v>0</v>
      </c>
      <c r="C5062">
        <v>505</v>
      </c>
      <c r="D5062" t="s">
        <v>88</v>
      </c>
      <c r="E5062" s="1">
        <v>45033.681944444441</v>
      </c>
    </row>
    <row r="5063" spans="1:5" x14ac:dyDescent="0.4">
      <c r="A5063">
        <v>202</v>
      </c>
      <c r="B5063">
        <v>0</v>
      </c>
      <c r="C5063">
        <v>506</v>
      </c>
      <c r="D5063" t="s">
        <v>88</v>
      </c>
      <c r="E5063" s="1">
        <v>45033.681944444441</v>
      </c>
    </row>
    <row r="5064" spans="1:5" x14ac:dyDescent="0.4">
      <c r="A5064">
        <v>203</v>
      </c>
      <c r="B5064">
        <v>0</v>
      </c>
      <c r="C5064">
        <v>507</v>
      </c>
      <c r="D5064" t="s">
        <v>88</v>
      </c>
      <c r="E5064" s="1">
        <v>45033.681944444441</v>
      </c>
    </row>
    <row r="5065" spans="1:5" x14ac:dyDescent="0.4">
      <c r="A5065">
        <v>204</v>
      </c>
      <c r="B5065">
        <v>0</v>
      </c>
      <c r="C5065">
        <v>508</v>
      </c>
      <c r="D5065" t="s">
        <v>88</v>
      </c>
      <c r="E5065" s="1">
        <v>45033.681944444441</v>
      </c>
    </row>
    <row r="5066" spans="1:5" x14ac:dyDescent="0.4">
      <c r="A5066">
        <v>205</v>
      </c>
      <c r="B5066">
        <v>0</v>
      </c>
      <c r="C5066">
        <v>509</v>
      </c>
      <c r="D5066" t="s">
        <v>88</v>
      </c>
      <c r="E5066" s="1">
        <v>45033.681944444441</v>
      </c>
    </row>
    <row r="5067" spans="1:5" x14ac:dyDescent="0.4">
      <c r="A5067">
        <v>206</v>
      </c>
      <c r="B5067">
        <v>0</v>
      </c>
      <c r="C5067">
        <v>510</v>
      </c>
      <c r="D5067" t="s">
        <v>88</v>
      </c>
      <c r="E5067" s="1">
        <v>45033.681944444441</v>
      </c>
    </row>
    <row r="5068" spans="1:5" x14ac:dyDescent="0.4">
      <c r="A5068">
        <v>207</v>
      </c>
      <c r="B5068">
        <v>0</v>
      </c>
      <c r="C5068">
        <v>511</v>
      </c>
      <c r="D5068" t="s">
        <v>88</v>
      </c>
      <c r="E5068" s="1">
        <v>45033.681944444441</v>
      </c>
    </row>
    <row r="5069" spans="1:5" x14ac:dyDescent="0.4">
      <c r="A5069">
        <v>208</v>
      </c>
      <c r="B5069">
        <v>0</v>
      </c>
      <c r="C5069">
        <v>521</v>
      </c>
      <c r="D5069" t="s">
        <v>88</v>
      </c>
      <c r="E5069" s="1">
        <v>45033.681944444441</v>
      </c>
    </row>
    <row r="5070" spans="1:5" x14ac:dyDescent="0.4">
      <c r="A5070">
        <v>209</v>
      </c>
      <c r="B5070">
        <v>0</v>
      </c>
      <c r="C5070">
        <v>522</v>
      </c>
      <c r="D5070" t="s">
        <v>88</v>
      </c>
      <c r="E5070" s="1">
        <v>45033.681944444441</v>
      </c>
    </row>
    <row r="5071" spans="1:5" x14ac:dyDescent="0.4">
      <c r="A5071">
        <v>210</v>
      </c>
      <c r="B5071">
        <v>0</v>
      </c>
      <c r="C5071">
        <v>523</v>
      </c>
      <c r="D5071" t="s">
        <v>88</v>
      </c>
      <c r="E5071" s="1">
        <v>45033.681944444441</v>
      </c>
    </row>
    <row r="5072" spans="1:5" x14ac:dyDescent="0.4">
      <c r="A5072">
        <v>211</v>
      </c>
      <c r="B5072">
        <v>0</v>
      </c>
      <c r="C5072">
        <v>524</v>
      </c>
      <c r="D5072" t="s">
        <v>88</v>
      </c>
      <c r="E5072" s="1">
        <v>45033.681944444441</v>
      </c>
    </row>
    <row r="5073" spans="1:5" x14ac:dyDescent="0.4">
      <c r="A5073">
        <v>212</v>
      </c>
      <c r="B5073">
        <v>0</v>
      </c>
      <c r="C5073">
        <v>525</v>
      </c>
      <c r="D5073" t="s">
        <v>88</v>
      </c>
      <c r="E5073" s="1">
        <v>45033.681944444441</v>
      </c>
    </row>
    <row r="5074" spans="1:5" x14ac:dyDescent="0.4">
      <c r="A5074">
        <v>213</v>
      </c>
      <c r="B5074">
        <v>0</v>
      </c>
      <c r="C5074">
        <v>526</v>
      </c>
      <c r="D5074" t="s">
        <v>88</v>
      </c>
      <c r="E5074" s="1">
        <v>45033.681944444441</v>
      </c>
    </row>
    <row r="5075" spans="1:5" x14ac:dyDescent="0.4">
      <c r="A5075">
        <v>214</v>
      </c>
      <c r="B5075">
        <v>0</v>
      </c>
      <c r="C5075">
        <v>527</v>
      </c>
      <c r="D5075" t="s">
        <v>88</v>
      </c>
      <c r="E5075" s="1">
        <v>45033.681944444441</v>
      </c>
    </row>
    <row r="5076" spans="1:5" x14ac:dyDescent="0.4">
      <c r="A5076">
        <v>215</v>
      </c>
      <c r="B5076">
        <v>0</v>
      </c>
      <c r="C5076">
        <v>528</v>
      </c>
      <c r="D5076" t="s">
        <v>88</v>
      </c>
      <c r="E5076" s="1">
        <v>45033.681944444441</v>
      </c>
    </row>
    <row r="5077" spans="1:5" x14ac:dyDescent="0.4">
      <c r="A5077">
        <v>216</v>
      </c>
      <c r="B5077">
        <v>0</v>
      </c>
      <c r="C5077">
        <v>529</v>
      </c>
      <c r="D5077" t="s">
        <v>88</v>
      </c>
      <c r="E5077" s="1">
        <v>45033.681944444441</v>
      </c>
    </row>
    <row r="5078" spans="1:5" x14ac:dyDescent="0.4">
      <c r="A5078">
        <v>217</v>
      </c>
      <c r="B5078">
        <v>0</v>
      </c>
      <c r="C5078">
        <v>530</v>
      </c>
      <c r="D5078" t="s">
        <v>88</v>
      </c>
      <c r="E5078" s="1">
        <v>45033.681944444441</v>
      </c>
    </row>
    <row r="5079" spans="1:5" x14ac:dyDescent="0.4">
      <c r="A5079">
        <v>218</v>
      </c>
      <c r="B5079">
        <v>0</v>
      </c>
      <c r="C5079">
        <v>531</v>
      </c>
      <c r="D5079" t="s">
        <v>88</v>
      </c>
      <c r="E5079" s="1">
        <v>45033.681944444441</v>
      </c>
    </row>
    <row r="5080" spans="1:5" x14ac:dyDescent="0.4">
      <c r="A5080">
        <v>219</v>
      </c>
      <c r="B5080">
        <v>0</v>
      </c>
      <c r="C5080">
        <v>532</v>
      </c>
      <c r="D5080" t="s">
        <v>88</v>
      </c>
      <c r="E5080" s="1">
        <v>45033.681944444441</v>
      </c>
    </row>
    <row r="5081" spans="1:5" x14ac:dyDescent="0.4">
      <c r="A5081">
        <v>220</v>
      </c>
      <c r="B5081">
        <v>0</v>
      </c>
      <c r="C5081">
        <v>533</v>
      </c>
      <c r="D5081" t="s">
        <v>88</v>
      </c>
      <c r="E5081" s="1">
        <v>45033.681944444441</v>
      </c>
    </row>
    <row r="5082" spans="1:5" x14ac:dyDescent="0.4">
      <c r="A5082">
        <v>221</v>
      </c>
      <c r="B5082">
        <v>0</v>
      </c>
      <c r="C5082">
        <v>571</v>
      </c>
      <c r="D5082" t="s">
        <v>88</v>
      </c>
      <c r="E5082" s="1">
        <v>45033.681944444441</v>
      </c>
    </row>
    <row r="5083" spans="1:5" x14ac:dyDescent="0.4">
      <c r="A5083">
        <v>222</v>
      </c>
      <c r="B5083">
        <v>0</v>
      </c>
      <c r="C5083">
        <v>572</v>
      </c>
      <c r="D5083" t="s">
        <v>88</v>
      </c>
      <c r="E5083" s="1">
        <v>45033.681944444441</v>
      </c>
    </row>
    <row r="5084" spans="1:5" x14ac:dyDescent="0.4">
      <c r="A5084">
        <v>223</v>
      </c>
      <c r="B5084">
        <v>0</v>
      </c>
      <c r="C5084">
        <v>573</v>
      </c>
      <c r="D5084" t="s">
        <v>88</v>
      </c>
      <c r="E5084" s="1">
        <v>45033.681944444441</v>
      </c>
    </row>
    <row r="5085" spans="1:5" x14ac:dyDescent="0.4">
      <c r="A5085">
        <v>224</v>
      </c>
      <c r="B5085">
        <v>0</v>
      </c>
      <c r="C5085">
        <v>1001</v>
      </c>
      <c r="D5085" t="s">
        <v>88</v>
      </c>
      <c r="E5085" s="1">
        <v>45033.681944444441</v>
      </c>
    </row>
    <row r="5086" spans="1:5" x14ac:dyDescent="0.4">
      <c r="A5086">
        <v>225</v>
      </c>
      <c r="B5086">
        <v>0</v>
      </c>
      <c r="C5086">
        <v>1002</v>
      </c>
      <c r="D5086" t="s">
        <v>88</v>
      </c>
      <c r="E5086" s="1">
        <v>45033.681944444441</v>
      </c>
    </row>
    <row r="5087" spans="1:5" x14ac:dyDescent="0.4">
      <c r="A5087">
        <v>226</v>
      </c>
      <c r="B5087">
        <v>0</v>
      </c>
      <c r="C5087">
        <v>1003</v>
      </c>
      <c r="D5087" t="s">
        <v>88</v>
      </c>
      <c r="E5087" s="1">
        <v>45033.681944444441</v>
      </c>
    </row>
    <row r="5088" spans="1:5" x14ac:dyDescent="0.4">
      <c r="A5088">
        <v>227</v>
      </c>
      <c r="B5088">
        <v>0</v>
      </c>
      <c r="C5088">
        <v>1004</v>
      </c>
      <c r="D5088" t="s">
        <v>88</v>
      </c>
      <c r="E5088" s="1">
        <v>45033.681944444441</v>
      </c>
    </row>
    <row r="5089" spans="1:5" x14ac:dyDescent="0.4">
      <c r="A5089">
        <v>228</v>
      </c>
      <c r="B5089">
        <v>0</v>
      </c>
      <c r="C5089">
        <v>1005</v>
      </c>
      <c r="D5089" t="s">
        <v>88</v>
      </c>
      <c r="E5089" s="1">
        <v>45033.681944444441</v>
      </c>
    </row>
    <row r="5090" spans="1:5" x14ac:dyDescent="0.4">
      <c r="A5090">
        <v>229</v>
      </c>
      <c r="B5090">
        <v>0</v>
      </c>
      <c r="C5090">
        <v>1007</v>
      </c>
      <c r="D5090" t="s">
        <v>88</v>
      </c>
      <c r="E5090" s="1">
        <v>45033.681944444441</v>
      </c>
    </row>
    <row r="5091" spans="1:5" x14ac:dyDescent="0.4">
      <c r="A5091">
        <v>230</v>
      </c>
      <c r="B5091">
        <v>0</v>
      </c>
      <c r="C5091">
        <v>1009</v>
      </c>
      <c r="D5091" t="s">
        <v>88</v>
      </c>
      <c r="E5091" s="1">
        <v>45033.681944444441</v>
      </c>
    </row>
    <row r="5092" spans="1:5" x14ac:dyDescent="0.4">
      <c r="A5092">
        <v>231</v>
      </c>
      <c r="B5092">
        <v>0</v>
      </c>
      <c r="C5092">
        <v>1010</v>
      </c>
      <c r="D5092" t="s">
        <v>88</v>
      </c>
      <c r="E5092" s="1">
        <v>45033.681944444441</v>
      </c>
    </row>
    <row r="5093" spans="1:5" x14ac:dyDescent="0.4">
      <c r="A5093">
        <v>232</v>
      </c>
      <c r="B5093">
        <v>0</v>
      </c>
      <c r="C5093">
        <v>1011</v>
      </c>
      <c r="D5093" t="s">
        <v>88</v>
      </c>
      <c r="E5093" s="1">
        <v>45033.681944444441</v>
      </c>
    </row>
    <row r="5094" spans="1:5" x14ac:dyDescent="0.4">
      <c r="A5094">
        <v>233</v>
      </c>
      <c r="B5094">
        <v>0</v>
      </c>
      <c r="C5094">
        <v>1031</v>
      </c>
      <c r="D5094" t="s">
        <v>88</v>
      </c>
      <c r="E5094" s="1">
        <v>45033.681944444441</v>
      </c>
    </row>
    <row r="5095" spans="1:5" x14ac:dyDescent="0.4">
      <c r="A5095">
        <v>234</v>
      </c>
      <c r="B5095">
        <v>0</v>
      </c>
      <c r="C5095">
        <v>1033</v>
      </c>
      <c r="D5095" t="s">
        <v>88</v>
      </c>
      <c r="E5095" s="1">
        <v>45033.681944444441</v>
      </c>
    </row>
    <row r="5096" spans="1:5" x14ac:dyDescent="0.4">
      <c r="A5096">
        <v>235</v>
      </c>
      <c r="B5096">
        <v>0</v>
      </c>
      <c r="C5096">
        <v>1034</v>
      </c>
      <c r="D5096" t="s">
        <v>88</v>
      </c>
      <c r="E5096" s="1">
        <v>45033.681944444441</v>
      </c>
    </row>
    <row r="5097" spans="1:5" x14ac:dyDescent="0.4">
      <c r="A5097">
        <v>236</v>
      </c>
      <c r="B5097">
        <v>0</v>
      </c>
      <c r="C5097">
        <v>1035</v>
      </c>
      <c r="D5097" t="s">
        <v>88</v>
      </c>
      <c r="E5097" s="1">
        <v>45033.681944444441</v>
      </c>
    </row>
    <row r="5098" spans="1:5" x14ac:dyDescent="0.4">
      <c r="A5098">
        <v>237</v>
      </c>
      <c r="B5098">
        <v>0</v>
      </c>
      <c r="C5098">
        <v>1036</v>
      </c>
      <c r="D5098" t="s">
        <v>88</v>
      </c>
      <c r="E5098" s="1">
        <v>45033.681944444441</v>
      </c>
    </row>
    <row r="5099" spans="1:5" x14ac:dyDescent="0.4">
      <c r="A5099">
        <v>238</v>
      </c>
      <c r="B5099">
        <v>0</v>
      </c>
      <c r="C5099">
        <v>1156</v>
      </c>
      <c r="D5099" t="s">
        <v>88</v>
      </c>
      <c r="E5099" s="1">
        <v>45033.681944444441</v>
      </c>
    </row>
    <row r="5100" spans="1:5" x14ac:dyDescent="0.4">
      <c r="A5100">
        <v>239</v>
      </c>
      <c r="B5100">
        <v>0</v>
      </c>
      <c r="C5100">
        <v>1160</v>
      </c>
      <c r="D5100" t="s">
        <v>88</v>
      </c>
      <c r="E5100" s="1">
        <v>45033.681944444441</v>
      </c>
    </row>
    <row r="5101" spans="1:5" x14ac:dyDescent="0.4">
      <c r="A5101">
        <v>240</v>
      </c>
      <c r="B5101">
        <v>0</v>
      </c>
      <c r="C5101">
        <v>1161</v>
      </c>
      <c r="D5101" t="s">
        <v>88</v>
      </c>
      <c r="E5101" s="1">
        <v>45033.681944444441</v>
      </c>
    </row>
    <row r="5102" spans="1:5" x14ac:dyDescent="0.4">
      <c r="A5102">
        <v>241</v>
      </c>
      <c r="B5102">
        <v>0</v>
      </c>
      <c r="C5102">
        <v>1162</v>
      </c>
      <c r="D5102" t="s">
        <v>88</v>
      </c>
      <c r="E5102" s="1">
        <v>45033.681944444441</v>
      </c>
    </row>
    <row r="5103" spans="1:5" x14ac:dyDescent="0.4">
      <c r="A5103">
        <v>242</v>
      </c>
      <c r="B5103">
        <v>0</v>
      </c>
      <c r="C5103">
        <v>1163</v>
      </c>
      <c r="D5103" t="s">
        <v>88</v>
      </c>
      <c r="E5103" s="1">
        <v>45033.681944444441</v>
      </c>
    </row>
    <row r="5104" spans="1:5" x14ac:dyDescent="0.4">
      <c r="A5104">
        <v>243</v>
      </c>
      <c r="B5104">
        <v>0</v>
      </c>
      <c r="C5104">
        <v>1051</v>
      </c>
      <c r="D5104" t="s">
        <v>88</v>
      </c>
      <c r="E5104" s="1">
        <v>45033.681944444441</v>
      </c>
    </row>
    <row r="5105" spans="1:5" x14ac:dyDescent="0.4">
      <c r="A5105">
        <v>244</v>
      </c>
      <c r="B5105">
        <v>0</v>
      </c>
      <c r="C5105">
        <v>1053</v>
      </c>
      <c r="D5105" t="s">
        <v>88</v>
      </c>
      <c r="E5105" s="1">
        <v>45033.681944444441</v>
      </c>
    </row>
    <row r="5106" spans="1:5" x14ac:dyDescent="0.4">
      <c r="A5106">
        <v>245</v>
      </c>
      <c r="B5106">
        <v>0</v>
      </c>
      <c r="C5106">
        <v>1054</v>
      </c>
      <c r="D5106" t="s">
        <v>88</v>
      </c>
      <c r="E5106" s="1">
        <v>45033.681944444441</v>
      </c>
    </row>
    <row r="5107" spans="1:5" x14ac:dyDescent="0.4">
      <c r="A5107">
        <v>246</v>
      </c>
      <c r="B5107">
        <v>0</v>
      </c>
      <c r="C5107">
        <v>1056</v>
      </c>
      <c r="D5107" t="s">
        <v>88</v>
      </c>
      <c r="E5107" s="1">
        <v>45033.681944444441</v>
      </c>
    </row>
    <row r="5108" spans="1:5" x14ac:dyDescent="0.4">
      <c r="A5108">
        <v>247</v>
      </c>
      <c r="B5108">
        <v>0</v>
      </c>
      <c r="C5108">
        <v>1057</v>
      </c>
      <c r="D5108" t="s">
        <v>88</v>
      </c>
      <c r="E5108" s="1">
        <v>45033.681944444441</v>
      </c>
    </row>
    <row r="5109" spans="1:5" x14ac:dyDescent="0.4">
      <c r="A5109">
        <v>248</v>
      </c>
      <c r="B5109">
        <v>0</v>
      </c>
      <c r="C5109">
        <v>1059</v>
      </c>
      <c r="D5109" t="s">
        <v>88</v>
      </c>
      <c r="E5109" s="1">
        <v>45033.681944444441</v>
      </c>
    </row>
    <row r="5110" spans="1:5" x14ac:dyDescent="0.4">
      <c r="A5110">
        <v>249</v>
      </c>
      <c r="B5110">
        <v>0</v>
      </c>
      <c r="C5110">
        <v>1060</v>
      </c>
      <c r="D5110" t="s">
        <v>88</v>
      </c>
      <c r="E5110" s="1">
        <v>45033.681944444441</v>
      </c>
    </row>
    <row r="5111" spans="1:5" x14ac:dyDescent="0.4">
      <c r="A5111">
        <v>250</v>
      </c>
      <c r="B5111">
        <v>0</v>
      </c>
      <c r="C5111">
        <v>1081</v>
      </c>
      <c r="D5111" t="s">
        <v>88</v>
      </c>
      <c r="E5111" s="1">
        <v>45033.681944444441</v>
      </c>
    </row>
    <row r="5112" spans="1:5" x14ac:dyDescent="0.4">
      <c r="A5112">
        <v>251</v>
      </c>
      <c r="B5112">
        <v>0</v>
      </c>
      <c r="C5112">
        <v>1084</v>
      </c>
      <c r="D5112" t="s">
        <v>88</v>
      </c>
      <c r="E5112" s="1">
        <v>45033.681944444441</v>
      </c>
    </row>
    <row r="5113" spans="1:5" x14ac:dyDescent="0.4">
      <c r="A5113">
        <v>252</v>
      </c>
      <c r="B5113">
        <v>0</v>
      </c>
      <c r="C5113">
        <v>1103</v>
      </c>
      <c r="D5113" t="s">
        <v>88</v>
      </c>
      <c r="E5113" s="1">
        <v>45033.681944444441</v>
      </c>
    </row>
    <row r="5114" spans="1:5" x14ac:dyDescent="0.4">
      <c r="A5114">
        <v>253</v>
      </c>
      <c r="B5114">
        <v>0</v>
      </c>
      <c r="C5114">
        <v>1106</v>
      </c>
      <c r="D5114" t="s">
        <v>88</v>
      </c>
      <c r="E5114" s="1">
        <v>45033.681944444441</v>
      </c>
    </row>
    <row r="5115" spans="1:5" x14ac:dyDescent="0.4">
      <c r="A5115">
        <v>254</v>
      </c>
      <c r="B5115">
        <v>0</v>
      </c>
      <c r="C5115">
        <v>1107</v>
      </c>
      <c r="D5115" t="s">
        <v>88</v>
      </c>
      <c r="E5115" s="1">
        <v>45033.681944444441</v>
      </c>
    </row>
    <row r="5116" spans="1:5" x14ac:dyDescent="0.4">
      <c r="A5116">
        <v>255</v>
      </c>
      <c r="B5116">
        <v>0</v>
      </c>
      <c r="C5116">
        <v>1108</v>
      </c>
      <c r="D5116" t="s">
        <v>88</v>
      </c>
      <c r="E5116" s="1">
        <v>45033.681944444441</v>
      </c>
    </row>
    <row r="5117" spans="1:5" x14ac:dyDescent="0.4">
      <c r="A5117">
        <v>256</v>
      </c>
      <c r="B5117">
        <v>0</v>
      </c>
      <c r="C5117">
        <v>1109</v>
      </c>
      <c r="D5117" t="s">
        <v>88</v>
      </c>
      <c r="E5117" s="1">
        <v>45033.681944444441</v>
      </c>
    </row>
    <row r="5118" spans="1:5" x14ac:dyDescent="0.4">
      <c r="A5118">
        <v>257</v>
      </c>
      <c r="B5118">
        <v>0</v>
      </c>
      <c r="C5118">
        <v>1111</v>
      </c>
      <c r="D5118" t="s">
        <v>88</v>
      </c>
      <c r="E5118" s="1">
        <v>45033.681944444441</v>
      </c>
    </row>
    <row r="5119" spans="1:5" x14ac:dyDescent="0.4">
      <c r="A5119">
        <v>258</v>
      </c>
      <c r="B5119">
        <v>0</v>
      </c>
      <c r="C5119">
        <v>1112</v>
      </c>
      <c r="D5119" t="s">
        <v>88</v>
      </c>
      <c r="E5119" s="1">
        <v>45033.681944444441</v>
      </c>
    </row>
    <row r="5120" spans="1:5" x14ac:dyDescent="0.4">
      <c r="A5120">
        <v>259</v>
      </c>
      <c r="B5120">
        <v>0</v>
      </c>
      <c r="C5120">
        <v>1113</v>
      </c>
      <c r="D5120" t="s">
        <v>88</v>
      </c>
      <c r="E5120" s="1">
        <v>45033.681944444441</v>
      </c>
    </row>
    <row r="5121" spans="1:5" x14ac:dyDescent="0.4">
      <c r="A5121">
        <v>260</v>
      </c>
      <c r="B5121">
        <v>0</v>
      </c>
      <c r="C5121">
        <v>1114</v>
      </c>
      <c r="D5121" t="s">
        <v>88</v>
      </c>
      <c r="E5121" s="1">
        <v>45033.681944444441</v>
      </c>
    </row>
    <row r="5122" spans="1:5" x14ac:dyDescent="0.4">
      <c r="A5122">
        <v>261</v>
      </c>
      <c r="B5122">
        <v>0</v>
      </c>
      <c r="C5122">
        <v>1121</v>
      </c>
      <c r="D5122" t="s">
        <v>88</v>
      </c>
      <c r="E5122" s="1">
        <v>45033.681944444441</v>
      </c>
    </row>
    <row r="5123" spans="1:5" x14ac:dyDescent="0.4">
      <c r="A5123">
        <v>262</v>
      </c>
      <c r="B5123">
        <v>0</v>
      </c>
      <c r="C5123">
        <v>1122</v>
      </c>
      <c r="D5123" t="s">
        <v>88</v>
      </c>
      <c r="E5123" s="1">
        <v>45033.681944444441</v>
      </c>
    </row>
    <row r="5124" spans="1:5" x14ac:dyDescent="0.4">
      <c r="A5124">
        <v>263</v>
      </c>
      <c r="B5124">
        <v>0</v>
      </c>
      <c r="C5124">
        <v>1123</v>
      </c>
      <c r="D5124" t="s">
        <v>88</v>
      </c>
      <c r="E5124" s="1">
        <v>45033.681944444441</v>
      </c>
    </row>
    <row r="5125" spans="1:5" x14ac:dyDescent="0.4">
      <c r="A5125">
        <v>264</v>
      </c>
      <c r="B5125">
        <v>0</v>
      </c>
      <c r="C5125">
        <v>1124</v>
      </c>
      <c r="D5125" t="s">
        <v>88</v>
      </c>
      <c r="E5125" s="1">
        <v>45033.681944444441</v>
      </c>
    </row>
    <row r="5126" spans="1:5" x14ac:dyDescent="0.4">
      <c r="A5126">
        <v>265</v>
      </c>
      <c r="B5126">
        <v>0</v>
      </c>
      <c r="C5126">
        <v>1131</v>
      </c>
      <c r="D5126" t="s">
        <v>88</v>
      </c>
      <c r="E5126" s="1">
        <v>45033.681944444441</v>
      </c>
    </row>
    <row r="5127" spans="1:5" x14ac:dyDescent="0.4">
      <c r="A5127">
        <v>266</v>
      </c>
      <c r="B5127">
        <v>0</v>
      </c>
      <c r="C5127">
        <v>1132</v>
      </c>
      <c r="D5127" t="s">
        <v>88</v>
      </c>
      <c r="E5127" s="1">
        <v>45033.681944444441</v>
      </c>
    </row>
    <row r="5128" spans="1:5" x14ac:dyDescent="0.4">
      <c r="A5128">
        <v>267</v>
      </c>
      <c r="B5128">
        <v>0</v>
      </c>
      <c r="C5128">
        <v>1133</v>
      </c>
      <c r="D5128" t="s">
        <v>88</v>
      </c>
      <c r="E5128" s="1">
        <v>45033.681944444441</v>
      </c>
    </row>
    <row r="5129" spans="1:5" x14ac:dyDescent="0.4">
      <c r="A5129">
        <v>268</v>
      </c>
      <c r="B5129">
        <v>0</v>
      </c>
      <c r="C5129">
        <v>1134</v>
      </c>
      <c r="D5129" t="s">
        <v>88</v>
      </c>
      <c r="E5129" s="1">
        <v>45033.681944444441</v>
      </c>
    </row>
    <row r="5130" spans="1:5" x14ac:dyDescent="0.4">
      <c r="A5130">
        <v>269</v>
      </c>
      <c r="B5130">
        <v>0</v>
      </c>
      <c r="C5130">
        <v>1137</v>
      </c>
      <c r="D5130" t="s">
        <v>88</v>
      </c>
      <c r="E5130" s="1">
        <v>45033.681944444441</v>
      </c>
    </row>
    <row r="5131" spans="1:5" x14ac:dyDescent="0.4">
      <c r="A5131">
        <v>270</v>
      </c>
      <c r="B5131">
        <v>0</v>
      </c>
      <c r="C5131">
        <v>1138</v>
      </c>
      <c r="D5131" t="s">
        <v>88</v>
      </c>
      <c r="E5131" s="1">
        <v>45033.681944444441</v>
      </c>
    </row>
    <row r="5132" spans="1:5" x14ac:dyDescent="0.4">
      <c r="A5132">
        <v>271</v>
      </c>
      <c r="B5132">
        <v>0</v>
      </c>
      <c r="C5132">
        <v>1139</v>
      </c>
      <c r="D5132" t="s">
        <v>88</v>
      </c>
      <c r="E5132" s="1">
        <v>45033.681944444441</v>
      </c>
    </row>
    <row r="5133" spans="1:5" x14ac:dyDescent="0.4">
      <c r="A5133">
        <v>272</v>
      </c>
      <c r="B5133">
        <v>0</v>
      </c>
      <c r="C5133">
        <v>1140</v>
      </c>
      <c r="D5133" t="s">
        <v>88</v>
      </c>
      <c r="E5133" s="1">
        <v>45033.681944444441</v>
      </c>
    </row>
    <row r="5134" spans="1:5" x14ac:dyDescent="0.4">
      <c r="A5134">
        <v>273</v>
      </c>
      <c r="B5134">
        <v>0</v>
      </c>
      <c r="C5134">
        <v>1141</v>
      </c>
      <c r="D5134" t="s">
        <v>88</v>
      </c>
      <c r="E5134" s="1">
        <v>45033.681944444441</v>
      </c>
    </row>
    <row r="5135" spans="1:5" x14ac:dyDescent="0.4">
      <c r="A5135">
        <v>274</v>
      </c>
      <c r="B5135">
        <v>0</v>
      </c>
      <c r="C5135">
        <v>1142</v>
      </c>
      <c r="D5135" t="s">
        <v>88</v>
      </c>
      <c r="E5135" s="1">
        <v>45033.681944444441</v>
      </c>
    </row>
    <row r="5136" spans="1:5" x14ac:dyDescent="0.4">
      <c r="A5136">
        <v>275</v>
      </c>
      <c r="B5136">
        <v>0</v>
      </c>
      <c r="C5136">
        <v>1143</v>
      </c>
      <c r="D5136" t="s">
        <v>88</v>
      </c>
      <c r="E5136" s="1">
        <v>45033.681944444441</v>
      </c>
    </row>
    <row r="5137" spans="1:5" x14ac:dyDescent="0.4">
      <c r="A5137">
        <v>276</v>
      </c>
      <c r="B5137">
        <v>0</v>
      </c>
      <c r="C5137">
        <v>1144</v>
      </c>
      <c r="D5137" t="s">
        <v>88</v>
      </c>
      <c r="E5137" s="1">
        <v>45033.681944444441</v>
      </c>
    </row>
    <row r="5138" spans="1:5" x14ac:dyDescent="0.4">
      <c r="A5138">
        <v>277</v>
      </c>
      <c r="B5138">
        <v>0</v>
      </c>
      <c r="C5138">
        <v>1145</v>
      </c>
      <c r="D5138" t="s">
        <v>88</v>
      </c>
      <c r="E5138" s="1">
        <v>45033.681944444441</v>
      </c>
    </row>
    <row r="5139" spans="1:5" x14ac:dyDescent="0.4">
      <c r="A5139">
        <v>278</v>
      </c>
      <c r="B5139">
        <v>0</v>
      </c>
      <c r="C5139">
        <v>1146</v>
      </c>
      <c r="D5139" t="s">
        <v>88</v>
      </c>
      <c r="E5139" s="1">
        <v>45033.681944444441</v>
      </c>
    </row>
    <row r="5140" spans="1:5" x14ac:dyDescent="0.4">
      <c r="A5140">
        <v>279</v>
      </c>
      <c r="B5140">
        <v>0</v>
      </c>
      <c r="C5140">
        <v>1147</v>
      </c>
      <c r="D5140" t="s">
        <v>88</v>
      </c>
      <c r="E5140" s="1">
        <v>45033.681944444441</v>
      </c>
    </row>
    <row r="5141" spans="1:5" x14ac:dyDescent="0.4">
      <c r="A5141">
        <v>280</v>
      </c>
      <c r="B5141">
        <v>0</v>
      </c>
      <c r="C5141">
        <v>1152</v>
      </c>
      <c r="D5141" t="s">
        <v>88</v>
      </c>
      <c r="E5141" s="1">
        <v>45033.681944444441</v>
      </c>
    </row>
    <row r="5142" spans="1:5" x14ac:dyDescent="0.4">
      <c r="A5142">
        <v>281</v>
      </c>
      <c r="B5142">
        <v>0</v>
      </c>
      <c r="C5142">
        <v>1153</v>
      </c>
      <c r="D5142" t="s">
        <v>88</v>
      </c>
      <c r="E5142" s="1">
        <v>45033.681944444441</v>
      </c>
    </row>
    <row r="5143" spans="1:5" x14ac:dyDescent="0.4">
      <c r="A5143">
        <v>282</v>
      </c>
      <c r="B5143">
        <v>0</v>
      </c>
      <c r="C5143">
        <v>1155</v>
      </c>
      <c r="D5143" t="s">
        <v>88</v>
      </c>
      <c r="E5143" s="1">
        <v>45033.681944444441</v>
      </c>
    </row>
    <row r="5144" spans="1:5" x14ac:dyDescent="0.4">
      <c r="A5144">
        <v>283</v>
      </c>
      <c r="B5144">
        <v>0</v>
      </c>
      <c r="C5144">
        <v>1157</v>
      </c>
      <c r="D5144" t="s">
        <v>88</v>
      </c>
      <c r="E5144" s="1">
        <v>45033.681944444441</v>
      </c>
    </row>
    <row r="5145" spans="1:5" x14ac:dyDescent="0.4">
      <c r="A5145">
        <v>284</v>
      </c>
      <c r="B5145">
        <v>0</v>
      </c>
      <c r="C5145">
        <v>1164</v>
      </c>
      <c r="D5145" t="s">
        <v>88</v>
      </c>
      <c r="E5145" s="1">
        <v>45033.681944444441</v>
      </c>
    </row>
    <row r="5146" spans="1:5" x14ac:dyDescent="0.4">
      <c r="A5146">
        <v>285</v>
      </c>
      <c r="B5146">
        <v>0</v>
      </c>
      <c r="C5146">
        <v>1165</v>
      </c>
      <c r="D5146" t="s">
        <v>88</v>
      </c>
      <c r="E5146" s="1">
        <v>45033.681944444441</v>
      </c>
    </row>
    <row r="5147" spans="1:5" x14ac:dyDescent="0.4">
      <c r="A5147">
        <v>286</v>
      </c>
      <c r="B5147">
        <v>0</v>
      </c>
      <c r="C5147">
        <v>1166</v>
      </c>
      <c r="D5147" t="s">
        <v>88</v>
      </c>
      <c r="E5147" s="1">
        <v>45033.681944444441</v>
      </c>
    </row>
    <row r="5148" spans="1:5" x14ac:dyDescent="0.4">
      <c r="A5148">
        <v>287</v>
      </c>
      <c r="B5148">
        <v>0</v>
      </c>
      <c r="C5148">
        <v>1198</v>
      </c>
      <c r="D5148" t="s">
        <v>88</v>
      </c>
      <c r="E5148" s="1">
        <v>45033.681944444441</v>
      </c>
    </row>
    <row r="5149" spans="1:5" x14ac:dyDescent="0.4">
      <c r="A5149">
        <v>288</v>
      </c>
      <c r="B5149">
        <v>0</v>
      </c>
      <c r="C5149">
        <v>1199</v>
      </c>
      <c r="D5149" t="s">
        <v>88</v>
      </c>
      <c r="E5149" s="1">
        <v>45033.681944444441</v>
      </c>
    </row>
    <row r="5150" spans="1:5" x14ac:dyDescent="0.4">
      <c r="A5150">
        <v>289</v>
      </c>
      <c r="B5150">
        <v>0</v>
      </c>
      <c r="C5150">
        <v>1200</v>
      </c>
      <c r="D5150" t="s">
        <v>88</v>
      </c>
      <c r="E5150" s="1">
        <v>45033.681944444441</v>
      </c>
    </row>
    <row r="5151" spans="1:5" x14ac:dyDescent="0.4">
      <c r="A5151">
        <v>290</v>
      </c>
      <c r="B5151">
        <v>0</v>
      </c>
      <c r="C5151">
        <v>1201</v>
      </c>
      <c r="D5151" t="s">
        <v>88</v>
      </c>
      <c r="E5151" s="1">
        <v>45033.681944444441</v>
      </c>
    </row>
    <row r="5152" spans="1:5" x14ac:dyDescent="0.4">
      <c r="A5152">
        <v>291</v>
      </c>
      <c r="B5152">
        <v>0</v>
      </c>
      <c r="C5152">
        <v>1202</v>
      </c>
      <c r="D5152" t="s">
        <v>88</v>
      </c>
      <c r="E5152" s="1">
        <v>45033.681944444441</v>
      </c>
    </row>
    <row r="5153" spans="1:5" x14ac:dyDescent="0.4">
      <c r="A5153">
        <v>292</v>
      </c>
      <c r="B5153">
        <v>0</v>
      </c>
      <c r="C5153">
        <v>1203</v>
      </c>
      <c r="D5153" t="s">
        <v>88</v>
      </c>
      <c r="E5153" s="1">
        <v>45033.681944444441</v>
      </c>
    </row>
    <row r="5154" spans="1:5" x14ac:dyDescent="0.4">
      <c r="A5154">
        <v>293</v>
      </c>
      <c r="B5154">
        <v>0</v>
      </c>
      <c r="C5154">
        <v>1204</v>
      </c>
      <c r="D5154" t="s">
        <v>88</v>
      </c>
      <c r="E5154" s="1">
        <v>45033.681944444441</v>
      </c>
    </row>
    <row r="5155" spans="1:5" x14ac:dyDescent="0.4">
      <c r="A5155">
        <v>294</v>
      </c>
      <c r="B5155">
        <v>0</v>
      </c>
      <c r="C5155">
        <v>1205</v>
      </c>
      <c r="D5155" t="s">
        <v>88</v>
      </c>
      <c r="E5155" s="1">
        <v>45033.681944444441</v>
      </c>
    </row>
    <row r="5156" spans="1:5" x14ac:dyDescent="0.4">
      <c r="A5156">
        <v>295</v>
      </c>
      <c r="B5156">
        <v>0</v>
      </c>
      <c r="C5156">
        <v>1206</v>
      </c>
      <c r="D5156" t="s">
        <v>88</v>
      </c>
      <c r="E5156" s="1">
        <v>45033.681944444441</v>
      </c>
    </row>
    <row r="5157" spans="1:5" x14ac:dyDescent="0.4">
      <c r="A5157">
        <v>296</v>
      </c>
      <c r="B5157">
        <v>0</v>
      </c>
      <c r="C5157">
        <v>1207</v>
      </c>
      <c r="D5157" t="s">
        <v>88</v>
      </c>
      <c r="E5157" s="1">
        <v>45033.681944444441</v>
      </c>
    </row>
    <row r="5158" spans="1:5" x14ac:dyDescent="0.4">
      <c r="A5158">
        <v>297</v>
      </c>
      <c r="B5158">
        <v>0</v>
      </c>
      <c r="C5158">
        <v>1208</v>
      </c>
      <c r="D5158" t="s">
        <v>88</v>
      </c>
      <c r="E5158" s="1">
        <v>45033.681944444441</v>
      </c>
    </row>
    <row r="5159" spans="1:5" x14ac:dyDescent="0.4">
      <c r="A5159">
        <v>298</v>
      </c>
      <c r="B5159">
        <v>0</v>
      </c>
      <c r="C5159">
        <v>1209</v>
      </c>
      <c r="D5159" t="s">
        <v>88</v>
      </c>
      <c r="E5159" s="1">
        <v>45033.681944444441</v>
      </c>
    </row>
    <row r="5160" spans="1:5" x14ac:dyDescent="0.4">
      <c r="A5160">
        <v>299</v>
      </c>
      <c r="B5160">
        <v>0</v>
      </c>
      <c r="C5160">
        <v>1210</v>
      </c>
      <c r="D5160" t="s">
        <v>88</v>
      </c>
      <c r="E5160" s="1">
        <v>45033.681944444441</v>
      </c>
    </row>
    <row r="5161" spans="1:5" x14ac:dyDescent="0.4">
      <c r="A5161">
        <v>300</v>
      </c>
      <c r="B5161">
        <v>0</v>
      </c>
      <c r="C5161">
        <v>2492</v>
      </c>
      <c r="D5161" t="s">
        <v>88</v>
      </c>
      <c r="E5161" s="1">
        <v>45033.681944444441</v>
      </c>
    </row>
    <row r="5162" spans="1:5" x14ac:dyDescent="0.4">
      <c r="A5162">
        <v>301</v>
      </c>
      <c r="B5162">
        <v>0</v>
      </c>
      <c r="C5162">
        <v>2001</v>
      </c>
      <c r="D5162" t="s">
        <v>88</v>
      </c>
      <c r="E5162" s="1">
        <v>45033.681944444441</v>
      </c>
    </row>
    <row r="5163" spans="1:5" x14ac:dyDescent="0.4">
      <c r="A5163">
        <v>302</v>
      </c>
      <c r="B5163">
        <v>0</v>
      </c>
      <c r="C5163">
        <v>2002</v>
      </c>
      <c r="D5163" t="s">
        <v>88</v>
      </c>
      <c r="E5163" s="1">
        <v>45033.681944444441</v>
      </c>
    </row>
    <row r="5164" spans="1:5" x14ac:dyDescent="0.4">
      <c r="A5164">
        <v>303</v>
      </c>
      <c r="B5164">
        <v>0</v>
      </c>
      <c r="C5164">
        <v>2005</v>
      </c>
      <c r="D5164" t="s">
        <v>88</v>
      </c>
      <c r="E5164" s="1">
        <v>45033.681944444441</v>
      </c>
    </row>
    <row r="5165" spans="1:5" x14ac:dyDescent="0.4">
      <c r="A5165">
        <v>304</v>
      </c>
      <c r="B5165">
        <v>0</v>
      </c>
      <c r="C5165">
        <v>2006</v>
      </c>
      <c r="D5165" t="s">
        <v>88</v>
      </c>
      <c r="E5165" s="1">
        <v>45033.681944444441</v>
      </c>
    </row>
    <row r="5166" spans="1:5" x14ac:dyDescent="0.4">
      <c r="A5166">
        <v>305</v>
      </c>
      <c r="B5166">
        <v>0</v>
      </c>
      <c r="C5166">
        <v>2007</v>
      </c>
      <c r="D5166" t="s">
        <v>88</v>
      </c>
      <c r="E5166" s="1">
        <v>45033.681944444441</v>
      </c>
    </row>
    <row r="5167" spans="1:5" x14ac:dyDescent="0.4">
      <c r="A5167">
        <v>306</v>
      </c>
      <c r="B5167">
        <v>0</v>
      </c>
      <c r="C5167">
        <v>2008</v>
      </c>
      <c r="D5167" t="s">
        <v>88</v>
      </c>
      <c r="E5167" s="1">
        <v>45033.681944444441</v>
      </c>
    </row>
    <row r="5168" spans="1:5" x14ac:dyDescent="0.4">
      <c r="A5168">
        <v>307</v>
      </c>
      <c r="B5168">
        <v>0</v>
      </c>
      <c r="C5168">
        <v>2009</v>
      </c>
      <c r="D5168" t="s">
        <v>88</v>
      </c>
      <c r="E5168" s="1">
        <v>45033.681944444441</v>
      </c>
    </row>
    <row r="5169" spans="1:5" x14ac:dyDescent="0.4">
      <c r="A5169">
        <v>308</v>
      </c>
      <c r="B5169">
        <v>0</v>
      </c>
      <c r="C5169">
        <v>2010</v>
      </c>
      <c r="D5169" t="s">
        <v>88</v>
      </c>
      <c r="E5169" s="1">
        <v>45033.681944444441</v>
      </c>
    </row>
    <row r="5170" spans="1:5" x14ac:dyDescent="0.4">
      <c r="A5170">
        <v>309</v>
      </c>
      <c r="B5170">
        <v>0</v>
      </c>
      <c r="C5170">
        <v>2011</v>
      </c>
      <c r="D5170" t="s">
        <v>88</v>
      </c>
      <c r="E5170" s="1">
        <v>45033.681944444441</v>
      </c>
    </row>
    <row r="5171" spans="1:5" x14ac:dyDescent="0.4">
      <c r="A5171">
        <v>310</v>
      </c>
      <c r="B5171">
        <v>0</v>
      </c>
      <c r="C5171">
        <v>2012</v>
      </c>
      <c r="D5171" t="s">
        <v>88</v>
      </c>
      <c r="E5171" s="1">
        <v>45033.681944444441</v>
      </c>
    </row>
    <row r="5172" spans="1:5" x14ac:dyDescent="0.4">
      <c r="A5172">
        <v>311</v>
      </c>
      <c r="B5172">
        <v>0</v>
      </c>
      <c r="C5172">
        <v>2013</v>
      </c>
      <c r="D5172" t="s">
        <v>88</v>
      </c>
      <c r="E5172" s="1">
        <v>45033.681944444441</v>
      </c>
    </row>
    <row r="5173" spans="1:5" x14ac:dyDescent="0.4">
      <c r="A5173">
        <v>312</v>
      </c>
      <c r="B5173">
        <v>0</v>
      </c>
      <c r="C5173">
        <v>2015</v>
      </c>
      <c r="D5173" t="s">
        <v>88</v>
      </c>
      <c r="E5173" s="1">
        <v>45033.681944444441</v>
      </c>
    </row>
    <row r="5174" spans="1:5" x14ac:dyDescent="0.4">
      <c r="A5174">
        <v>313</v>
      </c>
      <c r="B5174">
        <v>0</v>
      </c>
      <c r="C5174">
        <v>2016</v>
      </c>
      <c r="D5174" t="s">
        <v>88</v>
      </c>
      <c r="E5174" s="1">
        <v>45033.681944444441</v>
      </c>
    </row>
    <row r="5175" spans="1:5" x14ac:dyDescent="0.4">
      <c r="A5175">
        <v>314</v>
      </c>
      <c r="B5175">
        <v>0</v>
      </c>
      <c r="C5175">
        <v>2017</v>
      </c>
      <c r="D5175" t="s">
        <v>88</v>
      </c>
      <c r="E5175" s="1">
        <v>45033.681944444441</v>
      </c>
    </row>
    <row r="5176" spans="1:5" x14ac:dyDescent="0.4">
      <c r="A5176">
        <v>315</v>
      </c>
      <c r="B5176">
        <v>0</v>
      </c>
      <c r="C5176">
        <v>2018</v>
      </c>
      <c r="D5176" t="s">
        <v>88</v>
      </c>
      <c r="E5176" s="1">
        <v>45033.681944444441</v>
      </c>
    </row>
    <row r="5177" spans="1:5" x14ac:dyDescent="0.4">
      <c r="A5177">
        <v>316</v>
      </c>
      <c r="B5177">
        <v>0</v>
      </c>
      <c r="C5177">
        <v>2031</v>
      </c>
      <c r="D5177" t="s">
        <v>88</v>
      </c>
      <c r="E5177" s="1">
        <v>45033.681944444441</v>
      </c>
    </row>
    <row r="5178" spans="1:5" x14ac:dyDescent="0.4">
      <c r="A5178">
        <v>317</v>
      </c>
      <c r="B5178">
        <v>0</v>
      </c>
      <c r="C5178">
        <v>2032</v>
      </c>
      <c r="D5178" t="s">
        <v>88</v>
      </c>
      <c r="E5178" s="1">
        <v>45033.681944444441</v>
      </c>
    </row>
    <row r="5179" spans="1:5" x14ac:dyDescent="0.4">
      <c r="A5179">
        <v>318</v>
      </c>
      <c r="B5179">
        <v>0</v>
      </c>
      <c r="C5179">
        <v>2035</v>
      </c>
      <c r="D5179" t="s">
        <v>88</v>
      </c>
      <c r="E5179" s="1">
        <v>45033.681944444441</v>
      </c>
    </row>
    <row r="5180" spans="1:5" x14ac:dyDescent="0.4">
      <c r="A5180">
        <v>319</v>
      </c>
      <c r="B5180">
        <v>0</v>
      </c>
      <c r="C5180">
        <v>2036</v>
      </c>
      <c r="D5180" t="s">
        <v>88</v>
      </c>
      <c r="E5180" s="1">
        <v>45033.681944444441</v>
      </c>
    </row>
    <row r="5181" spans="1:5" x14ac:dyDescent="0.4">
      <c r="A5181">
        <v>320</v>
      </c>
      <c r="B5181">
        <v>0</v>
      </c>
      <c r="C5181">
        <v>2037</v>
      </c>
      <c r="D5181" t="s">
        <v>88</v>
      </c>
      <c r="E5181" s="1">
        <v>45033.681944444441</v>
      </c>
    </row>
    <row r="5182" spans="1:5" x14ac:dyDescent="0.4">
      <c r="A5182">
        <v>321</v>
      </c>
      <c r="B5182">
        <v>0</v>
      </c>
      <c r="C5182">
        <v>2039</v>
      </c>
      <c r="D5182" t="s">
        <v>88</v>
      </c>
      <c r="E5182" s="1">
        <v>45033.681944444441</v>
      </c>
    </row>
    <row r="5183" spans="1:5" x14ac:dyDescent="0.4">
      <c r="A5183">
        <v>322</v>
      </c>
      <c r="B5183">
        <v>0</v>
      </c>
      <c r="C5183">
        <v>2040</v>
      </c>
      <c r="D5183" t="s">
        <v>88</v>
      </c>
      <c r="E5183" s="1">
        <v>45033.681944444441</v>
      </c>
    </row>
    <row r="5184" spans="1:5" x14ac:dyDescent="0.4">
      <c r="A5184">
        <v>323</v>
      </c>
      <c r="B5184">
        <v>0</v>
      </c>
      <c r="C5184">
        <v>2041</v>
      </c>
      <c r="D5184" t="s">
        <v>88</v>
      </c>
      <c r="E5184" s="1">
        <v>45033.681944444441</v>
      </c>
    </row>
    <row r="5185" spans="1:5" x14ac:dyDescent="0.4">
      <c r="A5185">
        <v>324</v>
      </c>
      <c r="B5185">
        <v>0</v>
      </c>
      <c r="C5185">
        <v>2042</v>
      </c>
      <c r="D5185" t="s">
        <v>88</v>
      </c>
      <c r="E5185" s="1">
        <v>45033.681944444441</v>
      </c>
    </row>
    <row r="5186" spans="1:5" x14ac:dyDescent="0.4">
      <c r="A5186">
        <v>325</v>
      </c>
      <c r="B5186">
        <v>0</v>
      </c>
      <c r="C5186">
        <v>2366</v>
      </c>
      <c r="D5186" t="s">
        <v>88</v>
      </c>
      <c r="E5186" s="1">
        <v>45033.681944444441</v>
      </c>
    </row>
    <row r="5187" spans="1:5" x14ac:dyDescent="0.4">
      <c r="A5187">
        <v>326</v>
      </c>
      <c r="B5187">
        <v>0</v>
      </c>
      <c r="C5187">
        <v>2367</v>
      </c>
      <c r="D5187" t="s">
        <v>88</v>
      </c>
      <c r="E5187" s="1">
        <v>45033.681944444441</v>
      </c>
    </row>
    <row r="5188" spans="1:5" x14ac:dyDescent="0.4">
      <c r="A5188">
        <v>327</v>
      </c>
      <c r="B5188">
        <v>0</v>
      </c>
      <c r="C5188">
        <v>2295</v>
      </c>
      <c r="D5188" t="s">
        <v>88</v>
      </c>
      <c r="E5188" s="1">
        <v>45033.681944444441</v>
      </c>
    </row>
    <row r="5189" spans="1:5" x14ac:dyDescent="0.4">
      <c r="A5189">
        <v>328</v>
      </c>
      <c r="B5189">
        <v>0</v>
      </c>
      <c r="C5189">
        <v>2369</v>
      </c>
      <c r="D5189" t="s">
        <v>88</v>
      </c>
      <c r="E5189" s="1">
        <v>45033.681944444441</v>
      </c>
    </row>
    <row r="5190" spans="1:5" x14ac:dyDescent="0.4">
      <c r="A5190">
        <v>329</v>
      </c>
      <c r="B5190">
        <v>0</v>
      </c>
      <c r="C5190">
        <v>2291</v>
      </c>
      <c r="D5190" t="s">
        <v>88</v>
      </c>
      <c r="E5190" s="1">
        <v>45033.681944444441</v>
      </c>
    </row>
    <row r="5191" spans="1:5" x14ac:dyDescent="0.4">
      <c r="A5191">
        <v>330</v>
      </c>
      <c r="B5191">
        <v>0</v>
      </c>
      <c r="C5191">
        <v>2451</v>
      </c>
      <c r="D5191" t="s">
        <v>88</v>
      </c>
      <c r="E5191" s="1">
        <v>45033.681944444441</v>
      </c>
    </row>
    <row r="5192" spans="1:5" x14ac:dyDescent="0.4">
      <c r="A5192">
        <v>331</v>
      </c>
      <c r="B5192">
        <v>0</v>
      </c>
      <c r="C5192">
        <v>2031</v>
      </c>
      <c r="D5192" t="s">
        <v>88</v>
      </c>
      <c r="E5192" s="1">
        <v>45033.681944444441</v>
      </c>
    </row>
    <row r="5193" spans="1:5" x14ac:dyDescent="0.4">
      <c r="A5193">
        <v>332</v>
      </c>
      <c r="B5193">
        <v>0</v>
      </c>
      <c r="C5193">
        <v>2261</v>
      </c>
      <c r="D5193" t="s">
        <v>88</v>
      </c>
      <c r="E5193" s="1">
        <v>45033.681944444441</v>
      </c>
    </row>
    <row r="5194" spans="1:5" x14ac:dyDescent="0.4">
      <c r="A5194">
        <v>333</v>
      </c>
      <c r="B5194">
        <v>0</v>
      </c>
      <c r="C5194">
        <v>2269</v>
      </c>
      <c r="D5194" t="s">
        <v>88</v>
      </c>
      <c r="E5194" s="1">
        <v>45033.681944444441</v>
      </c>
    </row>
    <row r="5195" spans="1:5" x14ac:dyDescent="0.4">
      <c r="A5195">
        <v>334</v>
      </c>
      <c r="B5195">
        <v>0</v>
      </c>
      <c r="C5195">
        <v>2270</v>
      </c>
      <c r="D5195" t="s">
        <v>88</v>
      </c>
      <c r="E5195" s="1">
        <v>45033.681944444441</v>
      </c>
    </row>
    <row r="5196" spans="1:5" x14ac:dyDescent="0.4">
      <c r="A5196">
        <v>335</v>
      </c>
      <c r="B5196">
        <v>0</v>
      </c>
      <c r="C5196">
        <v>2207</v>
      </c>
      <c r="D5196" t="s">
        <v>88</v>
      </c>
      <c r="E5196" s="1">
        <v>45033.681944444441</v>
      </c>
    </row>
    <row r="5197" spans="1:5" x14ac:dyDescent="0.4">
      <c r="A5197">
        <v>336</v>
      </c>
      <c r="B5197">
        <v>0</v>
      </c>
      <c r="C5197">
        <v>2202</v>
      </c>
      <c r="D5197" t="s">
        <v>88</v>
      </c>
      <c r="E5197" s="1">
        <v>45033.681944444441</v>
      </c>
    </row>
    <row r="5198" spans="1:5" x14ac:dyDescent="0.4">
      <c r="A5198">
        <v>337</v>
      </c>
      <c r="B5198">
        <v>0</v>
      </c>
      <c r="C5198">
        <v>2203</v>
      </c>
      <c r="D5198" t="s">
        <v>88</v>
      </c>
      <c r="E5198" s="1">
        <v>45033.681944444441</v>
      </c>
    </row>
    <row r="5199" spans="1:5" x14ac:dyDescent="0.4">
      <c r="A5199">
        <v>338</v>
      </c>
      <c r="B5199">
        <v>0</v>
      </c>
      <c r="C5199">
        <v>2266</v>
      </c>
      <c r="D5199" t="s">
        <v>88</v>
      </c>
      <c r="E5199" s="1">
        <v>45033.681944444441</v>
      </c>
    </row>
    <row r="5200" spans="1:5" x14ac:dyDescent="0.4">
      <c r="A5200">
        <v>339</v>
      </c>
      <c r="B5200">
        <v>0</v>
      </c>
      <c r="C5200">
        <v>2265</v>
      </c>
      <c r="D5200" t="s">
        <v>88</v>
      </c>
      <c r="E5200" s="1">
        <v>45033.681944444441</v>
      </c>
    </row>
    <row r="5201" spans="1:5" x14ac:dyDescent="0.4">
      <c r="A5201">
        <v>340</v>
      </c>
      <c r="B5201">
        <v>0</v>
      </c>
      <c r="C5201">
        <v>2421</v>
      </c>
      <c r="D5201" t="s">
        <v>88</v>
      </c>
      <c r="E5201" s="1">
        <v>45033.681944444441</v>
      </c>
    </row>
    <row r="5202" spans="1:5" x14ac:dyDescent="0.4">
      <c r="A5202">
        <v>341</v>
      </c>
      <c r="B5202">
        <v>0</v>
      </c>
      <c r="C5202">
        <v>2422</v>
      </c>
      <c r="D5202" t="s">
        <v>88</v>
      </c>
      <c r="E5202" s="1">
        <v>45033.681944444441</v>
      </c>
    </row>
    <row r="5203" spans="1:5" x14ac:dyDescent="0.4">
      <c r="A5203">
        <v>342</v>
      </c>
      <c r="B5203">
        <v>0</v>
      </c>
      <c r="C5203">
        <v>2152</v>
      </c>
      <c r="D5203" t="s">
        <v>88</v>
      </c>
      <c r="E5203" s="1">
        <v>45033.681944444441</v>
      </c>
    </row>
    <row r="5204" spans="1:5" x14ac:dyDescent="0.4">
      <c r="A5204">
        <v>343</v>
      </c>
      <c r="B5204">
        <v>0</v>
      </c>
      <c r="C5204">
        <v>2153</v>
      </c>
      <c r="D5204" t="s">
        <v>88</v>
      </c>
      <c r="E5204" s="1">
        <v>45033.681944444441</v>
      </c>
    </row>
    <row r="5205" spans="1:5" x14ac:dyDescent="0.4">
      <c r="A5205">
        <v>344</v>
      </c>
      <c r="B5205">
        <v>0</v>
      </c>
      <c r="C5205">
        <v>2154</v>
      </c>
      <c r="D5205" t="s">
        <v>88</v>
      </c>
      <c r="E5205" s="1">
        <v>45033.681944444441</v>
      </c>
    </row>
    <row r="5206" spans="1:5" x14ac:dyDescent="0.4">
      <c r="A5206">
        <v>345</v>
      </c>
      <c r="B5206">
        <v>0</v>
      </c>
      <c r="C5206">
        <v>2155</v>
      </c>
      <c r="D5206" t="s">
        <v>88</v>
      </c>
      <c r="E5206" s="1">
        <v>45033.681944444441</v>
      </c>
    </row>
    <row r="5207" spans="1:5" x14ac:dyDescent="0.4">
      <c r="A5207">
        <v>346</v>
      </c>
      <c r="B5207">
        <v>0</v>
      </c>
      <c r="C5207">
        <v>2156</v>
      </c>
      <c r="D5207" t="s">
        <v>88</v>
      </c>
      <c r="E5207" s="1">
        <v>45033.681944444441</v>
      </c>
    </row>
    <row r="5208" spans="1:5" x14ac:dyDescent="0.4">
      <c r="A5208">
        <v>347</v>
      </c>
      <c r="B5208">
        <v>0</v>
      </c>
      <c r="C5208">
        <v>2171</v>
      </c>
      <c r="D5208" t="s">
        <v>88</v>
      </c>
      <c r="E5208" s="1">
        <v>45033.681944444441</v>
      </c>
    </row>
    <row r="5209" spans="1:5" x14ac:dyDescent="0.4">
      <c r="A5209">
        <v>348</v>
      </c>
      <c r="B5209">
        <v>0</v>
      </c>
      <c r="C5209">
        <v>2172</v>
      </c>
      <c r="D5209" t="s">
        <v>88</v>
      </c>
      <c r="E5209" s="1">
        <v>45033.681944444441</v>
      </c>
    </row>
    <row r="5210" spans="1:5" x14ac:dyDescent="0.4">
      <c r="A5210">
        <v>349</v>
      </c>
      <c r="B5210">
        <v>0</v>
      </c>
      <c r="C5210">
        <v>2173</v>
      </c>
      <c r="D5210" t="s">
        <v>88</v>
      </c>
      <c r="E5210" s="1">
        <v>45033.681944444441</v>
      </c>
    </row>
    <row r="5211" spans="1:5" x14ac:dyDescent="0.4">
      <c r="A5211">
        <v>350</v>
      </c>
      <c r="B5211">
        <v>0</v>
      </c>
      <c r="C5211">
        <v>2174</v>
      </c>
      <c r="D5211" t="s">
        <v>88</v>
      </c>
      <c r="E5211" s="1">
        <v>45033.681944444441</v>
      </c>
    </row>
    <row r="5212" spans="1:5" x14ac:dyDescent="0.4">
      <c r="A5212">
        <v>351</v>
      </c>
      <c r="B5212">
        <v>0</v>
      </c>
      <c r="C5212">
        <v>2175</v>
      </c>
      <c r="D5212" t="s">
        <v>88</v>
      </c>
      <c r="E5212" s="1">
        <v>45033.681944444441</v>
      </c>
    </row>
    <row r="5213" spans="1:5" x14ac:dyDescent="0.4">
      <c r="A5213">
        <v>352</v>
      </c>
      <c r="B5213">
        <v>0</v>
      </c>
      <c r="C5213">
        <v>2176</v>
      </c>
      <c r="D5213" t="s">
        <v>88</v>
      </c>
      <c r="E5213" s="1">
        <v>45033.681944444441</v>
      </c>
    </row>
    <row r="5214" spans="1:5" x14ac:dyDescent="0.4">
      <c r="A5214">
        <v>353</v>
      </c>
      <c r="B5214">
        <v>0</v>
      </c>
      <c r="C5214">
        <v>2177</v>
      </c>
      <c r="D5214" t="s">
        <v>88</v>
      </c>
      <c r="E5214" s="1">
        <v>45033.681944444441</v>
      </c>
    </row>
    <row r="5215" spans="1:5" x14ac:dyDescent="0.4">
      <c r="A5215">
        <v>354</v>
      </c>
      <c r="B5215">
        <v>0</v>
      </c>
      <c r="C5215">
        <v>2178</v>
      </c>
      <c r="D5215" t="s">
        <v>88</v>
      </c>
      <c r="E5215" s="1">
        <v>45033.681944444441</v>
      </c>
    </row>
    <row r="5216" spans="1:5" x14ac:dyDescent="0.4">
      <c r="A5216">
        <v>355</v>
      </c>
      <c r="B5216">
        <v>0</v>
      </c>
      <c r="C5216">
        <v>2179</v>
      </c>
      <c r="D5216" t="s">
        <v>88</v>
      </c>
      <c r="E5216" s="1">
        <v>45033.681944444441</v>
      </c>
    </row>
    <row r="5217" spans="1:5" x14ac:dyDescent="0.4">
      <c r="A5217">
        <v>356</v>
      </c>
      <c r="B5217">
        <v>0</v>
      </c>
      <c r="C5217">
        <v>2180</v>
      </c>
      <c r="D5217" t="s">
        <v>88</v>
      </c>
      <c r="E5217" s="1">
        <v>45033.681944444441</v>
      </c>
    </row>
    <row r="5218" spans="1:5" x14ac:dyDescent="0.4">
      <c r="A5218">
        <v>357</v>
      </c>
      <c r="B5218">
        <v>0</v>
      </c>
      <c r="C5218">
        <v>2201</v>
      </c>
      <c r="D5218" t="s">
        <v>88</v>
      </c>
      <c r="E5218" s="1">
        <v>45033.681944444441</v>
      </c>
    </row>
    <row r="5219" spans="1:5" x14ac:dyDescent="0.4">
      <c r="A5219">
        <v>358</v>
      </c>
      <c r="B5219">
        <v>0</v>
      </c>
      <c r="C5219">
        <v>2202</v>
      </c>
      <c r="D5219" t="s">
        <v>88</v>
      </c>
      <c r="E5219" s="1">
        <v>45033.681944444441</v>
      </c>
    </row>
    <row r="5220" spans="1:5" x14ac:dyDescent="0.4">
      <c r="A5220">
        <v>359</v>
      </c>
      <c r="B5220">
        <v>0</v>
      </c>
      <c r="C5220">
        <v>2203</v>
      </c>
      <c r="D5220" t="s">
        <v>88</v>
      </c>
      <c r="E5220" s="1">
        <v>45033.681944444441</v>
      </c>
    </row>
    <row r="5221" spans="1:5" x14ac:dyDescent="0.4">
      <c r="A5221">
        <v>360</v>
      </c>
      <c r="B5221">
        <v>0</v>
      </c>
      <c r="C5221">
        <v>2204</v>
      </c>
      <c r="D5221" t="s">
        <v>88</v>
      </c>
      <c r="E5221" s="1">
        <v>45033.681944444441</v>
      </c>
    </row>
    <row r="5222" spans="1:5" x14ac:dyDescent="0.4">
      <c r="A5222">
        <v>361</v>
      </c>
      <c r="B5222">
        <v>0</v>
      </c>
      <c r="C5222">
        <v>2205</v>
      </c>
      <c r="D5222" t="s">
        <v>88</v>
      </c>
      <c r="E5222" s="1">
        <v>45033.681944444441</v>
      </c>
    </row>
    <row r="5223" spans="1:5" x14ac:dyDescent="0.4">
      <c r="A5223">
        <v>362</v>
      </c>
      <c r="B5223">
        <v>0</v>
      </c>
      <c r="C5223">
        <v>2206</v>
      </c>
      <c r="D5223" t="s">
        <v>88</v>
      </c>
      <c r="E5223" s="1">
        <v>45033.681944444441</v>
      </c>
    </row>
    <row r="5224" spans="1:5" x14ac:dyDescent="0.4">
      <c r="A5224">
        <v>363</v>
      </c>
      <c r="B5224">
        <v>0</v>
      </c>
      <c r="C5224">
        <v>2207</v>
      </c>
      <c r="D5224" t="s">
        <v>88</v>
      </c>
      <c r="E5224" s="1">
        <v>45033.681944444441</v>
      </c>
    </row>
    <row r="5225" spans="1:5" x14ac:dyDescent="0.4">
      <c r="A5225">
        <v>364</v>
      </c>
      <c r="B5225">
        <v>0</v>
      </c>
      <c r="C5225">
        <v>2208</v>
      </c>
      <c r="D5225" t="s">
        <v>88</v>
      </c>
      <c r="E5225" s="1">
        <v>45033.681944444441</v>
      </c>
    </row>
    <row r="5226" spans="1:5" x14ac:dyDescent="0.4">
      <c r="A5226">
        <v>365</v>
      </c>
      <c r="B5226">
        <v>0</v>
      </c>
      <c r="C5226">
        <v>2209</v>
      </c>
      <c r="D5226" t="s">
        <v>88</v>
      </c>
      <c r="E5226" s="1">
        <v>45033.681944444441</v>
      </c>
    </row>
    <row r="5227" spans="1:5" x14ac:dyDescent="0.4">
      <c r="A5227">
        <v>366</v>
      </c>
      <c r="B5227">
        <v>0</v>
      </c>
      <c r="C5227">
        <v>2210</v>
      </c>
      <c r="D5227" t="s">
        <v>88</v>
      </c>
      <c r="E5227" s="1">
        <v>45033.681944444441</v>
      </c>
    </row>
    <row r="5228" spans="1:5" x14ac:dyDescent="0.4">
      <c r="A5228">
        <v>367</v>
      </c>
      <c r="B5228">
        <v>0</v>
      </c>
      <c r="C5228">
        <v>2211</v>
      </c>
      <c r="D5228" t="s">
        <v>88</v>
      </c>
      <c r="E5228" s="1">
        <v>45033.681944444441</v>
      </c>
    </row>
    <row r="5229" spans="1:5" x14ac:dyDescent="0.4">
      <c r="A5229">
        <v>368</v>
      </c>
      <c r="B5229">
        <v>0</v>
      </c>
      <c r="C5229">
        <v>2212</v>
      </c>
      <c r="D5229" t="s">
        <v>88</v>
      </c>
      <c r="E5229" s="1">
        <v>45033.681944444441</v>
      </c>
    </row>
    <row r="5230" spans="1:5" x14ac:dyDescent="0.4">
      <c r="A5230">
        <v>369</v>
      </c>
      <c r="B5230">
        <v>0</v>
      </c>
      <c r="C5230">
        <v>2213</v>
      </c>
      <c r="D5230" t="s">
        <v>88</v>
      </c>
      <c r="E5230" s="1">
        <v>45033.681944444441</v>
      </c>
    </row>
    <row r="5231" spans="1:5" x14ac:dyDescent="0.4">
      <c r="A5231">
        <v>370</v>
      </c>
      <c r="B5231">
        <v>0</v>
      </c>
      <c r="C5231">
        <v>2214</v>
      </c>
      <c r="D5231" t="s">
        <v>88</v>
      </c>
      <c r="E5231" s="1">
        <v>45033.681944444441</v>
      </c>
    </row>
    <row r="5232" spans="1:5" x14ac:dyDescent="0.4">
      <c r="A5232">
        <v>371</v>
      </c>
      <c r="B5232">
        <v>0</v>
      </c>
      <c r="C5232">
        <v>2215</v>
      </c>
      <c r="D5232" t="s">
        <v>88</v>
      </c>
      <c r="E5232" s="1">
        <v>45033.681944444441</v>
      </c>
    </row>
    <row r="5233" spans="1:5" x14ac:dyDescent="0.4">
      <c r="A5233">
        <v>372</v>
      </c>
      <c r="B5233">
        <v>0</v>
      </c>
      <c r="C5233">
        <v>2216</v>
      </c>
      <c r="D5233" t="s">
        <v>88</v>
      </c>
      <c r="E5233" s="1">
        <v>45033.681944444441</v>
      </c>
    </row>
    <row r="5234" spans="1:5" x14ac:dyDescent="0.4">
      <c r="A5234">
        <v>373</v>
      </c>
      <c r="B5234">
        <v>0</v>
      </c>
      <c r="C5234">
        <v>2217</v>
      </c>
      <c r="D5234" t="s">
        <v>88</v>
      </c>
      <c r="E5234" s="1">
        <v>45033.681944444441</v>
      </c>
    </row>
    <row r="5235" spans="1:5" x14ac:dyDescent="0.4">
      <c r="A5235">
        <v>374</v>
      </c>
      <c r="B5235">
        <v>0</v>
      </c>
      <c r="C5235">
        <v>2218</v>
      </c>
      <c r="D5235" t="s">
        <v>88</v>
      </c>
      <c r="E5235" s="1">
        <v>45033.681944444441</v>
      </c>
    </row>
    <row r="5236" spans="1:5" x14ac:dyDescent="0.4">
      <c r="A5236">
        <v>375</v>
      </c>
      <c r="B5236">
        <v>0</v>
      </c>
      <c r="C5236">
        <v>2219</v>
      </c>
      <c r="D5236" t="s">
        <v>88</v>
      </c>
      <c r="E5236" s="1">
        <v>45033.681944444441</v>
      </c>
    </row>
    <row r="5237" spans="1:5" x14ac:dyDescent="0.4">
      <c r="A5237">
        <v>376</v>
      </c>
      <c r="B5237">
        <v>0</v>
      </c>
      <c r="C5237">
        <v>2220</v>
      </c>
      <c r="D5237" t="s">
        <v>88</v>
      </c>
      <c r="E5237" s="1">
        <v>45033.681944444441</v>
      </c>
    </row>
    <row r="5238" spans="1:5" x14ac:dyDescent="0.4">
      <c r="A5238">
        <v>377</v>
      </c>
      <c r="B5238">
        <v>0</v>
      </c>
      <c r="C5238">
        <v>2221</v>
      </c>
      <c r="D5238" t="s">
        <v>88</v>
      </c>
      <c r="E5238" s="1">
        <v>45033.681944444441</v>
      </c>
    </row>
    <row r="5239" spans="1:5" x14ac:dyDescent="0.4">
      <c r="A5239">
        <v>378</v>
      </c>
      <c r="B5239">
        <v>0</v>
      </c>
      <c r="C5239">
        <v>2222</v>
      </c>
      <c r="D5239" t="s">
        <v>88</v>
      </c>
      <c r="E5239" s="1">
        <v>45033.681944444441</v>
      </c>
    </row>
    <row r="5240" spans="1:5" x14ac:dyDescent="0.4">
      <c r="A5240">
        <v>379</v>
      </c>
      <c r="B5240">
        <v>0</v>
      </c>
      <c r="C5240">
        <v>2223</v>
      </c>
      <c r="D5240" t="s">
        <v>88</v>
      </c>
      <c r="E5240" s="1">
        <v>45033.681944444441</v>
      </c>
    </row>
    <row r="5241" spans="1:5" x14ac:dyDescent="0.4">
      <c r="A5241">
        <v>380</v>
      </c>
      <c r="B5241">
        <v>0</v>
      </c>
      <c r="C5241">
        <v>2224</v>
      </c>
      <c r="D5241" t="s">
        <v>88</v>
      </c>
      <c r="E5241" s="1">
        <v>45033.681944444441</v>
      </c>
    </row>
    <row r="5242" spans="1:5" x14ac:dyDescent="0.4">
      <c r="A5242">
        <v>381</v>
      </c>
      <c r="B5242">
        <v>0</v>
      </c>
      <c r="C5242">
        <v>2225</v>
      </c>
      <c r="D5242" t="s">
        <v>88</v>
      </c>
      <c r="E5242" s="1">
        <v>45033.681944444441</v>
      </c>
    </row>
    <row r="5243" spans="1:5" x14ac:dyDescent="0.4">
      <c r="A5243">
        <v>382</v>
      </c>
      <c r="B5243">
        <v>0</v>
      </c>
      <c r="C5243">
        <v>2227</v>
      </c>
      <c r="D5243" t="s">
        <v>88</v>
      </c>
      <c r="E5243" s="1">
        <v>45033.681944444441</v>
      </c>
    </row>
    <row r="5244" spans="1:5" x14ac:dyDescent="0.4">
      <c r="A5244">
        <v>383</v>
      </c>
      <c r="B5244">
        <v>0</v>
      </c>
      <c r="C5244">
        <v>2228</v>
      </c>
      <c r="D5244" t="s">
        <v>88</v>
      </c>
      <c r="E5244" s="1">
        <v>45033.681944444441</v>
      </c>
    </row>
    <row r="5245" spans="1:5" x14ac:dyDescent="0.4">
      <c r="A5245">
        <v>384</v>
      </c>
      <c r="B5245">
        <v>0</v>
      </c>
      <c r="C5245">
        <v>2229</v>
      </c>
      <c r="D5245" t="s">
        <v>88</v>
      </c>
      <c r="E5245" s="1">
        <v>45033.681944444441</v>
      </c>
    </row>
    <row r="5246" spans="1:5" x14ac:dyDescent="0.4">
      <c r="A5246">
        <v>385</v>
      </c>
      <c r="B5246">
        <v>0</v>
      </c>
      <c r="C5246">
        <v>2230</v>
      </c>
      <c r="D5246" t="s">
        <v>88</v>
      </c>
      <c r="E5246" s="1">
        <v>45033.681944444441</v>
      </c>
    </row>
    <row r="5247" spans="1:5" x14ac:dyDescent="0.4">
      <c r="A5247">
        <v>386</v>
      </c>
      <c r="B5247">
        <v>0</v>
      </c>
      <c r="C5247">
        <v>2233</v>
      </c>
      <c r="D5247" t="s">
        <v>88</v>
      </c>
      <c r="E5247" s="1">
        <v>45033.681944444441</v>
      </c>
    </row>
    <row r="5248" spans="1:5" x14ac:dyDescent="0.4">
      <c r="A5248">
        <v>387</v>
      </c>
      <c r="B5248">
        <v>0</v>
      </c>
      <c r="C5248">
        <v>2234</v>
      </c>
      <c r="D5248" t="s">
        <v>88</v>
      </c>
      <c r="E5248" s="1">
        <v>45033.681944444441</v>
      </c>
    </row>
    <row r="5249" spans="1:5" x14ac:dyDescent="0.4">
      <c r="A5249">
        <v>388</v>
      </c>
      <c r="B5249">
        <v>0</v>
      </c>
      <c r="C5249">
        <v>2235</v>
      </c>
      <c r="D5249" t="s">
        <v>88</v>
      </c>
      <c r="E5249" s="1">
        <v>45033.681944444441</v>
      </c>
    </row>
    <row r="5250" spans="1:5" x14ac:dyDescent="0.4">
      <c r="A5250">
        <v>389</v>
      </c>
      <c r="B5250">
        <v>0</v>
      </c>
      <c r="C5250">
        <v>2236</v>
      </c>
      <c r="D5250" t="s">
        <v>88</v>
      </c>
      <c r="E5250" s="1">
        <v>45033.681944444441</v>
      </c>
    </row>
    <row r="5251" spans="1:5" x14ac:dyDescent="0.4">
      <c r="A5251">
        <v>390</v>
      </c>
      <c r="B5251">
        <v>0</v>
      </c>
      <c r="C5251">
        <v>2237</v>
      </c>
      <c r="D5251" t="s">
        <v>88</v>
      </c>
      <c r="E5251" s="1">
        <v>45033.681944444441</v>
      </c>
    </row>
    <row r="5252" spans="1:5" x14ac:dyDescent="0.4">
      <c r="A5252">
        <v>391</v>
      </c>
      <c r="B5252">
        <v>0</v>
      </c>
      <c r="C5252">
        <v>2238</v>
      </c>
      <c r="D5252" t="s">
        <v>88</v>
      </c>
      <c r="E5252" s="1">
        <v>45033.681944444441</v>
      </c>
    </row>
    <row r="5253" spans="1:5" x14ac:dyDescent="0.4">
      <c r="A5253">
        <v>392</v>
      </c>
      <c r="B5253">
        <v>0</v>
      </c>
      <c r="C5253">
        <v>2261</v>
      </c>
      <c r="D5253" t="s">
        <v>88</v>
      </c>
      <c r="E5253" s="1">
        <v>45033.681944444441</v>
      </c>
    </row>
    <row r="5254" spans="1:5" x14ac:dyDescent="0.4">
      <c r="A5254">
        <v>393</v>
      </c>
      <c r="B5254">
        <v>0</v>
      </c>
      <c r="C5254">
        <v>2262</v>
      </c>
      <c r="D5254" t="s">
        <v>88</v>
      </c>
      <c r="E5254" s="1">
        <v>45033.681944444441</v>
      </c>
    </row>
    <row r="5255" spans="1:5" x14ac:dyDescent="0.4">
      <c r="A5255">
        <v>394</v>
      </c>
      <c r="B5255">
        <v>0</v>
      </c>
      <c r="C5255">
        <v>2263</v>
      </c>
      <c r="D5255" t="s">
        <v>88</v>
      </c>
      <c r="E5255" s="1">
        <v>45033.681944444441</v>
      </c>
    </row>
    <row r="5256" spans="1:5" x14ac:dyDescent="0.4">
      <c r="A5256">
        <v>395</v>
      </c>
      <c r="B5256">
        <v>0</v>
      </c>
      <c r="C5256">
        <v>2265</v>
      </c>
      <c r="D5256" t="s">
        <v>88</v>
      </c>
      <c r="E5256" s="1">
        <v>45033.681944444441</v>
      </c>
    </row>
    <row r="5257" spans="1:5" x14ac:dyDescent="0.4">
      <c r="A5257">
        <v>396</v>
      </c>
      <c r="B5257">
        <v>0</v>
      </c>
      <c r="C5257">
        <v>2266</v>
      </c>
      <c r="D5257" t="s">
        <v>88</v>
      </c>
      <c r="E5257" s="1">
        <v>45033.681944444441</v>
      </c>
    </row>
    <row r="5258" spans="1:5" x14ac:dyDescent="0.4">
      <c r="A5258">
        <v>397</v>
      </c>
      <c r="B5258">
        <v>0</v>
      </c>
      <c r="C5258">
        <v>2269</v>
      </c>
      <c r="D5258" t="s">
        <v>88</v>
      </c>
      <c r="E5258" s="1">
        <v>45033.681944444441</v>
      </c>
    </row>
    <row r="5259" spans="1:5" x14ac:dyDescent="0.4">
      <c r="A5259">
        <v>398</v>
      </c>
      <c r="B5259">
        <v>0</v>
      </c>
      <c r="C5259">
        <v>2270</v>
      </c>
      <c r="D5259" t="s">
        <v>88</v>
      </c>
      <c r="E5259" s="1">
        <v>45033.681944444441</v>
      </c>
    </row>
    <row r="5260" spans="1:5" x14ac:dyDescent="0.4">
      <c r="A5260">
        <v>399</v>
      </c>
      <c r="B5260">
        <v>0</v>
      </c>
      <c r="C5260">
        <v>2271</v>
      </c>
      <c r="D5260" t="s">
        <v>88</v>
      </c>
      <c r="E5260" s="1">
        <v>45033.681944444441</v>
      </c>
    </row>
    <row r="5261" spans="1:5" x14ac:dyDescent="0.4">
      <c r="A5261">
        <v>400</v>
      </c>
      <c r="B5261">
        <v>0</v>
      </c>
      <c r="C5261">
        <v>2272</v>
      </c>
      <c r="D5261" t="s">
        <v>88</v>
      </c>
      <c r="E5261" s="1">
        <v>45033.681944444441</v>
      </c>
    </row>
    <row r="5262" spans="1:5" x14ac:dyDescent="0.4">
      <c r="A5262">
        <v>401</v>
      </c>
      <c r="B5262">
        <v>0</v>
      </c>
      <c r="C5262">
        <v>2291</v>
      </c>
      <c r="D5262" t="s">
        <v>88</v>
      </c>
      <c r="E5262" s="1">
        <v>45033.681944444441</v>
      </c>
    </row>
    <row r="5263" spans="1:5" x14ac:dyDescent="0.4">
      <c r="A5263">
        <v>402</v>
      </c>
      <c r="B5263">
        <v>0</v>
      </c>
      <c r="C5263">
        <v>2292</v>
      </c>
      <c r="D5263" t="s">
        <v>88</v>
      </c>
      <c r="E5263" s="1">
        <v>45033.681944444441</v>
      </c>
    </row>
    <row r="5264" spans="1:5" x14ac:dyDescent="0.4">
      <c r="A5264">
        <v>403</v>
      </c>
      <c r="B5264">
        <v>0</v>
      </c>
      <c r="C5264">
        <v>2293</v>
      </c>
      <c r="D5264" t="s">
        <v>88</v>
      </c>
      <c r="E5264" s="1">
        <v>45033.681944444441</v>
      </c>
    </row>
    <row r="5265" spans="1:5" x14ac:dyDescent="0.4">
      <c r="A5265">
        <v>404</v>
      </c>
      <c r="B5265">
        <v>0</v>
      </c>
      <c r="C5265">
        <v>2294</v>
      </c>
      <c r="D5265" t="s">
        <v>88</v>
      </c>
      <c r="E5265" s="1">
        <v>45033.681944444441</v>
      </c>
    </row>
    <row r="5266" spans="1:5" x14ac:dyDescent="0.4">
      <c r="A5266">
        <v>405</v>
      </c>
      <c r="B5266">
        <v>0</v>
      </c>
      <c r="C5266">
        <v>2295</v>
      </c>
      <c r="D5266" t="s">
        <v>88</v>
      </c>
      <c r="E5266" s="1">
        <v>45033.681944444441</v>
      </c>
    </row>
    <row r="5267" spans="1:5" x14ac:dyDescent="0.4">
      <c r="A5267">
        <v>406</v>
      </c>
      <c r="B5267">
        <v>0</v>
      </c>
      <c r="C5267">
        <v>2296</v>
      </c>
      <c r="D5267" t="s">
        <v>88</v>
      </c>
      <c r="E5267" s="1">
        <v>45033.681944444441</v>
      </c>
    </row>
    <row r="5268" spans="1:5" x14ac:dyDescent="0.4">
      <c r="A5268">
        <v>407</v>
      </c>
      <c r="B5268">
        <v>0</v>
      </c>
      <c r="C5268">
        <v>2297</v>
      </c>
      <c r="D5268" t="s">
        <v>88</v>
      </c>
      <c r="E5268" s="1">
        <v>45033.681944444441</v>
      </c>
    </row>
    <row r="5269" spans="1:5" x14ac:dyDescent="0.4">
      <c r="A5269">
        <v>408</v>
      </c>
      <c r="B5269">
        <v>0</v>
      </c>
      <c r="C5269">
        <v>2298</v>
      </c>
      <c r="D5269" t="s">
        <v>88</v>
      </c>
      <c r="E5269" s="1">
        <v>45033.681944444441</v>
      </c>
    </row>
    <row r="5270" spans="1:5" x14ac:dyDescent="0.4">
      <c r="A5270">
        <v>409</v>
      </c>
      <c r="B5270">
        <v>0</v>
      </c>
      <c r="C5270">
        <v>2299</v>
      </c>
      <c r="D5270" t="s">
        <v>88</v>
      </c>
      <c r="E5270" s="1">
        <v>45033.681944444441</v>
      </c>
    </row>
    <row r="5271" spans="1:5" x14ac:dyDescent="0.4">
      <c r="A5271">
        <v>410</v>
      </c>
      <c r="B5271">
        <v>0</v>
      </c>
      <c r="C5271">
        <v>2301</v>
      </c>
      <c r="D5271" t="s">
        <v>88</v>
      </c>
      <c r="E5271" s="1">
        <v>45033.681944444441</v>
      </c>
    </row>
    <row r="5272" spans="1:5" x14ac:dyDescent="0.4">
      <c r="A5272">
        <v>411</v>
      </c>
      <c r="B5272">
        <v>0</v>
      </c>
      <c r="C5272">
        <v>2302</v>
      </c>
      <c r="D5272" t="s">
        <v>88</v>
      </c>
      <c r="E5272" s="1">
        <v>45033.681944444441</v>
      </c>
    </row>
    <row r="5273" spans="1:5" x14ac:dyDescent="0.4">
      <c r="A5273">
        <v>412</v>
      </c>
      <c r="B5273">
        <v>0</v>
      </c>
      <c r="C5273">
        <v>2303</v>
      </c>
      <c r="D5273" t="s">
        <v>88</v>
      </c>
      <c r="E5273" s="1">
        <v>45033.681944444441</v>
      </c>
    </row>
    <row r="5274" spans="1:5" x14ac:dyDescent="0.4">
      <c r="A5274">
        <v>413</v>
      </c>
      <c r="B5274">
        <v>0</v>
      </c>
      <c r="C5274">
        <v>2304</v>
      </c>
      <c r="D5274" t="s">
        <v>88</v>
      </c>
      <c r="E5274" s="1">
        <v>45033.681944444441</v>
      </c>
    </row>
    <row r="5275" spans="1:5" x14ac:dyDescent="0.4">
      <c r="A5275">
        <v>414</v>
      </c>
      <c r="B5275">
        <v>0</v>
      </c>
      <c r="C5275">
        <v>2305</v>
      </c>
      <c r="D5275" t="s">
        <v>88</v>
      </c>
      <c r="E5275" s="1">
        <v>45033.681944444441</v>
      </c>
    </row>
    <row r="5276" spans="1:5" x14ac:dyDescent="0.4">
      <c r="A5276">
        <v>415</v>
      </c>
      <c r="B5276">
        <v>0</v>
      </c>
      <c r="C5276">
        <v>2331</v>
      </c>
      <c r="D5276" t="s">
        <v>88</v>
      </c>
      <c r="E5276" s="1">
        <v>45033.681944444441</v>
      </c>
    </row>
    <row r="5277" spans="1:5" x14ac:dyDescent="0.4">
      <c r="A5277">
        <v>416</v>
      </c>
      <c r="B5277">
        <v>0</v>
      </c>
      <c r="C5277">
        <v>2332</v>
      </c>
      <c r="D5277" t="s">
        <v>88</v>
      </c>
      <c r="E5277" s="1">
        <v>45033.681944444441</v>
      </c>
    </row>
    <row r="5278" spans="1:5" x14ac:dyDescent="0.4">
      <c r="A5278">
        <v>417</v>
      </c>
      <c r="B5278">
        <v>0</v>
      </c>
      <c r="C5278">
        <v>2335</v>
      </c>
      <c r="D5278" t="s">
        <v>88</v>
      </c>
      <c r="E5278" s="1">
        <v>45033.681944444441</v>
      </c>
    </row>
    <row r="5279" spans="1:5" x14ac:dyDescent="0.4">
      <c r="A5279">
        <v>418</v>
      </c>
      <c r="B5279">
        <v>0</v>
      </c>
      <c r="C5279">
        <v>2337</v>
      </c>
      <c r="D5279" t="s">
        <v>88</v>
      </c>
      <c r="E5279" s="1">
        <v>45033.681944444441</v>
      </c>
    </row>
    <row r="5280" spans="1:5" x14ac:dyDescent="0.4">
      <c r="A5280">
        <v>419</v>
      </c>
      <c r="B5280">
        <v>0</v>
      </c>
      <c r="C5280">
        <v>2338</v>
      </c>
      <c r="D5280" t="s">
        <v>88</v>
      </c>
      <c r="E5280" s="1">
        <v>45033.681944444441</v>
      </c>
    </row>
    <row r="5281" spans="1:5" x14ac:dyDescent="0.4">
      <c r="A5281">
        <v>420</v>
      </c>
      <c r="B5281">
        <v>0</v>
      </c>
      <c r="C5281">
        <v>2361</v>
      </c>
      <c r="D5281" t="s">
        <v>88</v>
      </c>
      <c r="E5281" s="1">
        <v>45033.681944444441</v>
      </c>
    </row>
    <row r="5282" spans="1:5" x14ac:dyDescent="0.4">
      <c r="A5282">
        <v>421</v>
      </c>
      <c r="B5282">
        <v>0</v>
      </c>
      <c r="C5282">
        <v>2362</v>
      </c>
      <c r="D5282" t="s">
        <v>88</v>
      </c>
      <c r="E5282" s="1">
        <v>45033.681944444441</v>
      </c>
    </row>
    <row r="5283" spans="1:5" x14ac:dyDescent="0.4">
      <c r="A5283">
        <v>422</v>
      </c>
      <c r="B5283">
        <v>0</v>
      </c>
      <c r="C5283">
        <v>2363</v>
      </c>
      <c r="D5283" t="s">
        <v>88</v>
      </c>
      <c r="E5283" s="1">
        <v>45033.681944444441</v>
      </c>
    </row>
    <row r="5284" spans="1:5" x14ac:dyDescent="0.4">
      <c r="A5284">
        <v>423</v>
      </c>
      <c r="B5284">
        <v>0</v>
      </c>
      <c r="C5284">
        <v>2366</v>
      </c>
      <c r="D5284" t="s">
        <v>88</v>
      </c>
      <c r="E5284" s="1">
        <v>45033.681944444441</v>
      </c>
    </row>
    <row r="5285" spans="1:5" x14ac:dyDescent="0.4">
      <c r="A5285">
        <v>424</v>
      </c>
      <c r="B5285">
        <v>0</v>
      </c>
      <c r="C5285">
        <v>2367</v>
      </c>
      <c r="D5285" t="s">
        <v>88</v>
      </c>
      <c r="E5285" s="1">
        <v>45033.681944444441</v>
      </c>
    </row>
    <row r="5286" spans="1:5" x14ac:dyDescent="0.4">
      <c r="A5286">
        <v>425</v>
      </c>
      <c r="B5286">
        <v>0</v>
      </c>
      <c r="C5286">
        <v>2368</v>
      </c>
      <c r="D5286" t="s">
        <v>88</v>
      </c>
      <c r="E5286" s="1">
        <v>45033.681944444441</v>
      </c>
    </row>
    <row r="5287" spans="1:5" x14ac:dyDescent="0.4">
      <c r="A5287">
        <v>426</v>
      </c>
      <c r="B5287">
        <v>0</v>
      </c>
      <c r="C5287">
        <v>2369</v>
      </c>
      <c r="D5287" t="s">
        <v>88</v>
      </c>
      <c r="E5287" s="1">
        <v>45033.681944444441</v>
      </c>
    </row>
    <row r="5288" spans="1:5" x14ac:dyDescent="0.4">
      <c r="A5288">
        <v>427</v>
      </c>
      <c r="B5288">
        <v>0</v>
      </c>
      <c r="C5288">
        <v>2391</v>
      </c>
      <c r="D5288" t="s">
        <v>88</v>
      </c>
      <c r="E5288" s="1">
        <v>45033.681944444441</v>
      </c>
    </row>
    <row r="5289" spans="1:5" x14ac:dyDescent="0.4">
      <c r="A5289">
        <v>428</v>
      </c>
      <c r="B5289">
        <v>0</v>
      </c>
      <c r="C5289">
        <v>2393</v>
      </c>
      <c r="D5289" t="s">
        <v>88</v>
      </c>
      <c r="E5289" s="1">
        <v>45033.681944444441</v>
      </c>
    </row>
    <row r="5290" spans="1:5" x14ac:dyDescent="0.4">
      <c r="A5290">
        <v>429</v>
      </c>
      <c r="B5290">
        <v>0</v>
      </c>
      <c r="C5290">
        <v>2394</v>
      </c>
      <c r="D5290" t="s">
        <v>88</v>
      </c>
      <c r="E5290" s="1">
        <v>45033.681944444441</v>
      </c>
    </row>
    <row r="5291" spans="1:5" x14ac:dyDescent="0.4">
      <c r="A5291">
        <v>430</v>
      </c>
      <c r="B5291">
        <v>0</v>
      </c>
      <c r="C5291">
        <v>2395</v>
      </c>
      <c r="D5291" t="s">
        <v>88</v>
      </c>
      <c r="E5291" s="1">
        <v>45033.681944444441</v>
      </c>
    </row>
    <row r="5292" spans="1:5" x14ac:dyDescent="0.4">
      <c r="A5292">
        <v>431</v>
      </c>
      <c r="B5292">
        <v>0</v>
      </c>
      <c r="C5292">
        <v>2396</v>
      </c>
      <c r="D5292" t="s">
        <v>88</v>
      </c>
      <c r="E5292" s="1">
        <v>45033.681944444441</v>
      </c>
    </row>
    <row r="5293" spans="1:5" x14ac:dyDescent="0.4">
      <c r="A5293">
        <v>432</v>
      </c>
      <c r="B5293">
        <v>0</v>
      </c>
      <c r="C5293">
        <v>2397</v>
      </c>
      <c r="D5293" t="s">
        <v>88</v>
      </c>
      <c r="E5293" s="1">
        <v>45033.681944444441</v>
      </c>
    </row>
    <row r="5294" spans="1:5" x14ac:dyDescent="0.4">
      <c r="A5294">
        <v>433</v>
      </c>
      <c r="B5294">
        <v>0</v>
      </c>
      <c r="C5294">
        <v>2398</v>
      </c>
      <c r="D5294" t="s">
        <v>88</v>
      </c>
      <c r="E5294" s="1">
        <v>45033.681944444441</v>
      </c>
    </row>
    <row r="5295" spans="1:5" x14ac:dyDescent="0.4">
      <c r="A5295">
        <v>434</v>
      </c>
      <c r="B5295">
        <v>0</v>
      </c>
      <c r="C5295">
        <v>2399</v>
      </c>
      <c r="D5295" t="s">
        <v>88</v>
      </c>
      <c r="E5295" s="1">
        <v>45033.681944444441</v>
      </c>
    </row>
    <row r="5296" spans="1:5" x14ac:dyDescent="0.4">
      <c r="A5296">
        <v>435</v>
      </c>
      <c r="B5296">
        <v>0</v>
      </c>
      <c r="C5296">
        <v>2400</v>
      </c>
      <c r="D5296" t="s">
        <v>88</v>
      </c>
      <c r="E5296" s="1">
        <v>45033.681944444441</v>
      </c>
    </row>
    <row r="5297" spans="1:5" x14ac:dyDescent="0.4">
      <c r="A5297">
        <v>436</v>
      </c>
      <c r="B5297">
        <v>0</v>
      </c>
      <c r="C5297">
        <v>2421</v>
      </c>
      <c r="D5297" t="s">
        <v>88</v>
      </c>
      <c r="E5297" s="1">
        <v>45033.681944444441</v>
      </c>
    </row>
    <row r="5298" spans="1:5" x14ac:dyDescent="0.4">
      <c r="A5298">
        <v>437</v>
      </c>
      <c r="B5298">
        <v>0</v>
      </c>
      <c r="C5298">
        <v>2422</v>
      </c>
      <c r="D5298" t="s">
        <v>88</v>
      </c>
      <c r="E5298" s="1">
        <v>45033.681944444441</v>
      </c>
    </row>
    <row r="5299" spans="1:5" x14ac:dyDescent="0.4">
      <c r="A5299">
        <v>438</v>
      </c>
      <c r="B5299">
        <v>0</v>
      </c>
      <c r="C5299">
        <v>2424</v>
      </c>
      <c r="D5299" t="s">
        <v>88</v>
      </c>
      <c r="E5299" s="1">
        <v>45033.681944444441</v>
      </c>
    </row>
    <row r="5300" spans="1:5" x14ac:dyDescent="0.4">
      <c r="A5300">
        <v>439</v>
      </c>
      <c r="B5300">
        <v>0</v>
      </c>
      <c r="C5300">
        <v>2426</v>
      </c>
      <c r="D5300" t="s">
        <v>88</v>
      </c>
      <c r="E5300" s="1">
        <v>45033.681944444441</v>
      </c>
    </row>
    <row r="5301" spans="1:5" x14ac:dyDescent="0.4">
      <c r="A5301">
        <v>440</v>
      </c>
      <c r="B5301">
        <v>0</v>
      </c>
      <c r="C5301">
        <v>2428</v>
      </c>
      <c r="D5301" t="s">
        <v>88</v>
      </c>
      <c r="E5301" s="1">
        <v>45033.681944444441</v>
      </c>
    </row>
    <row r="5302" spans="1:5" x14ac:dyDescent="0.4">
      <c r="A5302">
        <v>441</v>
      </c>
      <c r="B5302">
        <v>0</v>
      </c>
      <c r="C5302">
        <v>2429</v>
      </c>
      <c r="D5302" t="s">
        <v>88</v>
      </c>
      <c r="E5302" s="1">
        <v>45033.681944444441</v>
      </c>
    </row>
    <row r="5303" spans="1:5" x14ac:dyDescent="0.4">
      <c r="A5303">
        <v>442</v>
      </c>
      <c r="B5303">
        <v>0</v>
      </c>
      <c r="C5303">
        <v>2427</v>
      </c>
      <c r="D5303" t="s">
        <v>88</v>
      </c>
      <c r="E5303" s="1">
        <v>45033.681944444441</v>
      </c>
    </row>
    <row r="5304" spans="1:5" x14ac:dyDescent="0.4">
      <c r="A5304">
        <v>443</v>
      </c>
      <c r="B5304">
        <v>0</v>
      </c>
      <c r="C5304">
        <v>2451</v>
      </c>
      <c r="D5304" t="s">
        <v>88</v>
      </c>
      <c r="E5304" s="1">
        <v>45033.681944444441</v>
      </c>
    </row>
    <row r="5305" spans="1:5" x14ac:dyDescent="0.4">
      <c r="A5305">
        <v>444</v>
      </c>
      <c r="B5305">
        <v>0</v>
      </c>
      <c r="C5305">
        <v>2452</v>
      </c>
      <c r="D5305" t="s">
        <v>88</v>
      </c>
      <c r="E5305" s="1">
        <v>45033.681944444441</v>
      </c>
    </row>
    <row r="5306" spans="1:5" x14ac:dyDescent="0.4">
      <c r="A5306">
        <v>445</v>
      </c>
      <c r="B5306">
        <v>0</v>
      </c>
      <c r="C5306">
        <v>2453</v>
      </c>
      <c r="D5306" t="s">
        <v>88</v>
      </c>
      <c r="E5306" s="1">
        <v>45033.681944444441</v>
      </c>
    </row>
    <row r="5307" spans="1:5" x14ac:dyDescent="0.4">
      <c r="A5307">
        <v>446</v>
      </c>
      <c r="B5307">
        <v>0</v>
      </c>
      <c r="C5307">
        <v>2454</v>
      </c>
      <c r="D5307" t="s">
        <v>88</v>
      </c>
      <c r="E5307" s="1">
        <v>45033.681944444441</v>
      </c>
    </row>
    <row r="5308" spans="1:5" x14ac:dyDescent="0.4">
      <c r="A5308">
        <v>447</v>
      </c>
      <c r="B5308">
        <v>0</v>
      </c>
      <c r="C5308">
        <v>2455</v>
      </c>
      <c r="D5308" t="s">
        <v>88</v>
      </c>
      <c r="E5308" s="1">
        <v>45033.681944444441</v>
      </c>
    </row>
    <row r="5309" spans="1:5" x14ac:dyDescent="0.4">
      <c r="A5309">
        <v>448</v>
      </c>
      <c r="B5309">
        <v>0</v>
      </c>
      <c r="C5309">
        <v>2456</v>
      </c>
      <c r="D5309" t="s">
        <v>88</v>
      </c>
      <c r="E5309" s="1">
        <v>45033.681944444441</v>
      </c>
    </row>
    <row r="5310" spans="1:5" x14ac:dyDescent="0.4">
      <c r="A5310">
        <v>449</v>
      </c>
      <c r="B5310">
        <v>0</v>
      </c>
      <c r="C5310">
        <v>2457</v>
      </c>
      <c r="D5310" t="s">
        <v>88</v>
      </c>
      <c r="E5310" s="1">
        <v>45033.681944444441</v>
      </c>
    </row>
    <row r="5311" spans="1:5" x14ac:dyDescent="0.4">
      <c r="A5311">
        <v>450</v>
      </c>
      <c r="B5311">
        <v>0</v>
      </c>
      <c r="C5311">
        <v>2458</v>
      </c>
      <c r="D5311" t="s">
        <v>88</v>
      </c>
      <c r="E5311" s="1">
        <v>45033.681944444441</v>
      </c>
    </row>
    <row r="5312" spans="1:5" x14ac:dyDescent="0.4">
      <c r="A5312">
        <v>451</v>
      </c>
      <c r="B5312">
        <v>0</v>
      </c>
      <c r="C5312">
        <v>2459</v>
      </c>
      <c r="D5312" t="s">
        <v>88</v>
      </c>
      <c r="E5312" s="1">
        <v>45033.681944444441</v>
      </c>
    </row>
    <row r="5313" spans="1:5" x14ac:dyDescent="0.4">
      <c r="A5313">
        <v>452</v>
      </c>
      <c r="B5313">
        <v>0</v>
      </c>
      <c r="C5313">
        <v>2460</v>
      </c>
      <c r="D5313" t="s">
        <v>88</v>
      </c>
      <c r="E5313" s="1">
        <v>45033.681944444441</v>
      </c>
    </row>
    <row r="5314" spans="1:5" x14ac:dyDescent="0.4">
      <c r="A5314">
        <v>453</v>
      </c>
      <c r="B5314">
        <v>0</v>
      </c>
      <c r="C5314">
        <v>2461</v>
      </c>
      <c r="D5314" t="s">
        <v>88</v>
      </c>
      <c r="E5314" s="1">
        <v>45033.681944444441</v>
      </c>
    </row>
    <row r="5315" spans="1:5" x14ac:dyDescent="0.4">
      <c r="A5315">
        <v>454</v>
      </c>
      <c r="B5315">
        <v>0</v>
      </c>
      <c r="C5315">
        <v>2462</v>
      </c>
      <c r="D5315" t="s">
        <v>88</v>
      </c>
      <c r="E5315" s="1">
        <v>45033.681944444441</v>
      </c>
    </row>
    <row r="5316" spans="1:5" x14ac:dyDescent="0.4">
      <c r="A5316">
        <v>455</v>
      </c>
      <c r="B5316">
        <v>0</v>
      </c>
      <c r="C5316">
        <v>2491</v>
      </c>
      <c r="D5316" t="s">
        <v>88</v>
      </c>
      <c r="E5316" s="1">
        <v>45033.681944444441</v>
      </c>
    </row>
    <row r="5317" spans="1:5" x14ac:dyDescent="0.4">
      <c r="A5317">
        <v>456</v>
      </c>
      <c r="B5317">
        <v>0</v>
      </c>
      <c r="C5317">
        <v>2492</v>
      </c>
      <c r="D5317" t="s">
        <v>88</v>
      </c>
      <c r="E5317" s="1">
        <v>45033.681944444441</v>
      </c>
    </row>
    <row r="5318" spans="1:5" x14ac:dyDescent="0.4">
      <c r="A5318">
        <v>457</v>
      </c>
      <c r="B5318">
        <v>0</v>
      </c>
      <c r="C5318">
        <v>2494</v>
      </c>
      <c r="D5318" t="s">
        <v>88</v>
      </c>
      <c r="E5318" s="1">
        <v>45033.681944444441</v>
      </c>
    </row>
    <row r="5319" spans="1:5" x14ac:dyDescent="0.4">
      <c r="A5319">
        <v>458</v>
      </c>
      <c r="B5319">
        <v>0</v>
      </c>
      <c r="C5319">
        <v>2495</v>
      </c>
      <c r="D5319" t="s">
        <v>88</v>
      </c>
      <c r="E5319" s="1">
        <v>45033.681944444441</v>
      </c>
    </row>
    <row r="5320" spans="1:5" x14ac:dyDescent="0.4">
      <c r="A5320">
        <v>459</v>
      </c>
      <c r="B5320">
        <v>0</v>
      </c>
      <c r="C5320">
        <v>2496</v>
      </c>
      <c r="D5320" t="s">
        <v>88</v>
      </c>
      <c r="E5320" s="1">
        <v>45033.681944444441</v>
      </c>
    </row>
    <row r="5321" spans="1:5" x14ac:dyDescent="0.4">
      <c r="A5321">
        <v>460</v>
      </c>
      <c r="B5321">
        <v>0</v>
      </c>
      <c r="C5321">
        <v>2498</v>
      </c>
      <c r="D5321" t="s">
        <v>88</v>
      </c>
      <c r="E5321" s="1">
        <v>45033.681944444441</v>
      </c>
    </row>
    <row r="5322" spans="1:5" x14ac:dyDescent="0.4">
      <c r="A5322">
        <v>461</v>
      </c>
      <c r="B5322">
        <v>0</v>
      </c>
      <c r="C5322">
        <v>2499</v>
      </c>
      <c r="D5322" t="s">
        <v>88</v>
      </c>
      <c r="E5322" s="1">
        <v>45033.681944444441</v>
      </c>
    </row>
    <row r="5323" spans="1:5" x14ac:dyDescent="0.4">
      <c r="A5323">
        <v>462</v>
      </c>
      <c r="B5323">
        <v>0</v>
      </c>
      <c r="C5323">
        <v>2500</v>
      </c>
      <c r="D5323" t="s">
        <v>88</v>
      </c>
      <c r="E5323" s="1">
        <v>45033.681944444441</v>
      </c>
    </row>
    <row r="5324" spans="1:5" x14ac:dyDescent="0.4">
      <c r="A5324">
        <v>463</v>
      </c>
      <c r="B5324">
        <v>0</v>
      </c>
      <c r="C5324">
        <v>2603</v>
      </c>
      <c r="D5324" t="s">
        <v>88</v>
      </c>
      <c r="E5324" s="1">
        <v>45033.681944444441</v>
      </c>
    </row>
    <row r="5325" spans="1:5" x14ac:dyDescent="0.4">
      <c r="A5325">
        <v>464</v>
      </c>
      <c r="B5325">
        <v>0</v>
      </c>
      <c r="C5325">
        <v>2604</v>
      </c>
      <c r="D5325" t="s">
        <v>88</v>
      </c>
      <c r="E5325" s="1">
        <v>45033.681944444441</v>
      </c>
    </row>
    <row r="5326" spans="1:5" x14ac:dyDescent="0.4">
      <c r="A5326">
        <v>465</v>
      </c>
      <c r="B5326">
        <v>0</v>
      </c>
      <c r="C5326">
        <v>2605</v>
      </c>
      <c r="D5326" t="s">
        <v>88</v>
      </c>
      <c r="E5326" s="1">
        <v>45033.681944444441</v>
      </c>
    </row>
    <row r="5327" spans="1:5" x14ac:dyDescent="0.4">
      <c r="A5327">
        <v>466</v>
      </c>
      <c r="B5327">
        <v>0</v>
      </c>
      <c r="C5327">
        <v>2606</v>
      </c>
      <c r="D5327" t="s">
        <v>88</v>
      </c>
      <c r="E5327" s="1">
        <v>45033.681944444441</v>
      </c>
    </row>
    <row r="5328" spans="1:5" x14ac:dyDescent="0.4">
      <c r="A5328">
        <v>467</v>
      </c>
      <c r="B5328">
        <v>0</v>
      </c>
      <c r="C5328">
        <v>2607</v>
      </c>
      <c r="D5328" t="s">
        <v>88</v>
      </c>
      <c r="E5328" s="1">
        <v>45033.681944444441</v>
      </c>
    </row>
    <row r="5329" spans="1:5" x14ac:dyDescent="0.4">
      <c r="A5329">
        <v>468</v>
      </c>
      <c r="B5329">
        <v>0</v>
      </c>
      <c r="C5329">
        <v>2608</v>
      </c>
      <c r="D5329" t="s">
        <v>88</v>
      </c>
      <c r="E5329" s="1">
        <v>45033.681944444441</v>
      </c>
    </row>
    <row r="5330" spans="1:5" x14ac:dyDescent="0.4">
      <c r="A5330">
        <v>469</v>
      </c>
      <c r="B5330">
        <v>0</v>
      </c>
      <c r="C5330">
        <v>2609</v>
      </c>
      <c r="D5330" t="s">
        <v>88</v>
      </c>
      <c r="E5330" s="1">
        <v>45033.681944444441</v>
      </c>
    </row>
    <row r="5331" spans="1:5" x14ac:dyDescent="0.4">
      <c r="A5331">
        <v>470</v>
      </c>
      <c r="B5331">
        <v>0</v>
      </c>
      <c r="C5331">
        <v>2610</v>
      </c>
      <c r="D5331" t="s">
        <v>88</v>
      </c>
      <c r="E5331" s="1">
        <v>45033.681944444441</v>
      </c>
    </row>
    <row r="5332" spans="1:5" x14ac:dyDescent="0.4">
      <c r="A5332">
        <v>471</v>
      </c>
      <c r="B5332">
        <v>0</v>
      </c>
      <c r="C5332">
        <v>2651</v>
      </c>
      <c r="D5332" t="s">
        <v>88</v>
      </c>
      <c r="E5332" s="1">
        <v>45033.681944444441</v>
      </c>
    </row>
    <row r="5333" spans="1:5" x14ac:dyDescent="0.4">
      <c r="A5333">
        <v>472</v>
      </c>
      <c r="B5333">
        <v>0</v>
      </c>
      <c r="C5333">
        <v>2652</v>
      </c>
      <c r="D5333" t="s">
        <v>88</v>
      </c>
      <c r="E5333" s="1">
        <v>45033.681944444441</v>
      </c>
    </row>
    <row r="5334" spans="1:5" x14ac:dyDescent="0.4">
      <c r="A5334">
        <v>473</v>
      </c>
      <c r="B5334">
        <v>0</v>
      </c>
      <c r="C5334">
        <v>2653</v>
      </c>
      <c r="D5334" t="s">
        <v>88</v>
      </c>
      <c r="E5334" s="1">
        <v>45033.681944444441</v>
      </c>
    </row>
    <row r="5335" spans="1:5" x14ac:dyDescent="0.4">
      <c r="A5335">
        <v>474</v>
      </c>
      <c r="B5335">
        <v>0</v>
      </c>
      <c r="C5335">
        <v>2654</v>
      </c>
      <c r="D5335" t="s">
        <v>88</v>
      </c>
      <c r="E5335" s="1">
        <v>45033.681944444441</v>
      </c>
    </row>
    <row r="5336" spans="1:5" x14ac:dyDescent="0.4">
      <c r="A5336">
        <v>475</v>
      </c>
      <c r="B5336">
        <v>0</v>
      </c>
      <c r="C5336">
        <v>2655</v>
      </c>
      <c r="D5336" t="s">
        <v>88</v>
      </c>
      <c r="E5336" s="1">
        <v>45033.681944444441</v>
      </c>
    </row>
    <row r="5337" spans="1:5" x14ac:dyDescent="0.4">
      <c r="A5337">
        <v>476</v>
      </c>
      <c r="B5337">
        <v>0</v>
      </c>
      <c r="C5337">
        <v>2656</v>
      </c>
      <c r="D5337" t="s">
        <v>88</v>
      </c>
      <c r="E5337" s="1">
        <v>45033.681944444441</v>
      </c>
    </row>
    <row r="5338" spans="1:5" x14ac:dyDescent="0.4">
      <c r="A5338">
        <v>477</v>
      </c>
      <c r="B5338">
        <v>0</v>
      </c>
      <c r="C5338">
        <v>2681</v>
      </c>
      <c r="D5338" t="s">
        <v>88</v>
      </c>
      <c r="E5338" s="1">
        <v>45033.681944444441</v>
      </c>
    </row>
    <row r="5339" spans="1:5" x14ac:dyDescent="0.4">
      <c r="A5339">
        <v>478</v>
      </c>
      <c r="B5339">
        <v>0</v>
      </c>
      <c r="C5339">
        <v>2682</v>
      </c>
      <c r="D5339" t="s">
        <v>88</v>
      </c>
      <c r="E5339" s="1">
        <v>45033.681944444441</v>
      </c>
    </row>
    <row r="5340" spans="1:5" x14ac:dyDescent="0.4">
      <c r="A5340">
        <v>479</v>
      </c>
      <c r="B5340">
        <v>0</v>
      </c>
      <c r="C5340">
        <v>2683</v>
      </c>
      <c r="D5340" t="s">
        <v>88</v>
      </c>
      <c r="E5340" s="1">
        <v>45033.681944444441</v>
      </c>
    </row>
    <row r="5341" spans="1:5" x14ac:dyDescent="0.4">
      <c r="A5341">
        <v>480</v>
      </c>
      <c r="B5341">
        <v>0</v>
      </c>
      <c r="C5341">
        <v>2684</v>
      </c>
      <c r="D5341" t="s">
        <v>88</v>
      </c>
      <c r="E5341" s="1">
        <v>45033.681944444441</v>
      </c>
    </row>
    <row r="5342" spans="1:5" x14ac:dyDescent="0.4">
      <c r="A5342">
        <v>481</v>
      </c>
      <c r="B5342">
        <v>0</v>
      </c>
      <c r="C5342">
        <v>2685</v>
      </c>
      <c r="D5342" t="s">
        <v>88</v>
      </c>
      <c r="E5342" s="1">
        <v>45033.681944444441</v>
      </c>
    </row>
    <row r="5343" spans="1:5" x14ac:dyDescent="0.4">
      <c r="A5343">
        <v>482</v>
      </c>
      <c r="B5343">
        <v>0</v>
      </c>
      <c r="C5343">
        <v>2686</v>
      </c>
      <c r="D5343" t="s">
        <v>88</v>
      </c>
      <c r="E5343" s="1">
        <v>45033.681944444441</v>
      </c>
    </row>
    <row r="5344" spans="1:5" x14ac:dyDescent="0.4">
      <c r="A5344">
        <v>483</v>
      </c>
      <c r="B5344">
        <v>0</v>
      </c>
      <c r="C5344">
        <v>2687</v>
      </c>
      <c r="D5344" t="s">
        <v>88</v>
      </c>
      <c r="E5344" s="1">
        <v>45033.681944444441</v>
      </c>
    </row>
    <row r="5345" spans="1:20" x14ac:dyDescent="0.4">
      <c r="A5345">
        <v>484</v>
      </c>
      <c r="B5345">
        <v>0</v>
      </c>
      <c r="C5345">
        <v>2691</v>
      </c>
      <c r="D5345" t="s">
        <v>88</v>
      </c>
      <c r="E5345" s="1">
        <v>45033.681944444441</v>
      </c>
    </row>
    <row r="5346" spans="1:20" x14ac:dyDescent="0.4">
      <c r="A5346">
        <v>485</v>
      </c>
      <c r="B5346">
        <v>0</v>
      </c>
      <c r="C5346">
        <v>2692</v>
      </c>
      <c r="D5346" t="s">
        <v>88</v>
      </c>
      <c r="E5346" s="1">
        <v>45033.681944444441</v>
      </c>
    </row>
    <row r="5347" spans="1:20" x14ac:dyDescent="0.4">
      <c r="A5347">
        <v>486</v>
      </c>
      <c r="B5347">
        <v>0</v>
      </c>
      <c r="C5347">
        <v>2693</v>
      </c>
      <c r="D5347" t="s">
        <v>88</v>
      </c>
      <c r="E5347" s="1">
        <v>45033.681944444441</v>
      </c>
    </row>
    <row r="5348" spans="1:20" x14ac:dyDescent="0.4">
      <c r="A5348">
        <v>487</v>
      </c>
      <c r="B5348">
        <v>0</v>
      </c>
      <c r="C5348">
        <v>2694</v>
      </c>
      <c r="D5348" t="s">
        <v>88</v>
      </c>
      <c r="E5348" s="1">
        <v>45033.681944444441</v>
      </c>
    </row>
    <row r="5349" spans="1:20" x14ac:dyDescent="0.4">
      <c r="A5349" t="s">
        <v>0</v>
      </c>
      <c r="B5349" t="s">
        <v>50</v>
      </c>
      <c r="C5349" t="s">
        <v>1</v>
      </c>
      <c r="D5349" t="s">
        <v>2</v>
      </c>
      <c r="E5349" t="s">
        <v>576</v>
      </c>
      <c r="F5349" t="s">
        <v>74</v>
      </c>
      <c r="G5349" t="s">
        <v>577</v>
      </c>
      <c r="H5349" t="s">
        <v>578</v>
      </c>
      <c r="I5349" t="s">
        <v>579</v>
      </c>
      <c r="J5349" t="s">
        <v>580</v>
      </c>
      <c r="K5349" t="s">
        <v>581</v>
      </c>
      <c r="L5349" t="s">
        <v>582</v>
      </c>
      <c r="M5349" t="s">
        <v>583</v>
      </c>
      <c r="N5349" t="s">
        <v>584</v>
      </c>
      <c r="O5349" t="s">
        <v>585</v>
      </c>
      <c r="P5349" t="s">
        <v>586</v>
      </c>
      <c r="Q5349" t="s">
        <v>84</v>
      </c>
      <c r="R5349" t="s">
        <v>390</v>
      </c>
      <c r="S5349" t="s">
        <v>5</v>
      </c>
      <c r="T5349" t="s">
        <v>6</v>
      </c>
    </row>
    <row r="5350" spans="1:20" x14ac:dyDescent="0.4">
      <c r="A5350">
        <v>1</v>
      </c>
      <c r="B5350">
        <v>291</v>
      </c>
      <c r="C5350">
        <v>1</v>
      </c>
      <c r="D5350">
        <v>1</v>
      </c>
      <c r="E5350">
        <v>291</v>
      </c>
      <c r="F5350" t="s">
        <v>587</v>
      </c>
      <c r="G5350">
        <v>549</v>
      </c>
      <c r="H5350">
        <v>0</v>
      </c>
      <c r="I5350">
        <v>0</v>
      </c>
      <c r="J5350">
        <v>0</v>
      </c>
      <c r="K5350">
        <v>0</v>
      </c>
      <c r="L5350">
        <v>0</v>
      </c>
      <c r="M5350">
        <v>0</v>
      </c>
      <c r="N5350">
        <v>0</v>
      </c>
      <c r="O5350">
        <v>0</v>
      </c>
      <c r="P5350">
        <v>0</v>
      </c>
      <c r="Q5350">
        <v>12000000</v>
      </c>
      <c r="R5350">
        <v>0</v>
      </c>
      <c r="S5350">
        <v>0</v>
      </c>
      <c r="T5350" s="1">
        <v>45080.546875</v>
      </c>
    </row>
    <row r="5351" spans="1:20" x14ac:dyDescent="0.4">
      <c r="A5351">
        <v>2</v>
      </c>
      <c r="B5351">
        <v>293</v>
      </c>
      <c r="C5351">
        <v>1</v>
      </c>
      <c r="D5351">
        <v>1</v>
      </c>
      <c r="E5351">
        <v>293</v>
      </c>
      <c r="F5351" t="s">
        <v>588</v>
      </c>
      <c r="G5351">
        <v>626</v>
      </c>
      <c r="H5351">
        <v>0</v>
      </c>
      <c r="I5351">
        <v>0</v>
      </c>
      <c r="J5351">
        <v>0</v>
      </c>
      <c r="K5351">
        <v>0</v>
      </c>
      <c r="L5351">
        <v>0</v>
      </c>
      <c r="M5351">
        <v>0</v>
      </c>
      <c r="N5351">
        <v>0</v>
      </c>
      <c r="O5351">
        <v>0</v>
      </c>
      <c r="P5351">
        <v>0</v>
      </c>
      <c r="Q5351">
        <v>0</v>
      </c>
      <c r="R5351">
        <v>0</v>
      </c>
      <c r="S5351">
        <v>0</v>
      </c>
      <c r="T5351" s="1">
        <v>45080.546875</v>
      </c>
    </row>
    <row r="5352" spans="1:20" x14ac:dyDescent="0.4">
      <c r="A5352">
        <v>3</v>
      </c>
      <c r="B5352">
        <v>528</v>
      </c>
      <c r="C5352">
        <v>1</v>
      </c>
      <c r="D5352">
        <v>1</v>
      </c>
      <c r="E5352">
        <v>528</v>
      </c>
      <c r="F5352" t="s">
        <v>589</v>
      </c>
      <c r="G5352">
        <v>352</v>
      </c>
      <c r="H5352">
        <v>0</v>
      </c>
      <c r="I5352">
        <v>0</v>
      </c>
      <c r="J5352">
        <v>0</v>
      </c>
      <c r="K5352">
        <v>0</v>
      </c>
      <c r="L5352">
        <v>0</v>
      </c>
      <c r="M5352">
        <v>0</v>
      </c>
      <c r="N5352">
        <v>0</v>
      </c>
      <c r="O5352">
        <v>0</v>
      </c>
      <c r="P5352">
        <v>0</v>
      </c>
      <c r="Q5352">
        <v>12000000</v>
      </c>
      <c r="R5352">
        <v>0</v>
      </c>
      <c r="S5352">
        <v>0</v>
      </c>
      <c r="T5352" s="1">
        <v>45080.546875</v>
      </c>
    </row>
    <row r="5353" spans="1:20" x14ac:dyDescent="0.4">
      <c r="A5353">
        <v>4</v>
      </c>
      <c r="B5353">
        <v>1006</v>
      </c>
      <c r="C5353">
        <v>1</v>
      </c>
      <c r="D5353">
        <v>1</v>
      </c>
      <c r="E5353">
        <v>1006</v>
      </c>
      <c r="F5353" t="s">
        <v>590</v>
      </c>
      <c r="G5353">
        <v>670</v>
      </c>
      <c r="H5353">
        <v>0</v>
      </c>
      <c r="I5353">
        <v>0</v>
      </c>
      <c r="J5353">
        <v>0</v>
      </c>
      <c r="K5353">
        <v>0</v>
      </c>
      <c r="L5353">
        <v>0</v>
      </c>
      <c r="M5353">
        <v>0</v>
      </c>
      <c r="N5353">
        <v>0</v>
      </c>
      <c r="O5353">
        <v>0</v>
      </c>
      <c r="P5353">
        <v>0</v>
      </c>
      <c r="Q5353">
        <v>0</v>
      </c>
      <c r="R5353">
        <v>0</v>
      </c>
      <c r="S5353">
        <v>0</v>
      </c>
      <c r="T5353" s="1">
        <v>45080.546875</v>
      </c>
    </row>
    <row r="5354" spans="1:20" x14ac:dyDescent="0.4">
      <c r="A5354">
        <v>5</v>
      </c>
      <c r="B5354">
        <v>1036</v>
      </c>
      <c r="C5354">
        <v>1</v>
      </c>
      <c r="D5354">
        <v>1</v>
      </c>
      <c r="E5354">
        <v>1036</v>
      </c>
      <c r="F5354" t="s">
        <v>591</v>
      </c>
      <c r="G5354">
        <v>2418</v>
      </c>
      <c r="H5354">
        <v>0</v>
      </c>
      <c r="I5354">
        <v>0</v>
      </c>
      <c r="J5354">
        <v>0</v>
      </c>
      <c r="K5354">
        <v>0</v>
      </c>
      <c r="L5354">
        <v>0</v>
      </c>
      <c r="M5354">
        <v>0</v>
      </c>
      <c r="N5354">
        <v>0</v>
      </c>
      <c r="O5354">
        <v>0</v>
      </c>
      <c r="P5354">
        <v>0</v>
      </c>
      <c r="Q5354">
        <v>0</v>
      </c>
      <c r="R5354">
        <v>0</v>
      </c>
      <c r="S5354">
        <v>0</v>
      </c>
      <c r="T5354" s="1">
        <v>45080.546875</v>
      </c>
    </row>
    <row r="5355" spans="1:20" x14ac:dyDescent="0.4">
      <c r="A5355">
        <v>6</v>
      </c>
      <c r="B5355">
        <v>1051</v>
      </c>
      <c r="C5355">
        <v>1</v>
      </c>
      <c r="D5355">
        <v>1</v>
      </c>
      <c r="E5355">
        <v>1051</v>
      </c>
      <c r="F5355" t="s">
        <v>592</v>
      </c>
      <c r="G5355">
        <v>858</v>
      </c>
      <c r="H5355">
        <v>0</v>
      </c>
      <c r="I5355">
        <v>0</v>
      </c>
      <c r="J5355">
        <v>0</v>
      </c>
      <c r="K5355">
        <v>0</v>
      </c>
      <c r="L5355">
        <v>0</v>
      </c>
      <c r="M5355">
        <v>0</v>
      </c>
      <c r="N5355">
        <v>0</v>
      </c>
      <c r="O5355">
        <v>0</v>
      </c>
      <c r="P5355">
        <v>0</v>
      </c>
      <c r="Q5355">
        <v>0</v>
      </c>
      <c r="R5355">
        <v>0</v>
      </c>
      <c r="S5355">
        <v>0</v>
      </c>
      <c r="T5355" s="1">
        <v>45080.546875</v>
      </c>
    </row>
    <row r="5356" spans="1:20" x14ac:dyDescent="0.4">
      <c r="A5356">
        <v>7</v>
      </c>
      <c r="B5356">
        <v>1152</v>
      </c>
      <c r="C5356">
        <v>1</v>
      </c>
      <c r="D5356">
        <v>1</v>
      </c>
      <c r="E5356">
        <v>1152</v>
      </c>
      <c r="F5356" t="s">
        <v>593</v>
      </c>
      <c r="G5356">
        <v>979</v>
      </c>
      <c r="H5356">
        <v>0</v>
      </c>
      <c r="I5356">
        <v>0</v>
      </c>
      <c r="J5356">
        <v>0</v>
      </c>
      <c r="K5356">
        <v>0</v>
      </c>
      <c r="L5356">
        <v>0</v>
      </c>
      <c r="M5356">
        <v>0</v>
      </c>
      <c r="N5356">
        <v>0</v>
      </c>
      <c r="O5356">
        <v>0</v>
      </c>
      <c r="P5356">
        <v>0</v>
      </c>
      <c r="Q5356">
        <v>0</v>
      </c>
      <c r="R5356">
        <v>0</v>
      </c>
      <c r="S5356">
        <v>0</v>
      </c>
      <c r="T5356" s="1">
        <v>45080.546875</v>
      </c>
    </row>
    <row r="5357" spans="1:20" x14ac:dyDescent="0.4">
      <c r="A5357">
        <v>8</v>
      </c>
      <c r="B5357">
        <v>1153</v>
      </c>
      <c r="C5357">
        <v>1</v>
      </c>
      <c r="D5357">
        <v>1</v>
      </c>
      <c r="E5357">
        <v>1153</v>
      </c>
      <c r="F5357" t="s">
        <v>594</v>
      </c>
      <c r="G5357">
        <v>549</v>
      </c>
      <c r="H5357">
        <v>0</v>
      </c>
      <c r="I5357">
        <v>0</v>
      </c>
      <c r="J5357">
        <v>0</v>
      </c>
      <c r="K5357">
        <v>0</v>
      </c>
      <c r="L5357">
        <v>0</v>
      </c>
      <c r="M5357">
        <v>0</v>
      </c>
      <c r="N5357">
        <v>0</v>
      </c>
      <c r="O5357">
        <v>0</v>
      </c>
      <c r="P5357">
        <v>0</v>
      </c>
      <c r="Q5357">
        <v>0</v>
      </c>
      <c r="R5357">
        <v>0</v>
      </c>
      <c r="S5357">
        <v>0</v>
      </c>
      <c r="T5357" s="1">
        <v>45080.546875</v>
      </c>
    </row>
    <row r="5358" spans="1:20" x14ac:dyDescent="0.4">
      <c r="A5358">
        <v>9</v>
      </c>
      <c r="B5358">
        <v>1155</v>
      </c>
      <c r="C5358">
        <v>1</v>
      </c>
      <c r="D5358">
        <v>1</v>
      </c>
      <c r="E5358">
        <v>1155</v>
      </c>
      <c r="F5358" t="s">
        <v>595</v>
      </c>
      <c r="G5358">
        <v>462</v>
      </c>
      <c r="H5358">
        <v>0</v>
      </c>
      <c r="I5358">
        <v>0</v>
      </c>
      <c r="J5358">
        <v>0</v>
      </c>
      <c r="K5358">
        <v>0</v>
      </c>
      <c r="L5358">
        <v>0</v>
      </c>
      <c r="M5358">
        <v>0</v>
      </c>
      <c r="N5358">
        <v>0</v>
      </c>
      <c r="O5358">
        <v>0</v>
      </c>
      <c r="P5358">
        <v>0</v>
      </c>
      <c r="Q5358">
        <v>0</v>
      </c>
      <c r="R5358">
        <v>0</v>
      </c>
      <c r="S5358">
        <v>0</v>
      </c>
      <c r="T5358" s="1">
        <v>45080.546875</v>
      </c>
    </row>
    <row r="5359" spans="1:20" x14ac:dyDescent="0.4">
      <c r="A5359">
        <v>10</v>
      </c>
      <c r="B5359">
        <v>1156</v>
      </c>
      <c r="C5359">
        <v>1</v>
      </c>
      <c r="D5359">
        <v>1</v>
      </c>
      <c r="E5359">
        <v>1156</v>
      </c>
      <c r="F5359" t="s">
        <v>596</v>
      </c>
      <c r="G5359">
        <v>1023</v>
      </c>
      <c r="H5359">
        <v>0</v>
      </c>
      <c r="I5359">
        <v>0</v>
      </c>
      <c r="J5359">
        <v>0</v>
      </c>
      <c r="K5359">
        <v>0</v>
      </c>
      <c r="L5359">
        <v>0</v>
      </c>
      <c r="M5359">
        <v>0</v>
      </c>
      <c r="N5359">
        <v>0</v>
      </c>
      <c r="O5359">
        <v>0</v>
      </c>
      <c r="P5359">
        <v>0</v>
      </c>
      <c r="Q5359">
        <v>0</v>
      </c>
      <c r="R5359">
        <v>0</v>
      </c>
      <c r="S5359">
        <v>0</v>
      </c>
      <c r="T5359" s="1">
        <v>45080.546875</v>
      </c>
    </row>
    <row r="5360" spans="1:20" x14ac:dyDescent="0.4">
      <c r="A5360">
        <v>11</v>
      </c>
      <c r="B5360">
        <v>1198</v>
      </c>
      <c r="C5360">
        <v>1</v>
      </c>
      <c r="D5360">
        <v>1</v>
      </c>
      <c r="E5360">
        <v>1198</v>
      </c>
      <c r="F5360" t="s">
        <v>597</v>
      </c>
      <c r="G5360">
        <v>680</v>
      </c>
      <c r="H5360">
        <v>0</v>
      </c>
      <c r="I5360">
        <v>0</v>
      </c>
      <c r="J5360">
        <v>0</v>
      </c>
      <c r="K5360">
        <v>0</v>
      </c>
      <c r="L5360">
        <v>0</v>
      </c>
      <c r="M5360">
        <v>0</v>
      </c>
      <c r="N5360">
        <v>0</v>
      </c>
      <c r="O5360">
        <v>0</v>
      </c>
      <c r="P5360">
        <v>0</v>
      </c>
      <c r="Q5360">
        <v>0</v>
      </c>
      <c r="R5360">
        <v>0</v>
      </c>
      <c r="S5360">
        <v>0</v>
      </c>
      <c r="T5360" s="1">
        <v>45080.546875</v>
      </c>
    </row>
    <row r="5361" spans="1:20" x14ac:dyDescent="0.4">
      <c r="A5361">
        <v>12</v>
      </c>
      <c r="B5361">
        <v>1199</v>
      </c>
      <c r="C5361">
        <v>1</v>
      </c>
      <c r="D5361">
        <v>1</v>
      </c>
      <c r="E5361">
        <v>1199</v>
      </c>
      <c r="F5361" t="s">
        <v>598</v>
      </c>
      <c r="G5361">
        <v>769</v>
      </c>
      <c r="H5361">
        <v>0</v>
      </c>
      <c r="I5361">
        <v>0</v>
      </c>
      <c r="J5361">
        <v>0</v>
      </c>
      <c r="K5361">
        <v>0</v>
      </c>
      <c r="L5361">
        <v>0</v>
      </c>
      <c r="M5361">
        <v>0</v>
      </c>
      <c r="N5361">
        <v>0</v>
      </c>
      <c r="O5361">
        <v>0</v>
      </c>
      <c r="P5361">
        <v>0</v>
      </c>
      <c r="Q5361">
        <v>0</v>
      </c>
      <c r="R5361">
        <v>0</v>
      </c>
      <c r="S5361">
        <v>0</v>
      </c>
      <c r="T5361" s="1">
        <v>45080.546875</v>
      </c>
    </row>
    <row r="5362" spans="1:20" x14ac:dyDescent="0.4">
      <c r="A5362">
        <v>13</v>
      </c>
      <c r="B5362">
        <v>9971</v>
      </c>
      <c r="C5362">
        <v>1</v>
      </c>
      <c r="D5362">
        <v>1</v>
      </c>
      <c r="E5362">
        <v>9971</v>
      </c>
      <c r="F5362" t="s">
        <v>599</v>
      </c>
      <c r="G5362">
        <v>0</v>
      </c>
      <c r="H5362">
        <v>0</v>
      </c>
      <c r="I5362">
        <v>0</v>
      </c>
      <c r="J5362">
        <v>0</v>
      </c>
      <c r="K5362">
        <v>0</v>
      </c>
      <c r="L5362">
        <v>0</v>
      </c>
      <c r="M5362">
        <v>0</v>
      </c>
      <c r="N5362">
        <v>0</v>
      </c>
      <c r="O5362">
        <v>0</v>
      </c>
      <c r="P5362">
        <v>0</v>
      </c>
      <c r="Q5362">
        <v>0</v>
      </c>
      <c r="R5362">
        <v>0</v>
      </c>
      <c r="S5362">
        <v>0</v>
      </c>
      <c r="T5362" s="1">
        <v>45080.546875</v>
      </c>
    </row>
    <row r="5363" spans="1:20" x14ac:dyDescent="0.4">
      <c r="A5363">
        <v>14</v>
      </c>
      <c r="B5363">
        <v>9972</v>
      </c>
      <c r="C5363">
        <v>1</v>
      </c>
      <c r="D5363">
        <v>1</v>
      </c>
      <c r="E5363">
        <v>9972</v>
      </c>
      <c r="F5363" t="s">
        <v>600</v>
      </c>
      <c r="G5363">
        <v>0</v>
      </c>
      <c r="H5363">
        <v>0</v>
      </c>
      <c r="I5363">
        <v>0</v>
      </c>
      <c r="J5363">
        <v>0</v>
      </c>
      <c r="K5363">
        <v>0</v>
      </c>
      <c r="L5363">
        <v>0</v>
      </c>
      <c r="M5363">
        <v>0</v>
      </c>
      <c r="N5363">
        <v>0</v>
      </c>
      <c r="O5363">
        <v>0</v>
      </c>
      <c r="P5363">
        <v>0</v>
      </c>
      <c r="Q5363">
        <v>0</v>
      </c>
      <c r="R5363">
        <v>0</v>
      </c>
      <c r="S5363">
        <v>0</v>
      </c>
      <c r="T5363" s="1">
        <v>45080.546875</v>
      </c>
    </row>
    <row r="5364" spans="1:20" x14ac:dyDescent="0.4">
      <c r="A5364">
        <v>15</v>
      </c>
      <c r="B5364">
        <v>9973</v>
      </c>
      <c r="C5364">
        <v>1</v>
      </c>
      <c r="D5364">
        <v>1</v>
      </c>
      <c r="E5364">
        <v>9973</v>
      </c>
      <c r="F5364" t="s">
        <v>601</v>
      </c>
      <c r="G5364">
        <v>0</v>
      </c>
      <c r="H5364">
        <v>0</v>
      </c>
      <c r="I5364">
        <v>0</v>
      </c>
      <c r="J5364">
        <v>0</v>
      </c>
      <c r="K5364">
        <v>0</v>
      </c>
      <c r="L5364">
        <v>0</v>
      </c>
      <c r="M5364">
        <v>0</v>
      </c>
      <c r="N5364">
        <v>0</v>
      </c>
      <c r="O5364">
        <v>0</v>
      </c>
      <c r="P5364">
        <v>0</v>
      </c>
      <c r="Q5364">
        <v>0</v>
      </c>
      <c r="R5364">
        <v>0</v>
      </c>
      <c r="S5364">
        <v>0</v>
      </c>
      <c r="T5364" s="1">
        <v>45080.546875</v>
      </c>
    </row>
    <row r="5365" spans="1:20" x14ac:dyDescent="0.4">
      <c r="A5365">
        <v>16</v>
      </c>
      <c r="B5365">
        <v>9974</v>
      </c>
      <c r="C5365">
        <v>1</v>
      </c>
      <c r="D5365">
        <v>1</v>
      </c>
      <c r="E5365">
        <v>9974</v>
      </c>
      <c r="F5365" t="s">
        <v>602</v>
      </c>
      <c r="G5365">
        <v>0</v>
      </c>
      <c r="H5365">
        <v>0</v>
      </c>
      <c r="I5365">
        <v>0</v>
      </c>
      <c r="J5365">
        <v>0</v>
      </c>
      <c r="K5365">
        <v>0</v>
      </c>
      <c r="L5365">
        <v>0</v>
      </c>
      <c r="M5365">
        <v>0</v>
      </c>
      <c r="N5365">
        <v>0</v>
      </c>
      <c r="O5365">
        <v>0</v>
      </c>
      <c r="P5365">
        <v>0</v>
      </c>
      <c r="Q5365">
        <v>0</v>
      </c>
      <c r="R5365">
        <v>0</v>
      </c>
      <c r="S5365">
        <v>0</v>
      </c>
      <c r="T5365" s="1">
        <v>45080.546875</v>
      </c>
    </row>
    <row r="5366" spans="1:20" x14ac:dyDescent="0.4">
      <c r="A5366">
        <v>17</v>
      </c>
      <c r="B5366">
        <v>9975</v>
      </c>
      <c r="C5366">
        <v>1</v>
      </c>
      <c r="D5366">
        <v>1</v>
      </c>
      <c r="E5366">
        <v>9975</v>
      </c>
      <c r="F5366" t="s">
        <v>603</v>
      </c>
      <c r="G5366">
        <v>0</v>
      </c>
      <c r="H5366">
        <v>0</v>
      </c>
      <c r="I5366">
        <v>0</v>
      </c>
      <c r="J5366">
        <v>0</v>
      </c>
      <c r="K5366">
        <v>0</v>
      </c>
      <c r="L5366">
        <v>0</v>
      </c>
      <c r="M5366">
        <v>0</v>
      </c>
      <c r="N5366">
        <v>0</v>
      </c>
      <c r="O5366">
        <v>0</v>
      </c>
      <c r="P5366">
        <v>0</v>
      </c>
      <c r="Q5366">
        <v>0</v>
      </c>
      <c r="R5366">
        <v>0</v>
      </c>
      <c r="S5366">
        <v>0</v>
      </c>
      <c r="T5366" s="1">
        <v>45080.546875</v>
      </c>
    </row>
    <row r="5367" spans="1:20" x14ac:dyDescent="0.4">
      <c r="A5367">
        <v>18</v>
      </c>
      <c r="B5367">
        <v>21</v>
      </c>
      <c r="C5367">
        <v>2</v>
      </c>
      <c r="D5367">
        <v>1</v>
      </c>
      <c r="E5367">
        <v>21</v>
      </c>
      <c r="F5367" t="s">
        <v>604</v>
      </c>
      <c r="G5367">
        <v>526</v>
      </c>
      <c r="H5367">
        <v>0</v>
      </c>
      <c r="I5367">
        <v>0</v>
      </c>
      <c r="J5367">
        <v>0</v>
      </c>
      <c r="K5367">
        <v>0</v>
      </c>
      <c r="L5367">
        <v>0</v>
      </c>
      <c r="M5367">
        <v>0</v>
      </c>
      <c r="N5367">
        <v>0</v>
      </c>
      <c r="O5367">
        <v>0</v>
      </c>
      <c r="P5367">
        <v>0</v>
      </c>
      <c r="Q5367">
        <v>12000000</v>
      </c>
      <c r="R5367">
        <v>0</v>
      </c>
      <c r="S5367">
        <v>0</v>
      </c>
      <c r="T5367" s="1">
        <v>45080.546875</v>
      </c>
    </row>
    <row r="5368" spans="1:20" x14ac:dyDescent="0.4">
      <c r="A5368">
        <v>19</v>
      </c>
      <c r="B5368">
        <v>22</v>
      </c>
      <c r="C5368">
        <v>2</v>
      </c>
      <c r="D5368">
        <v>1</v>
      </c>
      <c r="E5368">
        <v>22</v>
      </c>
      <c r="F5368" t="s">
        <v>605</v>
      </c>
      <c r="G5368">
        <v>649</v>
      </c>
      <c r="H5368">
        <v>0</v>
      </c>
      <c r="I5368">
        <v>0</v>
      </c>
      <c r="J5368">
        <v>0</v>
      </c>
      <c r="K5368">
        <v>0</v>
      </c>
      <c r="L5368">
        <v>0</v>
      </c>
      <c r="M5368">
        <v>0</v>
      </c>
      <c r="N5368">
        <v>0</v>
      </c>
      <c r="O5368">
        <v>0</v>
      </c>
      <c r="P5368">
        <v>0</v>
      </c>
      <c r="Q5368">
        <v>2000000</v>
      </c>
      <c r="R5368">
        <v>0</v>
      </c>
      <c r="S5368">
        <v>0</v>
      </c>
      <c r="T5368" s="1">
        <v>45080.546875</v>
      </c>
    </row>
    <row r="5369" spans="1:20" x14ac:dyDescent="0.4">
      <c r="A5369">
        <v>20</v>
      </c>
      <c r="B5369">
        <v>23</v>
      </c>
      <c r="C5369">
        <v>2</v>
      </c>
      <c r="D5369">
        <v>1</v>
      </c>
      <c r="E5369">
        <v>23</v>
      </c>
      <c r="F5369" t="s">
        <v>606</v>
      </c>
      <c r="G5369">
        <v>792</v>
      </c>
      <c r="H5369">
        <v>0</v>
      </c>
      <c r="I5369">
        <v>0</v>
      </c>
      <c r="J5369">
        <v>0</v>
      </c>
      <c r="K5369">
        <v>0</v>
      </c>
      <c r="L5369">
        <v>0</v>
      </c>
      <c r="M5369">
        <v>0</v>
      </c>
      <c r="N5369">
        <v>0</v>
      </c>
      <c r="O5369">
        <v>0</v>
      </c>
      <c r="P5369">
        <v>0</v>
      </c>
      <c r="Q5369">
        <v>12000000</v>
      </c>
      <c r="R5369">
        <v>0</v>
      </c>
      <c r="S5369">
        <v>0</v>
      </c>
      <c r="T5369" s="1">
        <v>45080.546875</v>
      </c>
    </row>
    <row r="5370" spans="1:20" x14ac:dyDescent="0.4">
      <c r="A5370">
        <v>21</v>
      </c>
      <c r="B5370">
        <v>24</v>
      </c>
      <c r="C5370">
        <v>2</v>
      </c>
      <c r="D5370">
        <v>1</v>
      </c>
      <c r="E5370">
        <v>24</v>
      </c>
      <c r="F5370" t="s">
        <v>607</v>
      </c>
      <c r="G5370">
        <v>506</v>
      </c>
      <c r="H5370">
        <v>0</v>
      </c>
      <c r="I5370">
        <v>0</v>
      </c>
      <c r="J5370">
        <v>0</v>
      </c>
      <c r="K5370">
        <v>0</v>
      </c>
      <c r="L5370">
        <v>0</v>
      </c>
      <c r="M5370">
        <v>0</v>
      </c>
      <c r="N5370">
        <v>0</v>
      </c>
      <c r="O5370">
        <v>0</v>
      </c>
      <c r="P5370">
        <v>0</v>
      </c>
      <c r="Q5370">
        <v>12000000</v>
      </c>
      <c r="R5370">
        <v>0</v>
      </c>
      <c r="S5370">
        <v>0</v>
      </c>
      <c r="T5370" s="1">
        <v>45080.546875</v>
      </c>
    </row>
    <row r="5371" spans="1:20" x14ac:dyDescent="0.4">
      <c r="A5371">
        <v>22</v>
      </c>
      <c r="B5371">
        <v>25</v>
      </c>
      <c r="C5371">
        <v>2</v>
      </c>
      <c r="D5371">
        <v>1</v>
      </c>
      <c r="E5371">
        <v>25</v>
      </c>
      <c r="F5371" t="s">
        <v>608</v>
      </c>
      <c r="G5371">
        <v>528</v>
      </c>
      <c r="H5371">
        <v>0</v>
      </c>
      <c r="I5371">
        <v>0</v>
      </c>
      <c r="J5371">
        <v>0</v>
      </c>
      <c r="K5371">
        <v>0</v>
      </c>
      <c r="L5371">
        <v>0</v>
      </c>
      <c r="M5371">
        <v>0</v>
      </c>
      <c r="N5371">
        <v>0</v>
      </c>
      <c r="O5371">
        <v>0</v>
      </c>
      <c r="P5371">
        <v>0</v>
      </c>
      <c r="Q5371">
        <v>2000000</v>
      </c>
      <c r="R5371">
        <v>0</v>
      </c>
      <c r="S5371">
        <v>0</v>
      </c>
      <c r="T5371" s="1">
        <v>45080.546875</v>
      </c>
    </row>
    <row r="5372" spans="1:20" x14ac:dyDescent="0.4">
      <c r="A5372">
        <v>23</v>
      </c>
      <c r="B5372">
        <v>26</v>
      </c>
      <c r="C5372">
        <v>2</v>
      </c>
      <c r="D5372">
        <v>1</v>
      </c>
      <c r="E5372">
        <v>26</v>
      </c>
      <c r="F5372" t="s">
        <v>609</v>
      </c>
      <c r="G5372">
        <v>528</v>
      </c>
      <c r="H5372">
        <v>0</v>
      </c>
      <c r="I5372">
        <v>0</v>
      </c>
      <c r="J5372">
        <v>0</v>
      </c>
      <c r="K5372">
        <v>0</v>
      </c>
      <c r="L5372">
        <v>0</v>
      </c>
      <c r="M5372">
        <v>0</v>
      </c>
      <c r="N5372">
        <v>0</v>
      </c>
      <c r="O5372">
        <v>0</v>
      </c>
      <c r="P5372">
        <v>0</v>
      </c>
      <c r="Q5372">
        <v>2000000</v>
      </c>
      <c r="R5372">
        <v>0</v>
      </c>
      <c r="S5372">
        <v>0</v>
      </c>
      <c r="T5372" s="1">
        <v>45080.546875</v>
      </c>
    </row>
    <row r="5373" spans="1:20" x14ac:dyDescent="0.4">
      <c r="A5373">
        <v>24</v>
      </c>
      <c r="B5373">
        <v>27</v>
      </c>
      <c r="C5373">
        <v>2</v>
      </c>
      <c r="D5373">
        <v>1</v>
      </c>
      <c r="E5373">
        <v>27</v>
      </c>
      <c r="F5373" t="s">
        <v>610</v>
      </c>
      <c r="G5373">
        <v>495</v>
      </c>
      <c r="H5373">
        <v>0</v>
      </c>
      <c r="I5373">
        <v>0</v>
      </c>
      <c r="J5373">
        <v>0</v>
      </c>
      <c r="K5373">
        <v>0</v>
      </c>
      <c r="L5373">
        <v>0</v>
      </c>
      <c r="M5373">
        <v>0</v>
      </c>
      <c r="N5373">
        <v>0</v>
      </c>
      <c r="O5373">
        <v>0</v>
      </c>
      <c r="P5373">
        <v>0</v>
      </c>
      <c r="Q5373">
        <v>12000000</v>
      </c>
      <c r="R5373">
        <v>0</v>
      </c>
      <c r="S5373">
        <v>0</v>
      </c>
      <c r="T5373" s="1">
        <v>45080.546875</v>
      </c>
    </row>
    <row r="5374" spans="1:20" x14ac:dyDescent="0.4">
      <c r="A5374">
        <v>25</v>
      </c>
      <c r="B5374">
        <v>28</v>
      </c>
      <c r="C5374">
        <v>2</v>
      </c>
      <c r="D5374">
        <v>1</v>
      </c>
      <c r="E5374">
        <v>28</v>
      </c>
      <c r="F5374" t="s">
        <v>611</v>
      </c>
      <c r="G5374">
        <v>517</v>
      </c>
      <c r="H5374">
        <v>0</v>
      </c>
      <c r="I5374">
        <v>0</v>
      </c>
      <c r="J5374">
        <v>0</v>
      </c>
      <c r="K5374">
        <v>0</v>
      </c>
      <c r="L5374">
        <v>0</v>
      </c>
      <c r="M5374">
        <v>0</v>
      </c>
      <c r="N5374">
        <v>0</v>
      </c>
      <c r="O5374">
        <v>0</v>
      </c>
      <c r="P5374">
        <v>0</v>
      </c>
      <c r="Q5374">
        <v>2000000</v>
      </c>
      <c r="R5374">
        <v>0</v>
      </c>
      <c r="S5374">
        <v>0</v>
      </c>
      <c r="T5374" s="1">
        <v>45080.546875</v>
      </c>
    </row>
    <row r="5375" spans="1:20" x14ac:dyDescent="0.4">
      <c r="A5375">
        <v>26</v>
      </c>
      <c r="B5375">
        <v>29</v>
      </c>
      <c r="C5375">
        <v>2</v>
      </c>
      <c r="D5375">
        <v>1</v>
      </c>
      <c r="E5375">
        <v>29</v>
      </c>
      <c r="F5375" t="s">
        <v>612</v>
      </c>
      <c r="G5375">
        <v>517</v>
      </c>
      <c r="H5375">
        <v>0</v>
      </c>
      <c r="I5375">
        <v>0</v>
      </c>
      <c r="J5375">
        <v>0</v>
      </c>
      <c r="K5375">
        <v>0</v>
      </c>
      <c r="L5375">
        <v>0</v>
      </c>
      <c r="M5375">
        <v>0</v>
      </c>
      <c r="N5375">
        <v>0</v>
      </c>
      <c r="O5375">
        <v>0</v>
      </c>
      <c r="P5375">
        <v>0</v>
      </c>
      <c r="Q5375">
        <v>2000000</v>
      </c>
      <c r="R5375">
        <v>0</v>
      </c>
      <c r="S5375">
        <v>0</v>
      </c>
      <c r="T5375" s="1">
        <v>45080.546875</v>
      </c>
    </row>
    <row r="5376" spans="1:20" x14ac:dyDescent="0.4">
      <c r="A5376">
        <v>27</v>
      </c>
      <c r="B5376">
        <v>30</v>
      </c>
      <c r="C5376">
        <v>2</v>
      </c>
      <c r="D5376">
        <v>1</v>
      </c>
      <c r="E5376">
        <v>30</v>
      </c>
      <c r="F5376" t="s">
        <v>613</v>
      </c>
      <c r="G5376">
        <v>483</v>
      </c>
      <c r="H5376">
        <v>0</v>
      </c>
      <c r="I5376">
        <v>0</v>
      </c>
      <c r="J5376">
        <v>0</v>
      </c>
      <c r="K5376">
        <v>0</v>
      </c>
      <c r="L5376">
        <v>0</v>
      </c>
      <c r="M5376">
        <v>0</v>
      </c>
      <c r="N5376">
        <v>0</v>
      </c>
      <c r="O5376">
        <v>0</v>
      </c>
      <c r="P5376">
        <v>0</v>
      </c>
      <c r="Q5376">
        <v>12000000</v>
      </c>
      <c r="R5376">
        <v>0</v>
      </c>
      <c r="S5376">
        <v>0</v>
      </c>
      <c r="T5376" s="1">
        <v>45080.546875</v>
      </c>
    </row>
    <row r="5377" spans="1:20" x14ac:dyDescent="0.4">
      <c r="A5377">
        <v>28</v>
      </c>
      <c r="B5377">
        <v>31</v>
      </c>
      <c r="C5377">
        <v>2</v>
      </c>
      <c r="D5377">
        <v>1</v>
      </c>
      <c r="E5377">
        <v>31</v>
      </c>
      <c r="F5377" t="s">
        <v>614</v>
      </c>
      <c r="G5377">
        <v>515</v>
      </c>
      <c r="H5377">
        <v>0</v>
      </c>
      <c r="I5377">
        <v>0</v>
      </c>
      <c r="J5377">
        <v>0</v>
      </c>
      <c r="K5377">
        <v>0</v>
      </c>
      <c r="L5377">
        <v>0</v>
      </c>
      <c r="M5377">
        <v>0</v>
      </c>
      <c r="N5377">
        <v>0</v>
      </c>
      <c r="O5377">
        <v>0</v>
      </c>
      <c r="P5377">
        <v>0</v>
      </c>
      <c r="Q5377">
        <v>2000000</v>
      </c>
      <c r="R5377">
        <v>0</v>
      </c>
      <c r="S5377">
        <v>0</v>
      </c>
      <c r="T5377" s="1">
        <v>45080.546875</v>
      </c>
    </row>
    <row r="5378" spans="1:20" x14ac:dyDescent="0.4">
      <c r="A5378">
        <v>29</v>
      </c>
      <c r="B5378">
        <v>51</v>
      </c>
      <c r="C5378">
        <v>3</v>
      </c>
      <c r="D5378">
        <v>1</v>
      </c>
      <c r="E5378">
        <v>51</v>
      </c>
      <c r="F5378" t="s">
        <v>92</v>
      </c>
      <c r="G5378">
        <v>526</v>
      </c>
      <c r="H5378">
        <v>0</v>
      </c>
      <c r="I5378">
        <v>0</v>
      </c>
      <c r="J5378">
        <v>0</v>
      </c>
      <c r="K5378">
        <v>0</v>
      </c>
      <c r="L5378">
        <v>0</v>
      </c>
      <c r="M5378">
        <v>0</v>
      </c>
      <c r="N5378">
        <v>0</v>
      </c>
      <c r="O5378">
        <v>0</v>
      </c>
      <c r="P5378">
        <v>0</v>
      </c>
      <c r="Q5378">
        <v>12000000</v>
      </c>
      <c r="R5378">
        <v>0</v>
      </c>
      <c r="S5378">
        <v>0</v>
      </c>
      <c r="T5378" s="1">
        <v>45080.546875</v>
      </c>
    </row>
    <row r="5379" spans="1:20" x14ac:dyDescent="0.4">
      <c r="A5379">
        <v>30</v>
      </c>
      <c r="B5379">
        <v>52</v>
      </c>
      <c r="C5379">
        <v>3</v>
      </c>
      <c r="D5379">
        <v>1</v>
      </c>
      <c r="E5379">
        <v>52</v>
      </c>
      <c r="F5379" t="s">
        <v>615</v>
      </c>
      <c r="G5379">
        <v>526</v>
      </c>
      <c r="H5379">
        <v>0</v>
      </c>
      <c r="I5379">
        <v>0</v>
      </c>
      <c r="J5379">
        <v>0</v>
      </c>
      <c r="K5379">
        <v>0</v>
      </c>
      <c r="L5379">
        <v>0</v>
      </c>
      <c r="M5379">
        <v>0</v>
      </c>
      <c r="N5379">
        <v>0</v>
      </c>
      <c r="O5379">
        <v>0</v>
      </c>
      <c r="P5379">
        <v>0</v>
      </c>
      <c r="Q5379">
        <v>12000000</v>
      </c>
      <c r="R5379">
        <v>0</v>
      </c>
      <c r="S5379">
        <v>0</v>
      </c>
      <c r="T5379" s="1">
        <v>45080.546875</v>
      </c>
    </row>
    <row r="5380" spans="1:20" x14ac:dyDescent="0.4">
      <c r="A5380">
        <v>31</v>
      </c>
      <c r="B5380">
        <v>53</v>
      </c>
      <c r="C5380">
        <v>3</v>
      </c>
      <c r="D5380">
        <v>1</v>
      </c>
      <c r="E5380">
        <v>53</v>
      </c>
      <c r="F5380" t="s">
        <v>616</v>
      </c>
      <c r="G5380">
        <v>526</v>
      </c>
      <c r="H5380">
        <v>0</v>
      </c>
      <c r="I5380">
        <v>0</v>
      </c>
      <c r="J5380">
        <v>0</v>
      </c>
      <c r="K5380">
        <v>0</v>
      </c>
      <c r="L5380">
        <v>0</v>
      </c>
      <c r="M5380">
        <v>0</v>
      </c>
      <c r="N5380">
        <v>0</v>
      </c>
      <c r="O5380">
        <v>0</v>
      </c>
      <c r="P5380">
        <v>0</v>
      </c>
      <c r="Q5380">
        <v>12000000</v>
      </c>
      <c r="R5380">
        <v>0</v>
      </c>
      <c r="S5380">
        <v>0</v>
      </c>
      <c r="T5380" s="1">
        <v>45080.546875</v>
      </c>
    </row>
    <row r="5381" spans="1:20" x14ac:dyDescent="0.4">
      <c r="A5381">
        <v>32</v>
      </c>
      <c r="B5381">
        <v>61</v>
      </c>
      <c r="C5381">
        <v>3</v>
      </c>
      <c r="D5381">
        <v>1</v>
      </c>
      <c r="E5381">
        <v>61</v>
      </c>
      <c r="F5381" t="s">
        <v>617</v>
      </c>
      <c r="G5381">
        <v>746</v>
      </c>
      <c r="H5381">
        <v>0</v>
      </c>
      <c r="I5381">
        <v>0</v>
      </c>
      <c r="J5381">
        <v>0</v>
      </c>
      <c r="K5381">
        <v>0</v>
      </c>
      <c r="L5381">
        <v>0</v>
      </c>
      <c r="M5381">
        <v>0</v>
      </c>
      <c r="N5381">
        <v>0</v>
      </c>
      <c r="O5381">
        <v>0</v>
      </c>
      <c r="P5381">
        <v>0</v>
      </c>
      <c r="Q5381">
        <v>12000000</v>
      </c>
      <c r="R5381">
        <v>0</v>
      </c>
      <c r="S5381">
        <v>0</v>
      </c>
      <c r="T5381" s="1">
        <v>45080.546875</v>
      </c>
    </row>
    <row r="5382" spans="1:20" x14ac:dyDescent="0.4">
      <c r="A5382">
        <v>33</v>
      </c>
      <c r="B5382">
        <v>62</v>
      </c>
      <c r="C5382">
        <v>3</v>
      </c>
      <c r="D5382">
        <v>1</v>
      </c>
      <c r="E5382">
        <v>62</v>
      </c>
      <c r="F5382" t="s">
        <v>618</v>
      </c>
      <c r="G5382">
        <v>746</v>
      </c>
      <c r="H5382">
        <v>0</v>
      </c>
      <c r="I5382">
        <v>0</v>
      </c>
      <c r="J5382">
        <v>0</v>
      </c>
      <c r="K5382">
        <v>0</v>
      </c>
      <c r="L5382">
        <v>0</v>
      </c>
      <c r="M5382">
        <v>0</v>
      </c>
      <c r="N5382">
        <v>0</v>
      </c>
      <c r="O5382">
        <v>0</v>
      </c>
      <c r="P5382">
        <v>0</v>
      </c>
      <c r="Q5382">
        <v>12000000</v>
      </c>
      <c r="R5382">
        <v>0</v>
      </c>
      <c r="S5382">
        <v>0</v>
      </c>
      <c r="T5382" s="1">
        <v>45080.546875</v>
      </c>
    </row>
    <row r="5383" spans="1:20" x14ac:dyDescent="0.4">
      <c r="A5383">
        <v>34</v>
      </c>
      <c r="B5383">
        <v>63</v>
      </c>
      <c r="C5383">
        <v>3</v>
      </c>
      <c r="D5383">
        <v>1</v>
      </c>
      <c r="E5383">
        <v>63</v>
      </c>
      <c r="F5383" t="s">
        <v>619</v>
      </c>
      <c r="G5383">
        <v>746</v>
      </c>
      <c r="H5383">
        <v>0</v>
      </c>
      <c r="I5383">
        <v>0</v>
      </c>
      <c r="J5383">
        <v>0</v>
      </c>
      <c r="K5383">
        <v>0</v>
      </c>
      <c r="L5383">
        <v>0</v>
      </c>
      <c r="M5383">
        <v>0</v>
      </c>
      <c r="N5383">
        <v>0</v>
      </c>
      <c r="O5383">
        <v>0</v>
      </c>
      <c r="P5383">
        <v>0</v>
      </c>
      <c r="Q5383">
        <v>12000000</v>
      </c>
      <c r="R5383">
        <v>0</v>
      </c>
      <c r="S5383">
        <v>0</v>
      </c>
      <c r="T5383" s="1">
        <v>45080.546875</v>
      </c>
    </row>
    <row r="5384" spans="1:20" x14ac:dyDescent="0.4">
      <c r="A5384">
        <v>35</v>
      </c>
      <c r="B5384">
        <v>71</v>
      </c>
      <c r="C5384">
        <v>3</v>
      </c>
      <c r="D5384">
        <v>1</v>
      </c>
      <c r="E5384">
        <v>71</v>
      </c>
      <c r="F5384" t="s">
        <v>620</v>
      </c>
      <c r="G5384">
        <v>649</v>
      </c>
      <c r="H5384">
        <v>0</v>
      </c>
      <c r="I5384">
        <v>0</v>
      </c>
      <c r="J5384">
        <v>0</v>
      </c>
      <c r="K5384">
        <v>0</v>
      </c>
      <c r="L5384">
        <v>0</v>
      </c>
      <c r="M5384">
        <v>0</v>
      </c>
      <c r="N5384">
        <v>0</v>
      </c>
      <c r="O5384">
        <v>0</v>
      </c>
      <c r="P5384">
        <v>0</v>
      </c>
      <c r="Q5384">
        <v>2000000</v>
      </c>
      <c r="R5384">
        <v>0</v>
      </c>
      <c r="S5384">
        <v>0</v>
      </c>
      <c r="T5384" s="1">
        <v>45080.546875</v>
      </c>
    </row>
    <row r="5385" spans="1:20" x14ac:dyDescent="0.4">
      <c r="A5385">
        <v>36</v>
      </c>
      <c r="B5385">
        <v>72</v>
      </c>
      <c r="C5385">
        <v>3</v>
      </c>
      <c r="D5385">
        <v>1</v>
      </c>
      <c r="E5385">
        <v>72</v>
      </c>
      <c r="F5385" t="s">
        <v>621</v>
      </c>
      <c r="G5385">
        <v>649</v>
      </c>
      <c r="H5385">
        <v>0</v>
      </c>
      <c r="I5385">
        <v>0</v>
      </c>
      <c r="J5385">
        <v>0</v>
      </c>
      <c r="K5385">
        <v>0</v>
      </c>
      <c r="L5385">
        <v>0</v>
      </c>
      <c r="M5385">
        <v>0</v>
      </c>
      <c r="N5385">
        <v>0</v>
      </c>
      <c r="O5385">
        <v>0</v>
      </c>
      <c r="P5385">
        <v>0</v>
      </c>
      <c r="Q5385">
        <v>2000000</v>
      </c>
      <c r="R5385">
        <v>0</v>
      </c>
      <c r="S5385">
        <v>0</v>
      </c>
      <c r="T5385" s="1">
        <v>45080.546875</v>
      </c>
    </row>
    <row r="5386" spans="1:20" x14ac:dyDescent="0.4">
      <c r="A5386">
        <v>37</v>
      </c>
      <c r="B5386">
        <v>73</v>
      </c>
      <c r="C5386">
        <v>3</v>
      </c>
      <c r="D5386">
        <v>1</v>
      </c>
      <c r="E5386">
        <v>73</v>
      </c>
      <c r="F5386" t="s">
        <v>622</v>
      </c>
      <c r="G5386">
        <v>649</v>
      </c>
      <c r="H5386">
        <v>0</v>
      </c>
      <c r="I5386">
        <v>0</v>
      </c>
      <c r="J5386">
        <v>0</v>
      </c>
      <c r="K5386">
        <v>0</v>
      </c>
      <c r="L5386">
        <v>0</v>
      </c>
      <c r="M5386">
        <v>0</v>
      </c>
      <c r="N5386">
        <v>0</v>
      </c>
      <c r="O5386">
        <v>0</v>
      </c>
      <c r="P5386">
        <v>0</v>
      </c>
      <c r="Q5386">
        <v>2000000</v>
      </c>
      <c r="R5386">
        <v>0</v>
      </c>
      <c r="S5386">
        <v>0</v>
      </c>
      <c r="T5386" s="1">
        <v>45080.546875</v>
      </c>
    </row>
    <row r="5387" spans="1:20" x14ac:dyDescent="0.4">
      <c r="A5387">
        <v>38</v>
      </c>
      <c r="B5387">
        <v>81</v>
      </c>
      <c r="C5387">
        <v>3</v>
      </c>
      <c r="D5387">
        <v>1</v>
      </c>
      <c r="E5387">
        <v>81</v>
      </c>
      <c r="F5387" t="s">
        <v>623</v>
      </c>
      <c r="G5387">
        <v>869</v>
      </c>
      <c r="H5387">
        <v>0</v>
      </c>
      <c r="I5387">
        <v>0</v>
      </c>
      <c r="J5387">
        <v>0</v>
      </c>
      <c r="K5387">
        <v>0</v>
      </c>
      <c r="L5387">
        <v>0</v>
      </c>
      <c r="M5387">
        <v>0</v>
      </c>
      <c r="N5387">
        <v>0</v>
      </c>
      <c r="O5387">
        <v>0</v>
      </c>
      <c r="P5387">
        <v>0</v>
      </c>
      <c r="Q5387">
        <v>2000000</v>
      </c>
      <c r="R5387">
        <v>0</v>
      </c>
      <c r="S5387">
        <v>0</v>
      </c>
      <c r="T5387" s="1">
        <v>45080.546875</v>
      </c>
    </row>
    <row r="5388" spans="1:20" x14ac:dyDescent="0.4">
      <c r="A5388">
        <v>39</v>
      </c>
      <c r="B5388">
        <v>82</v>
      </c>
      <c r="C5388">
        <v>3</v>
      </c>
      <c r="D5388">
        <v>1</v>
      </c>
      <c r="E5388">
        <v>82</v>
      </c>
      <c r="F5388" t="s">
        <v>624</v>
      </c>
      <c r="G5388">
        <v>869</v>
      </c>
      <c r="H5388">
        <v>0</v>
      </c>
      <c r="I5388">
        <v>0</v>
      </c>
      <c r="J5388">
        <v>0</v>
      </c>
      <c r="K5388">
        <v>0</v>
      </c>
      <c r="L5388">
        <v>0</v>
      </c>
      <c r="M5388">
        <v>0</v>
      </c>
      <c r="N5388">
        <v>0</v>
      </c>
      <c r="O5388">
        <v>0</v>
      </c>
      <c r="P5388">
        <v>0</v>
      </c>
      <c r="Q5388">
        <v>2000000</v>
      </c>
      <c r="R5388">
        <v>0</v>
      </c>
      <c r="S5388">
        <v>0</v>
      </c>
      <c r="T5388" s="1">
        <v>45080.546875</v>
      </c>
    </row>
    <row r="5389" spans="1:20" x14ac:dyDescent="0.4">
      <c r="A5389">
        <v>40</v>
      </c>
      <c r="B5389">
        <v>83</v>
      </c>
      <c r="C5389">
        <v>3</v>
      </c>
      <c r="D5389">
        <v>1</v>
      </c>
      <c r="E5389">
        <v>83</v>
      </c>
      <c r="F5389" t="s">
        <v>625</v>
      </c>
      <c r="G5389">
        <v>869</v>
      </c>
      <c r="H5389">
        <v>0</v>
      </c>
      <c r="I5389">
        <v>0</v>
      </c>
      <c r="J5389">
        <v>0</v>
      </c>
      <c r="K5389">
        <v>0</v>
      </c>
      <c r="L5389">
        <v>0</v>
      </c>
      <c r="M5389">
        <v>0</v>
      </c>
      <c r="N5389">
        <v>0</v>
      </c>
      <c r="O5389">
        <v>0</v>
      </c>
      <c r="P5389">
        <v>0</v>
      </c>
      <c r="Q5389">
        <v>2000000</v>
      </c>
      <c r="R5389">
        <v>0</v>
      </c>
      <c r="S5389">
        <v>0</v>
      </c>
      <c r="T5389" s="1">
        <v>45080.546875</v>
      </c>
    </row>
    <row r="5390" spans="1:20" x14ac:dyDescent="0.4">
      <c r="A5390">
        <v>41</v>
      </c>
      <c r="B5390">
        <v>91</v>
      </c>
      <c r="C5390">
        <v>4</v>
      </c>
      <c r="D5390">
        <v>1</v>
      </c>
      <c r="E5390">
        <v>91</v>
      </c>
      <c r="F5390" t="s">
        <v>87</v>
      </c>
      <c r="G5390">
        <v>495</v>
      </c>
      <c r="H5390">
        <v>0</v>
      </c>
      <c r="I5390">
        <v>0</v>
      </c>
      <c r="J5390">
        <v>0</v>
      </c>
      <c r="K5390">
        <v>0</v>
      </c>
      <c r="L5390">
        <v>0</v>
      </c>
      <c r="M5390">
        <v>0</v>
      </c>
      <c r="N5390">
        <v>0</v>
      </c>
      <c r="O5390">
        <v>0</v>
      </c>
      <c r="P5390">
        <v>0</v>
      </c>
      <c r="Q5390">
        <v>12000000</v>
      </c>
      <c r="R5390">
        <v>0</v>
      </c>
      <c r="S5390">
        <v>0</v>
      </c>
      <c r="T5390" s="1">
        <v>45080.546875</v>
      </c>
    </row>
    <row r="5391" spans="1:20" x14ac:dyDescent="0.4">
      <c r="A5391">
        <v>42</v>
      </c>
      <c r="B5391">
        <v>92</v>
      </c>
      <c r="C5391">
        <v>4</v>
      </c>
      <c r="D5391">
        <v>1</v>
      </c>
      <c r="E5391">
        <v>92</v>
      </c>
      <c r="F5391" t="s">
        <v>626</v>
      </c>
      <c r="G5391">
        <v>516</v>
      </c>
      <c r="H5391">
        <v>0</v>
      </c>
      <c r="I5391">
        <v>0</v>
      </c>
      <c r="J5391">
        <v>0</v>
      </c>
      <c r="K5391">
        <v>0</v>
      </c>
      <c r="L5391">
        <v>0</v>
      </c>
      <c r="M5391">
        <v>0</v>
      </c>
      <c r="N5391">
        <v>0</v>
      </c>
      <c r="O5391">
        <v>0</v>
      </c>
      <c r="P5391">
        <v>0</v>
      </c>
      <c r="Q5391">
        <v>12000000</v>
      </c>
      <c r="R5391">
        <v>0</v>
      </c>
      <c r="S5391">
        <v>0</v>
      </c>
      <c r="T5391" s="1">
        <v>45080.546875</v>
      </c>
    </row>
    <row r="5392" spans="1:20" x14ac:dyDescent="0.4">
      <c r="A5392">
        <v>43</v>
      </c>
      <c r="B5392">
        <v>93</v>
      </c>
      <c r="C5392">
        <v>4</v>
      </c>
      <c r="D5392">
        <v>1</v>
      </c>
      <c r="E5392">
        <v>93</v>
      </c>
      <c r="F5392" t="s">
        <v>627</v>
      </c>
      <c r="G5392">
        <v>516</v>
      </c>
      <c r="H5392">
        <v>0</v>
      </c>
      <c r="I5392">
        <v>0</v>
      </c>
      <c r="J5392">
        <v>0</v>
      </c>
      <c r="K5392">
        <v>0</v>
      </c>
      <c r="L5392">
        <v>0</v>
      </c>
      <c r="M5392">
        <v>0</v>
      </c>
      <c r="N5392">
        <v>0</v>
      </c>
      <c r="O5392">
        <v>0</v>
      </c>
      <c r="P5392">
        <v>0</v>
      </c>
      <c r="Q5392">
        <v>12000000</v>
      </c>
      <c r="R5392">
        <v>0</v>
      </c>
      <c r="S5392">
        <v>0</v>
      </c>
      <c r="T5392" s="1">
        <v>45080.546875</v>
      </c>
    </row>
    <row r="5393" spans="1:20" x14ac:dyDescent="0.4">
      <c r="A5393">
        <v>44</v>
      </c>
      <c r="B5393">
        <v>94</v>
      </c>
      <c r="C5393">
        <v>4</v>
      </c>
      <c r="D5393">
        <v>1</v>
      </c>
      <c r="E5393">
        <v>94</v>
      </c>
      <c r="F5393" t="s">
        <v>628</v>
      </c>
      <c r="G5393">
        <v>516</v>
      </c>
      <c r="H5393">
        <v>0</v>
      </c>
      <c r="I5393">
        <v>0</v>
      </c>
      <c r="J5393">
        <v>0</v>
      </c>
      <c r="K5393">
        <v>0</v>
      </c>
      <c r="L5393">
        <v>0</v>
      </c>
      <c r="M5393">
        <v>0</v>
      </c>
      <c r="N5393">
        <v>0</v>
      </c>
      <c r="O5393">
        <v>0</v>
      </c>
      <c r="P5393">
        <v>0</v>
      </c>
      <c r="Q5393">
        <v>12000000</v>
      </c>
      <c r="R5393">
        <v>0</v>
      </c>
      <c r="S5393">
        <v>0</v>
      </c>
      <c r="T5393" s="1">
        <v>45080.546875</v>
      </c>
    </row>
    <row r="5394" spans="1:20" x14ac:dyDescent="0.4">
      <c r="A5394">
        <v>45</v>
      </c>
      <c r="B5394">
        <v>95</v>
      </c>
      <c r="C5394">
        <v>4</v>
      </c>
      <c r="D5394">
        <v>1</v>
      </c>
      <c r="E5394">
        <v>95</v>
      </c>
      <c r="F5394" t="s">
        <v>629</v>
      </c>
      <c r="G5394">
        <v>516</v>
      </c>
      <c r="H5394">
        <v>0</v>
      </c>
      <c r="I5394">
        <v>0</v>
      </c>
      <c r="J5394">
        <v>0</v>
      </c>
      <c r="K5394">
        <v>0</v>
      </c>
      <c r="L5394">
        <v>0</v>
      </c>
      <c r="M5394">
        <v>0</v>
      </c>
      <c r="N5394">
        <v>0</v>
      </c>
      <c r="O5394">
        <v>0</v>
      </c>
      <c r="P5394">
        <v>0</v>
      </c>
      <c r="Q5394">
        <v>12000000</v>
      </c>
      <c r="R5394">
        <v>0</v>
      </c>
      <c r="S5394">
        <v>0</v>
      </c>
      <c r="T5394" s="1">
        <v>45080.546875</v>
      </c>
    </row>
    <row r="5395" spans="1:20" x14ac:dyDescent="0.4">
      <c r="A5395">
        <v>46</v>
      </c>
      <c r="B5395">
        <v>96</v>
      </c>
      <c r="C5395">
        <v>4</v>
      </c>
      <c r="D5395">
        <v>1</v>
      </c>
      <c r="E5395">
        <v>96</v>
      </c>
      <c r="F5395" t="s">
        <v>630</v>
      </c>
      <c r="G5395">
        <v>516</v>
      </c>
      <c r="H5395">
        <v>0</v>
      </c>
      <c r="I5395">
        <v>0</v>
      </c>
      <c r="J5395">
        <v>0</v>
      </c>
      <c r="K5395">
        <v>0</v>
      </c>
      <c r="L5395">
        <v>0</v>
      </c>
      <c r="M5395">
        <v>0</v>
      </c>
      <c r="N5395">
        <v>0</v>
      </c>
      <c r="O5395">
        <v>0</v>
      </c>
      <c r="P5395">
        <v>0</v>
      </c>
      <c r="Q5395">
        <v>12000000</v>
      </c>
      <c r="R5395">
        <v>0</v>
      </c>
      <c r="S5395">
        <v>0</v>
      </c>
      <c r="T5395" s="1">
        <v>45080.546875</v>
      </c>
    </row>
    <row r="5396" spans="1:20" x14ac:dyDescent="0.4">
      <c r="A5396">
        <v>47</v>
      </c>
      <c r="B5396">
        <v>97</v>
      </c>
      <c r="C5396">
        <v>4</v>
      </c>
      <c r="D5396">
        <v>1</v>
      </c>
      <c r="E5396">
        <v>97</v>
      </c>
      <c r="F5396" t="s">
        <v>631</v>
      </c>
      <c r="G5396">
        <v>495</v>
      </c>
      <c r="H5396">
        <v>0</v>
      </c>
      <c r="I5396">
        <v>0</v>
      </c>
      <c r="J5396">
        <v>0</v>
      </c>
      <c r="K5396">
        <v>0</v>
      </c>
      <c r="L5396">
        <v>0</v>
      </c>
      <c r="M5396">
        <v>0</v>
      </c>
      <c r="N5396">
        <v>0</v>
      </c>
      <c r="O5396">
        <v>0</v>
      </c>
      <c r="P5396">
        <v>0</v>
      </c>
      <c r="Q5396">
        <v>12000000</v>
      </c>
      <c r="R5396">
        <v>0</v>
      </c>
      <c r="S5396">
        <v>0</v>
      </c>
      <c r="T5396" s="1">
        <v>45080.546875</v>
      </c>
    </row>
    <row r="5397" spans="1:20" x14ac:dyDescent="0.4">
      <c r="A5397">
        <v>48</v>
      </c>
      <c r="B5397">
        <v>98</v>
      </c>
      <c r="C5397">
        <v>4</v>
      </c>
      <c r="D5397">
        <v>1</v>
      </c>
      <c r="E5397">
        <v>98</v>
      </c>
      <c r="F5397" t="s">
        <v>632</v>
      </c>
      <c r="G5397">
        <v>495</v>
      </c>
      <c r="H5397">
        <v>0</v>
      </c>
      <c r="I5397">
        <v>0</v>
      </c>
      <c r="J5397">
        <v>0</v>
      </c>
      <c r="K5397">
        <v>0</v>
      </c>
      <c r="L5397">
        <v>0</v>
      </c>
      <c r="M5397">
        <v>0</v>
      </c>
      <c r="N5397">
        <v>0</v>
      </c>
      <c r="O5397">
        <v>0</v>
      </c>
      <c r="P5397">
        <v>0</v>
      </c>
      <c r="Q5397">
        <v>12000000</v>
      </c>
      <c r="R5397">
        <v>0</v>
      </c>
      <c r="S5397">
        <v>0</v>
      </c>
      <c r="T5397" s="1">
        <v>45080.546875</v>
      </c>
    </row>
    <row r="5398" spans="1:20" x14ac:dyDescent="0.4">
      <c r="A5398">
        <v>49</v>
      </c>
      <c r="B5398">
        <v>99</v>
      </c>
      <c r="C5398">
        <v>4</v>
      </c>
      <c r="D5398">
        <v>1</v>
      </c>
      <c r="E5398">
        <v>99</v>
      </c>
      <c r="F5398" t="s">
        <v>633</v>
      </c>
      <c r="G5398">
        <v>495</v>
      </c>
      <c r="H5398">
        <v>0</v>
      </c>
      <c r="I5398">
        <v>0</v>
      </c>
      <c r="J5398">
        <v>0</v>
      </c>
      <c r="K5398">
        <v>0</v>
      </c>
      <c r="L5398">
        <v>0</v>
      </c>
      <c r="M5398">
        <v>0</v>
      </c>
      <c r="N5398">
        <v>0</v>
      </c>
      <c r="O5398">
        <v>0</v>
      </c>
      <c r="P5398">
        <v>0</v>
      </c>
      <c r="Q5398">
        <v>12000000</v>
      </c>
      <c r="R5398">
        <v>0</v>
      </c>
      <c r="S5398">
        <v>0</v>
      </c>
      <c r="T5398" s="1">
        <v>45080.546875</v>
      </c>
    </row>
    <row r="5399" spans="1:20" x14ac:dyDescent="0.4">
      <c r="A5399">
        <v>50</v>
      </c>
      <c r="B5399">
        <v>100</v>
      </c>
      <c r="C5399">
        <v>4</v>
      </c>
      <c r="D5399">
        <v>1</v>
      </c>
      <c r="E5399">
        <v>100</v>
      </c>
      <c r="F5399" t="s">
        <v>634</v>
      </c>
      <c r="G5399">
        <v>495</v>
      </c>
      <c r="H5399">
        <v>0</v>
      </c>
      <c r="I5399">
        <v>0</v>
      </c>
      <c r="J5399">
        <v>0</v>
      </c>
      <c r="K5399">
        <v>0</v>
      </c>
      <c r="L5399">
        <v>0</v>
      </c>
      <c r="M5399">
        <v>0</v>
      </c>
      <c r="N5399">
        <v>0</v>
      </c>
      <c r="O5399">
        <v>0</v>
      </c>
      <c r="P5399">
        <v>0</v>
      </c>
      <c r="Q5399">
        <v>12000000</v>
      </c>
      <c r="R5399">
        <v>0</v>
      </c>
      <c r="S5399">
        <v>0</v>
      </c>
      <c r="T5399" s="1">
        <v>45080.546875</v>
      </c>
    </row>
    <row r="5400" spans="1:20" x14ac:dyDescent="0.4">
      <c r="A5400">
        <v>51</v>
      </c>
      <c r="B5400">
        <v>101</v>
      </c>
      <c r="C5400">
        <v>4</v>
      </c>
      <c r="D5400">
        <v>1</v>
      </c>
      <c r="E5400">
        <v>101</v>
      </c>
      <c r="F5400" t="s">
        <v>635</v>
      </c>
      <c r="G5400">
        <v>495</v>
      </c>
      <c r="H5400">
        <v>0</v>
      </c>
      <c r="I5400">
        <v>0</v>
      </c>
      <c r="J5400">
        <v>0</v>
      </c>
      <c r="K5400">
        <v>0</v>
      </c>
      <c r="L5400">
        <v>0</v>
      </c>
      <c r="M5400">
        <v>0</v>
      </c>
      <c r="N5400">
        <v>0</v>
      </c>
      <c r="O5400">
        <v>0</v>
      </c>
      <c r="P5400">
        <v>0</v>
      </c>
      <c r="Q5400">
        <v>12000000</v>
      </c>
      <c r="R5400">
        <v>0</v>
      </c>
      <c r="S5400">
        <v>0</v>
      </c>
      <c r="T5400" s="1">
        <v>45080.546875</v>
      </c>
    </row>
    <row r="5401" spans="1:20" x14ac:dyDescent="0.4">
      <c r="A5401">
        <v>52</v>
      </c>
      <c r="B5401">
        <v>102</v>
      </c>
      <c r="C5401">
        <v>4</v>
      </c>
      <c r="D5401">
        <v>1</v>
      </c>
      <c r="E5401">
        <v>102</v>
      </c>
      <c r="F5401" t="s">
        <v>636</v>
      </c>
      <c r="G5401">
        <v>495</v>
      </c>
      <c r="H5401">
        <v>0</v>
      </c>
      <c r="I5401">
        <v>0</v>
      </c>
      <c r="J5401">
        <v>0</v>
      </c>
      <c r="K5401">
        <v>0</v>
      </c>
      <c r="L5401">
        <v>0</v>
      </c>
      <c r="M5401">
        <v>0</v>
      </c>
      <c r="N5401">
        <v>0</v>
      </c>
      <c r="O5401">
        <v>0</v>
      </c>
      <c r="P5401">
        <v>0</v>
      </c>
      <c r="Q5401">
        <v>12000000</v>
      </c>
      <c r="R5401">
        <v>0</v>
      </c>
      <c r="S5401">
        <v>0</v>
      </c>
      <c r="T5401" s="1">
        <v>45080.546875</v>
      </c>
    </row>
    <row r="5402" spans="1:20" x14ac:dyDescent="0.4">
      <c r="A5402">
        <v>53</v>
      </c>
      <c r="B5402">
        <v>103</v>
      </c>
      <c r="C5402">
        <v>4</v>
      </c>
      <c r="D5402">
        <v>1</v>
      </c>
      <c r="E5402">
        <v>103</v>
      </c>
      <c r="F5402" t="s">
        <v>637</v>
      </c>
      <c r="G5402">
        <v>495</v>
      </c>
      <c r="H5402">
        <v>0</v>
      </c>
      <c r="I5402">
        <v>0</v>
      </c>
      <c r="J5402">
        <v>0</v>
      </c>
      <c r="K5402">
        <v>0</v>
      </c>
      <c r="L5402">
        <v>0</v>
      </c>
      <c r="M5402">
        <v>0</v>
      </c>
      <c r="N5402">
        <v>0</v>
      </c>
      <c r="O5402">
        <v>0</v>
      </c>
      <c r="P5402">
        <v>0</v>
      </c>
      <c r="Q5402">
        <v>12000000</v>
      </c>
      <c r="R5402">
        <v>0</v>
      </c>
      <c r="S5402">
        <v>0</v>
      </c>
      <c r="T5402" s="1">
        <v>45080.546875</v>
      </c>
    </row>
    <row r="5403" spans="1:20" x14ac:dyDescent="0.4">
      <c r="A5403">
        <v>54</v>
      </c>
      <c r="B5403">
        <v>104</v>
      </c>
      <c r="C5403">
        <v>4</v>
      </c>
      <c r="D5403">
        <v>1</v>
      </c>
      <c r="E5403">
        <v>104</v>
      </c>
      <c r="F5403" t="s">
        <v>638</v>
      </c>
      <c r="G5403">
        <v>495</v>
      </c>
      <c r="H5403">
        <v>0</v>
      </c>
      <c r="I5403">
        <v>0</v>
      </c>
      <c r="J5403">
        <v>0</v>
      </c>
      <c r="K5403">
        <v>0</v>
      </c>
      <c r="L5403">
        <v>0</v>
      </c>
      <c r="M5403">
        <v>0</v>
      </c>
      <c r="N5403">
        <v>0</v>
      </c>
      <c r="O5403">
        <v>0</v>
      </c>
      <c r="P5403">
        <v>0</v>
      </c>
      <c r="Q5403">
        <v>12000000</v>
      </c>
      <c r="R5403">
        <v>0</v>
      </c>
      <c r="S5403">
        <v>0</v>
      </c>
      <c r="T5403" s="1">
        <v>45080.546875</v>
      </c>
    </row>
    <row r="5404" spans="1:20" x14ac:dyDescent="0.4">
      <c r="A5404">
        <v>55</v>
      </c>
      <c r="B5404">
        <v>105</v>
      </c>
      <c r="C5404">
        <v>4</v>
      </c>
      <c r="D5404">
        <v>1</v>
      </c>
      <c r="E5404">
        <v>105</v>
      </c>
      <c r="F5404" t="s">
        <v>639</v>
      </c>
      <c r="G5404">
        <v>516</v>
      </c>
      <c r="H5404">
        <v>0</v>
      </c>
      <c r="I5404">
        <v>0</v>
      </c>
      <c r="J5404">
        <v>0</v>
      </c>
      <c r="K5404">
        <v>0</v>
      </c>
      <c r="L5404">
        <v>0</v>
      </c>
      <c r="M5404">
        <v>0</v>
      </c>
      <c r="N5404">
        <v>0</v>
      </c>
      <c r="O5404">
        <v>0</v>
      </c>
      <c r="P5404">
        <v>0</v>
      </c>
      <c r="Q5404">
        <v>12000000</v>
      </c>
      <c r="R5404">
        <v>0</v>
      </c>
      <c r="S5404">
        <v>0</v>
      </c>
      <c r="T5404" s="1">
        <v>45080.546875</v>
      </c>
    </row>
    <row r="5405" spans="1:20" x14ac:dyDescent="0.4">
      <c r="A5405">
        <v>56</v>
      </c>
      <c r="B5405">
        <v>106</v>
      </c>
      <c r="C5405">
        <v>4</v>
      </c>
      <c r="D5405">
        <v>1</v>
      </c>
      <c r="E5405">
        <v>106</v>
      </c>
      <c r="F5405" t="s">
        <v>640</v>
      </c>
      <c r="G5405">
        <v>495</v>
      </c>
      <c r="H5405">
        <v>0</v>
      </c>
      <c r="I5405">
        <v>0</v>
      </c>
      <c r="J5405">
        <v>0</v>
      </c>
      <c r="K5405">
        <v>0</v>
      </c>
      <c r="L5405">
        <v>0</v>
      </c>
      <c r="M5405">
        <v>0</v>
      </c>
      <c r="N5405">
        <v>0</v>
      </c>
      <c r="O5405">
        <v>0</v>
      </c>
      <c r="P5405">
        <v>0</v>
      </c>
      <c r="Q5405">
        <v>12000000</v>
      </c>
      <c r="R5405">
        <v>0</v>
      </c>
      <c r="S5405">
        <v>0</v>
      </c>
      <c r="T5405" s="1">
        <v>45080.546875</v>
      </c>
    </row>
    <row r="5406" spans="1:20" x14ac:dyDescent="0.4">
      <c r="A5406">
        <v>57</v>
      </c>
      <c r="B5406">
        <v>107</v>
      </c>
      <c r="C5406">
        <v>4</v>
      </c>
      <c r="D5406">
        <v>1</v>
      </c>
      <c r="E5406">
        <v>107</v>
      </c>
      <c r="F5406" t="s">
        <v>641</v>
      </c>
      <c r="G5406">
        <v>516</v>
      </c>
      <c r="H5406">
        <v>0</v>
      </c>
      <c r="I5406">
        <v>0</v>
      </c>
      <c r="J5406">
        <v>0</v>
      </c>
      <c r="K5406">
        <v>0</v>
      </c>
      <c r="L5406">
        <v>0</v>
      </c>
      <c r="M5406">
        <v>0</v>
      </c>
      <c r="N5406">
        <v>0</v>
      </c>
      <c r="O5406">
        <v>0</v>
      </c>
      <c r="P5406">
        <v>0</v>
      </c>
      <c r="Q5406">
        <v>2000000</v>
      </c>
      <c r="R5406">
        <v>0</v>
      </c>
      <c r="S5406">
        <v>0</v>
      </c>
      <c r="T5406" s="1">
        <v>45080.546875</v>
      </c>
    </row>
    <row r="5407" spans="1:20" x14ac:dyDescent="0.4">
      <c r="A5407">
        <v>58</v>
      </c>
      <c r="B5407">
        <v>108</v>
      </c>
      <c r="C5407">
        <v>4</v>
      </c>
      <c r="D5407">
        <v>1</v>
      </c>
      <c r="E5407">
        <v>108</v>
      </c>
      <c r="F5407" t="s">
        <v>411</v>
      </c>
      <c r="G5407">
        <v>495</v>
      </c>
      <c r="H5407">
        <v>0</v>
      </c>
      <c r="I5407">
        <v>0</v>
      </c>
      <c r="J5407">
        <v>0</v>
      </c>
      <c r="K5407">
        <v>0</v>
      </c>
      <c r="L5407">
        <v>0</v>
      </c>
      <c r="M5407">
        <v>0</v>
      </c>
      <c r="N5407">
        <v>0</v>
      </c>
      <c r="O5407">
        <v>0</v>
      </c>
      <c r="P5407">
        <v>0</v>
      </c>
      <c r="Q5407">
        <v>12000000</v>
      </c>
      <c r="R5407">
        <v>0</v>
      </c>
      <c r="S5407">
        <v>0</v>
      </c>
      <c r="T5407" s="1">
        <v>45080.546875</v>
      </c>
    </row>
    <row r="5408" spans="1:20" x14ac:dyDescent="0.4">
      <c r="A5408">
        <v>59</v>
      </c>
      <c r="B5408">
        <v>161</v>
      </c>
      <c r="C5408">
        <v>5</v>
      </c>
      <c r="D5408">
        <v>1</v>
      </c>
      <c r="E5408">
        <v>161</v>
      </c>
      <c r="F5408" t="s">
        <v>90</v>
      </c>
      <c r="G5408">
        <v>593</v>
      </c>
      <c r="H5408">
        <v>0</v>
      </c>
      <c r="I5408">
        <v>0</v>
      </c>
      <c r="J5408">
        <v>0</v>
      </c>
      <c r="K5408">
        <v>0</v>
      </c>
      <c r="L5408">
        <v>0</v>
      </c>
      <c r="M5408">
        <v>0</v>
      </c>
      <c r="N5408">
        <v>0</v>
      </c>
      <c r="O5408">
        <v>0</v>
      </c>
      <c r="P5408">
        <v>0</v>
      </c>
      <c r="Q5408">
        <v>12000000</v>
      </c>
      <c r="R5408">
        <v>0</v>
      </c>
      <c r="S5408">
        <v>0</v>
      </c>
      <c r="T5408" s="1">
        <v>45080.546875</v>
      </c>
    </row>
    <row r="5409" spans="1:20" x14ac:dyDescent="0.4">
      <c r="A5409">
        <v>60</v>
      </c>
      <c r="B5409">
        <v>162</v>
      </c>
      <c r="C5409">
        <v>5</v>
      </c>
      <c r="D5409">
        <v>1</v>
      </c>
      <c r="E5409">
        <v>162</v>
      </c>
      <c r="F5409" t="s">
        <v>642</v>
      </c>
      <c r="G5409">
        <v>593</v>
      </c>
      <c r="H5409">
        <v>0</v>
      </c>
      <c r="I5409">
        <v>0</v>
      </c>
      <c r="J5409">
        <v>0</v>
      </c>
      <c r="K5409">
        <v>0</v>
      </c>
      <c r="L5409">
        <v>0</v>
      </c>
      <c r="M5409">
        <v>0</v>
      </c>
      <c r="N5409">
        <v>0</v>
      </c>
      <c r="O5409">
        <v>0</v>
      </c>
      <c r="P5409">
        <v>0</v>
      </c>
      <c r="Q5409">
        <v>12000000</v>
      </c>
      <c r="R5409">
        <v>0</v>
      </c>
      <c r="S5409">
        <v>0</v>
      </c>
      <c r="T5409" s="1">
        <v>45080.546875</v>
      </c>
    </row>
    <row r="5410" spans="1:20" x14ac:dyDescent="0.4">
      <c r="A5410">
        <v>61</v>
      </c>
      <c r="B5410">
        <v>163</v>
      </c>
      <c r="C5410">
        <v>5</v>
      </c>
      <c r="D5410">
        <v>1</v>
      </c>
      <c r="E5410">
        <v>163</v>
      </c>
      <c r="F5410" t="s">
        <v>643</v>
      </c>
      <c r="G5410">
        <v>593</v>
      </c>
      <c r="H5410">
        <v>0</v>
      </c>
      <c r="I5410">
        <v>0</v>
      </c>
      <c r="J5410">
        <v>0</v>
      </c>
      <c r="K5410">
        <v>0</v>
      </c>
      <c r="L5410">
        <v>0</v>
      </c>
      <c r="M5410">
        <v>0</v>
      </c>
      <c r="N5410">
        <v>0</v>
      </c>
      <c r="O5410">
        <v>0</v>
      </c>
      <c r="P5410">
        <v>0</v>
      </c>
      <c r="Q5410">
        <v>12000000</v>
      </c>
      <c r="R5410">
        <v>0</v>
      </c>
      <c r="S5410">
        <v>0</v>
      </c>
      <c r="T5410" s="1">
        <v>45080.546875</v>
      </c>
    </row>
    <row r="5411" spans="1:20" x14ac:dyDescent="0.4">
      <c r="A5411">
        <v>62</v>
      </c>
      <c r="B5411">
        <v>164</v>
      </c>
      <c r="C5411">
        <v>5</v>
      </c>
      <c r="D5411">
        <v>1</v>
      </c>
      <c r="E5411">
        <v>164</v>
      </c>
      <c r="F5411" t="s">
        <v>644</v>
      </c>
      <c r="G5411">
        <v>593</v>
      </c>
      <c r="H5411">
        <v>0</v>
      </c>
      <c r="I5411">
        <v>0</v>
      </c>
      <c r="J5411">
        <v>0</v>
      </c>
      <c r="K5411">
        <v>0</v>
      </c>
      <c r="L5411">
        <v>0</v>
      </c>
      <c r="M5411">
        <v>0</v>
      </c>
      <c r="N5411">
        <v>0</v>
      </c>
      <c r="O5411">
        <v>0</v>
      </c>
      <c r="P5411">
        <v>0</v>
      </c>
      <c r="Q5411">
        <v>12000000</v>
      </c>
      <c r="R5411">
        <v>0</v>
      </c>
      <c r="S5411">
        <v>0</v>
      </c>
      <c r="T5411" s="1">
        <v>45080.546875</v>
      </c>
    </row>
    <row r="5412" spans="1:20" x14ac:dyDescent="0.4">
      <c r="A5412">
        <v>63</v>
      </c>
      <c r="B5412">
        <v>171</v>
      </c>
      <c r="C5412">
        <v>5</v>
      </c>
      <c r="D5412">
        <v>1</v>
      </c>
      <c r="E5412">
        <v>171</v>
      </c>
      <c r="F5412" t="s">
        <v>645</v>
      </c>
      <c r="G5412">
        <v>571</v>
      </c>
      <c r="H5412">
        <v>0</v>
      </c>
      <c r="I5412">
        <v>0</v>
      </c>
      <c r="J5412">
        <v>0</v>
      </c>
      <c r="K5412">
        <v>0</v>
      </c>
      <c r="L5412">
        <v>0</v>
      </c>
      <c r="M5412">
        <v>0</v>
      </c>
      <c r="N5412">
        <v>0</v>
      </c>
      <c r="O5412">
        <v>0</v>
      </c>
      <c r="P5412">
        <v>0</v>
      </c>
      <c r="Q5412">
        <v>2000000</v>
      </c>
      <c r="R5412">
        <v>0</v>
      </c>
      <c r="S5412">
        <v>0</v>
      </c>
      <c r="T5412" s="1">
        <v>45080.546875</v>
      </c>
    </row>
    <row r="5413" spans="1:20" x14ac:dyDescent="0.4">
      <c r="A5413">
        <v>64</v>
      </c>
      <c r="B5413">
        <v>172</v>
      </c>
      <c r="C5413">
        <v>5</v>
      </c>
      <c r="D5413">
        <v>1</v>
      </c>
      <c r="E5413">
        <v>172</v>
      </c>
      <c r="F5413" t="s">
        <v>646</v>
      </c>
      <c r="G5413">
        <v>571</v>
      </c>
      <c r="H5413">
        <v>0</v>
      </c>
      <c r="I5413">
        <v>0</v>
      </c>
      <c r="J5413">
        <v>0</v>
      </c>
      <c r="K5413">
        <v>0</v>
      </c>
      <c r="L5413">
        <v>0</v>
      </c>
      <c r="M5413">
        <v>0</v>
      </c>
      <c r="N5413">
        <v>0</v>
      </c>
      <c r="O5413">
        <v>0</v>
      </c>
      <c r="P5413">
        <v>0</v>
      </c>
      <c r="Q5413">
        <v>2000000</v>
      </c>
      <c r="R5413">
        <v>0</v>
      </c>
      <c r="S5413">
        <v>0</v>
      </c>
      <c r="T5413" s="1">
        <v>45080.546875</v>
      </c>
    </row>
    <row r="5414" spans="1:20" x14ac:dyDescent="0.4">
      <c r="A5414">
        <v>65</v>
      </c>
      <c r="B5414">
        <v>173</v>
      </c>
      <c r="C5414">
        <v>5</v>
      </c>
      <c r="D5414">
        <v>1</v>
      </c>
      <c r="E5414">
        <v>173</v>
      </c>
      <c r="F5414" t="s">
        <v>647</v>
      </c>
      <c r="G5414">
        <v>571</v>
      </c>
      <c r="H5414">
        <v>0</v>
      </c>
      <c r="I5414">
        <v>0</v>
      </c>
      <c r="J5414">
        <v>0</v>
      </c>
      <c r="K5414">
        <v>0</v>
      </c>
      <c r="L5414">
        <v>0</v>
      </c>
      <c r="M5414">
        <v>0</v>
      </c>
      <c r="N5414">
        <v>0</v>
      </c>
      <c r="O5414">
        <v>0</v>
      </c>
      <c r="P5414">
        <v>0</v>
      </c>
      <c r="Q5414">
        <v>2000000</v>
      </c>
      <c r="R5414">
        <v>0</v>
      </c>
      <c r="S5414">
        <v>0</v>
      </c>
      <c r="T5414" s="1">
        <v>45080.546875</v>
      </c>
    </row>
    <row r="5415" spans="1:20" x14ac:dyDescent="0.4">
      <c r="A5415">
        <v>66</v>
      </c>
      <c r="B5415">
        <v>174</v>
      </c>
      <c r="C5415">
        <v>5</v>
      </c>
      <c r="D5415">
        <v>1</v>
      </c>
      <c r="E5415">
        <v>174</v>
      </c>
      <c r="F5415" t="s">
        <v>648</v>
      </c>
      <c r="G5415">
        <v>571</v>
      </c>
      <c r="H5415">
        <v>0</v>
      </c>
      <c r="I5415">
        <v>0</v>
      </c>
      <c r="J5415">
        <v>0</v>
      </c>
      <c r="K5415">
        <v>0</v>
      </c>
      <c r="L5415">
        <v>0</v>
      </c>
      <c r="M5415">
        <v>0</v>
      </c>
      <c r="N5415">
        <v>0</v>
      </c>
      <c r="O5415">
        <v>0</v>
      </c>
      <c r="P5415">
        <v>0</v>
      </c>
      <c r="Q5415">
        <v>2000000</v>
      </c>
      <c r="R5415">
        <v>0</v>
      </c>
      <c r="S5415">
        <v>0</v>
      </c>
      <c r="T5415" s="1">
        <v>45080.546875</v>
      </c>
    </row>
    <row r="5416" spans="1:20" x14ac:dyDescent="0.4">
      <c r="A5416">
        <v>67</v>
      </c>
      <c r="B5416">
        <v>181</v>
      </c>
      <c r="C5416">
        <v>5</v>
      </c>
      <c r="D5416">
        <v>1</v>
      </c>
      <c r="E5416">
        <v>181</v>
      </c>
      <c r="F5416" t="s">
        <v>649</v>
      </c>
      <c r="G5416">
        <v>571</v>
      </c>
      <c r="H5416">
        <v>0</v>
      </c>
      <c r="I5416">
        <v>0</v>
      </c>
      <c r="J5416">
        <v>0</v>
      </c>
      <c r="K5416">
        <v>0</v>
      </c>
      <c r="L5416">
        <v>0</v>
      </c>
      <c r="M5416">
        <v>0</v>
      </c>
      <c r="N5416">
        <v>0</v>
      </c>
      <c r="O5416">
        <v>0</v>
      </c>
      <c r="P5416">
        <v>0</v>
      </c>
      <c r="Q5416">
        <v>2000000</v>
      </c>
      <c r="R5416">
        <v>0</v>
      </c>
      <c r="S5416">
        <v>0</v>
      </c>
      <c r="T5416" s="1">
        <v>45080.546875</v>
      </c>
    </row>
    <row r="5417" spans="1:20" x14ac:dyDescent="0.4">
      <c r="A5417">
        <v>68</v>
      </c>
      <c r="B5417">
        <v>182</v>
      </c>
      <c r="C5417">
        <v>5</v>
      </c>
      <c r="D5417">
        <v>1</v>
      </c>
      <c r="E5417">
        <v>182</v>
      </c>
      <c r="F5417" t="s">
        <v>650</v>
      </c>
      <c r="G5417">
        <v>571</v>
      </c>
      <c r="H5417">
        <v>0</v>
      </c>
      <c r="I5417">
        <v>0</v>
      </c>
      <c r="J5417">
        <v>0</v>
      </c>
      <c r="K5417">
        <v>0</v>
      </c>
      <c r="L5417">
        <v>0</v>
      </c>
      <c r="M5417">
        <v>0</v>
      </c>
      <c r="N5417">
        <v>0</v>
      </c>
      <c r="O5417">
        <v>0</v>
      </c>
      <c r="P5417">
        <v>0</v>
      </c>
      <c r="Q5417">
        <v>2000000</v>
      </c>
      <c r="R5417">
        <v>0</v>
      </c>
      <c r="S5417">
        <v>0</v>
      </c>
      <c r="T5417" s="1">
        <v>45080.546875</v>
      </c>
    </row>
    <row r="5418" spans="1:20" x14ac:dyDescent="0.4">
      <c r="A5418">
        <v>69</v>
      </c>
      <c r="B5418">
        <v>183</v>
      </c>
      <c r="C5418">
        <v>5</v>
      </c>
      <c r="D5418">
        <v>1</v>
      </c>
      <c r="E5418">
        <v>183</v>
      </c>
      <c r="F5418" t="s">
        <v>651</v>
      </c>
      <c r="G5418">
        <v>571</v>
      </c>
      <c r="H5418">
        <v>0</v>
      </c>
      <c r="I5418">
        <v>0</v>
      </c>
      <c r="J5418">
        <v>0</v>
      </c>
      <c r="K5418">
        <v>0</v>
      </c>
      <c r="L5418">
        <v>0</v>
      </c>
      <c r="M5418">
        <v>0</v>
      </c>
      <c r="N5418">
        <v>0</v>
      </c>
      <c r="O5418">
        <v>0</v>
      </c>
      <c r="P5418">
        <v>0</v>
      </c>
      <c r="Q5418">
        <v>2000000</v>
      </c>
      <c r="R5418">
        <v>0</v>
      </c>
      <c r="S5418">
        <v>0</v>
      </c>
      <c r="T5418" s="1">
        <v>45080.546875</v>
      </c>
    </row>
    <row r="5419" spans="1:20" x14ac:dyDescent="0.4">
      <c r="A5419">
        <v>70</v>
      </c>
      <c r="B5419">
        <v>184</v>
      </c>
      <c r="C5419">
        <v>5</v>
      </c>
      <c r="D5419">
        <v>1</v>
      </c>
      <c r="E5419">
        <v>184</v>
      </c>
      <c r="F5419" t="s">
        <v>652</v>
      </c>
      <c r="G5419">
        <v>571</v>
      </c>
      <c r="H5419">
        <v>0</v>
      </c>
      <c r="I5419">
        <v>0</v>
      </c>
      <c r="J5419">
        <v>0</v>
      </c>
      <c r="K5419">
        <v>0</v>
      </c>
      <c r="L5419">
        <v>0</v>
      </c>
      <c r="M5419">
        <v>0</v>
      </c>
      <c r="N5419">
        <v>0</v>
      </c>
      <c r="O5419">
        <v>0</v>
      </c>
      <c r="P5419">
        <v>0</v>
      </c>
      <c r="Q5419">
        <v>2000000</v>
      </c>
      <c r="R5419">
        <v>0</v>
      </c>
      <c r="S5419">
        <v>0</v>
      </c>
      <c r="T5419" s="1">
        <v>45080.546875</v>
      </c>
    </row>
    <row r="5420" spans="1:20" x14ac:dyDescent="0.4">
      <c r="A5420">
        <v>71</v>
      </c>
      <c r="B5420">
        <v>191</v>
      </c>
      <c r="C5420">
        <v>5</v>
      </c>
      <c r="D5420">
        <v>1</v>
      </c>
      <c r="E5420">
        <v>191</v>
      </c>
      <c r="F5420" t="s">
        <v>653</v>
      </c>
      <c r="G5420">
        <v>549</v>
      </c>
      <c r="H5420">
        <v>0</v>
      </c>
      <c r="I5420">
        <v>0</v>
      </c>
      <c r="J5420">
        <v>0</v>
      </c>
      <c r="K5420">
        <v>0</v>
      </c>
      <c r="L5420">
        <v>0</v>
      </c>
      <c r="M5420">
        <v>0</v>
      </c>
      <c r="N5420">
        <v>0</v>
      </c>
      <c r="O5420">
        <v>0</v>
      </c>
      <c r="P5420">
        <v>0</v>
      </c>
      <c r="Q5420">
        <v>12000000</v>
      </c>
      <c r="R5420">
        <v>0</v>
      </c>
      <c r="S5420">
        <v>0</v>
      </c>
      <c r="T5420" s="1">
        <v>45080.546875</v>
      </c>
    </row>
    <row r="5421" spans="1:20" x14ac:dyDescent="0.4">
      <c r="A5421">
        <v>72</v>
      </c>
      <c r="B5421">
        <v>192</v>
      </c>
      <c r="C5421">
        <v>5</v>
      </c>
      <c r="D5421">
        <v>1</v>
      </c>
      <c r="E5421">
        <v>192</v>
      </c>
      <c r="F5421" t="s">
        <v>654</v>
      </c>
      <c r="G5421">
        <v>549</v>
      </c>
      <c r="H5421">
        <v>0</v>
      </c>
      <c r="I5421">
        <v>0</v>
      </c>
      <c r="J5421">
        <v>0</v>
      </c>
      <c r="K5421">
        <v>0</v>
      </c>
      <c r="L5421">
        <v>0</v>
      </c>
      <c r="M5421">
        <v>0</v>
      </c>
      <c r="N5421">
        <v>0</v>
      </c>
      <c r="O5421">
        <v>0</v>
      </c>
      <c r="P5421">
        <v>0</v>
      </c>
      <c r="Q5421">
        <v>12000000</v>
      </c>
      <c r="R5421">
        <v>0</v>
      </c>
      <c r="S5421">
        <v>0</v>
      </c>
      <c r="T5421" s="1">
        <v>45080.546875</v>
      </c>
    </row>
    <row r="5422" spans="1:20" x14ac:dyDescent="0.4">
      <c r="A5422">
        <v>73</v>
      </c>
      <c r="B5422">
        <v>193</v>
      </c>
      <c r="C5422">
        <v>5</v>
      </c>
      <c r="D5422">
        <v>1</v>
      </c>
      <c r="E5422">
        <v>193</v>
      </c>
      <c r="F5422" t="s">
        <v>655</v>
      </c>
      <c r="G5422">
        <v>549</v>
      </c>
      <c r="H5422">
        <v>0</v>
      </c>
      <c r="I5422">
        <v>0</v>
      </c>
      <c r="J5422">
        <v>0</v>
      </c>
      <c r="K5422">
        <v>0</v>
      </c>
      <c r="L5422">
        <v>0</v>
      </c>
      <c r="M5422">
        <v>0</v>
      </c>
      <c r="N5422">
        <v>0</v>
      </c>
      <c r="O5422">
        <v>0</v>
      </c>
      <c r="P5422">
        <v>0</v>
      </c>
      <c r="Q5422">
        <v>12000000</v>
      </c>
      <c r="R5422">
        <v>0</v>
      </c>
      <c r="S5422">
        <v>0</v>
      </c>
      <c r="T5422" s="1">
        <v>45080.546875</v>
      </c>
    </row>
    <row r="5423" spans="1:20" x14ac:dyDescent="0.4">
      <c r="A5423">
        <v>74</v>
      </c>
      <c r="B5423">
        <v>194</v>
      </c>
      <c r="C5423">
        <v>5</v>
      </c>
      <c r="D5423">
        <v>1</v>
      </c>
      <c r="E5423">
        <v>194</v>
      </c>
      <c r="F5423" t="s">
        <v>656</v>
      </c>
      <c r="G5423">
        <v>549</v>
      </c>
      <c r="H5423">
        <v>0</v>
      </c>
      <c r="I5423">
        <v>0</v>
      </c>
      <c r="J5423">
        <v>0</v>
      </c>
      <c r="K5423">
        <v>0</v>
      </c>
      <c r="L5423">
        <v>0</v>
      </c>
      <c r="M5423">
        <v>0</v>
      </c>
      <c r="N5423">
        <v>0</v>
      </c>
      <c r="O5423">
        <v>0</v>
      </c>
      <c r="P5423">
        <v>0</v>
      </c>
      <c r="Q5423">
        <v>12000000</v>
      </c>
      <c r="R5423">
        <v>0</v>
      </c>
      <c r="S5423">
        <v>0</v>
      </c>
      <c r="T5423" s="1">
        <v>45080.546875</v>
      </c>
    </row>
    <row r="5424" spans="1:20" x14ac:dyDescent="0.4">
      <c r="A5424">
        <v>75</v>
      </c>
      <c r="B5424">
        <v>201</v>
      </c>
      <c r="C5424">
        <v>5</v>
      </c>
      <c r="D5424">
        <v>1</v>
      </c>
      <c r="E5424">
        <v>201</v>
      </c>
      <c r="F5424" t="s">
        <v>657</v>
      </c>
      <c r="G5424">
        <v>648</v>
      </c>
      <c r="H5424">
        <v>0</v>
      </c>
      <c r="I5424">
        <v>0</v>
      </c>
      <c r="J5424">
        <v>0</v>
      </c>
      <c r="K5424">
        <v>0</v>
      </c>
      <c r="L5424">
        <v>0</v>
      </c>
      <c r="M5424">
        <v>0</v>
      </c>
      <c r="N5424">
        <v>0</v>
      </c>
      <c r="O5424">
        <v>0</v>
      </c>
      <c r="P5424">
        <v>0</v>
      </c>
      <c r="Q5424">
        <v>2000000</v>
      </c>
      <c r="R5424">
        <v>0</v>
      </c>
      <c r="S5424">
        <v>0</v>
      </c>
      <c r="T5424" s="1">
        <v>45080.546875</v>
      </c>
    </row>
    <row r="5425" spans="1:20" x14ac:dyDescent="0.4">
      <c r="A5425">
        <v>76</v>
      </c>
      <c r="B5425">
        <v>202</v>
      </c>
      <c r="C5425">
        <v>5</v>
      </c>
      <c r="D5425">
        <v>1</v>
      </c>
      <c r="E5425">
        <v>202</v>
      </c>
      <c r="F5425" t="s">
        <v>658</v>
      </c>
      <c r="G5425">
        <v>648</v>
      </c>
      <c r="H5425">
        <v>0</v>
      </c>
      <c r="I5425">
        <v>0</v>
      </c>
      <c r="J5425">
        <v>0</v>
      </c>
      <c r="K5425">
        <v>0</v>
      </c>
      <c r="L5425">
        <v>0</v>
      </c>
      <c r="M5425">
        <v>0</v>
      </c>
      <c r="N5425">
        <v>0</v>
      </c>
      <c r="O5425">
        <v>0</v>
      </c>
      <c r="P5425">
        <v>0</v>
      </c>
      <c r="Q5425">
        <v>2000000</v>
      </c>
      <c r="R5425">
        <v>0</v>
      </c>
      <c r="S5425">
        <v>0</v>
      </c>
      <c r="T5425" s="1">
        <v>45080.546875</v>
      </c>
    </row>
    <row r="5426" spans="1:20" x14ac:dyDescent="0.4">
      <c r="A5426">
        <v>77</v>
      </c>
      <c r="B5426">
        <v>203</v>
      </c>
      <c r="C5426">
        <v>5</v>
      </c>
      <c r="D5426">
        <v>1</v>
      </c>
      <c r="E5426">
        <v>203</v>
      </c>
      <c r="F5426" t="s">
        <v>659</v>
      </c>
      <c r="G5426">
        <v>648</v>
      </c>
      <c r="H5426">
        <v>0</v>
      </c>
      <c r="I5426">
        <v>0</v>
      </c>
      <c r="J5426">
        <v>0</v>
      </c>
      <c r="K5426">
        <v>0</v>
      </c>
      <c r="L5426">
        <v>0</v>
      </c>
      <c r="M5426">
        <v>0</v>
      </c>
      <c r="N5426">
        <v>0</v>
      </c>
      <c r="O5426">
        <v>0</v>
      </c>
      <c r="P5426">
        <v>0</v>
      </c>
      <c r="Q5426">
        <v>2000000</v>
      </c>
      <c r="R5426">
        <v>0</v>
      </c>
      <c r="S5426">
        <v>0</v>
      </c>
      <c r="T5426" s="1">
        <v>45080.546875</v>
      </c>
    </row>
    <row r="5427" spans="1:20" x14ac:dyDescent="0.4">
      <c r="A5427">
        <v>78</v>
      </c>
      <c r="B5427">
        <v>204</v>
      </c>
      <c r="C5427">
        <v>5</v>
      </c>
      <c r="D5427">
        <v>1</v>
      </c>
      <c r="E5427">
        <v>204</v>
      </c>
      <c r="F5427" t="s">
        <v>660</v>
      </c>
      <c r="G5427">
        <v>648</v>
      </c>
      <c r="H5427">
        <v>0</v>
      </c>
      <c r="I5427">
        <v>0</v>
      </c>
      <c r="J5427">
        <v>0</v>
      </c>
      <c r="K5427">
        <v>0</v>
      </c>
      <c r="L5427">
        <v>0</v>
      </c>
      <c r="M5427">
        <v>0</v>
      </c>
      <c r="N5427">
        <v>0</v>
      </c>
      <c r="O5427">
        <v>0</v>
      </c>
      <c r="P5427">
        <v>0</v>
      </c>
      <c r="Q5427">
        <v>2000000</v>
      </c>
      <c r="R5427">
        <v>0</v>
      </c>
      <c r="S5427">
        <v>0</v>
      </c>
      <c r="T5427" s="1">
        <v>45080.546875</v>
      </c>
    </row>
    <row r="5428" spans="1:20" x14ac:dyDescent="0.4">
      <c r="A5428">
        <v>79</v>
      </c>
      <c r="B5428">
        <v>211</v>
      </c>
      <c r="C5428">
        <v>5</v>
      </c>
      <c r="D5428">
        <v>1</v>
      </c>
      <c r="E5428">
        <v>211</v>
      </c>
      <c r="F5428" t="s">
        <v>661</v>
      </c>
      <c r="G5428">
        <v>505</v>
      </c>
      <c r="H5428">
        <v>0</v>
      </c>
      <c r="I5428">
        <v>0</v>
      </c>
      <c r="J5428">
        <v>0</v>
      </c>
      <c r="K5428">
        <v>0</v>
      </c>
      <c r="L5428">
        <v>0</v>
      </c>
      <c r="M5428">
        <v>0</v>
      </c>
      <c r="N5428">
        <v>0</v>
      </c>
      <c r="O5428">
        <v>0</v>
      </c>
      <c r="P5428">
        <v>0</v>
      </c>
      <c r="Q5428">
        <v>12000000</v>
      </c>
      <c r="R5428">
        <v>0</v>
      </c>
      <c r="S5428">
        <v>0</v>
      </c>
      <c r="T5428" s="1">
        <v>45080.546875</v>
      </c>
    </row>
    <row r="5429" spans="1:20" x14ac:dyDescent="0.4">
      <c r="A5429">
        <v>80</v>
      </c>
      <c r="B5429">
        <v>212</v>
      </c>
      <c r="C5429">
        <v>5</v>
      </c>
      <c r="D5429">
        <v>1</v>
      </c>
      <c r="E5429">
        <v>212</v>
      </c>
      <c r="F5429" t="s">
        <v>662</v>
      </c>
      <c r="G5429">
        <v>505</v>
      </c>
      <c r="H5429">
        <v>0</v>
      </c>
      <c r="I5429">
        <v>0</v>
      </c>
      <c r="J5429">
        <v>0</v>
      </c>
      <c r="K5429">
        <v>0</v>
      </c>
      <c r="L5429">
        <v>0</v>
      </c>
      <c r="M5429">
        <v>0</v>
      </c>
      <c r="N5429">
        <v>0</v>
      </c>
      <c r="O5429">
        <v>0</v>
      </c>
      <c r="P5429">
        <v>0</v>
      </c>
      <c r="Q5429">
        <v>12000000</v>
      </c>
      <c r="R5429">
        <v>0</v>
      </c>
      <c r="S5429">
        <v>0</v>
      </c>
      <c r="T5429" s="1">
        <v>45080.546875</v>
      </c>
    </row>
    <row r="5430" spans="1:20" x14ac:dyDescent="0.4">
      <c r="A5430">
        <v>81</v>
      </c>
      <c r="B5430">
        <v>213</v>
      </c>
      <c r="C5430">
        <v>5</v>
      </c>
      <c r="D5430">
        <v>1</v>
      </c>
      <c r="E5430">
        <v>213</v>
      </c>
      <c r="F5430" t="s">
        <v>663</v>
      </c>
      <c r="G5430">
        <v>505</v>
      </c>
      <c r="H5430">
        <v>0</v>
      </c>
      <c r="I5430">
        <v>0</v>
      </c>
      <c r="J5430">
        <v>0</v>
      </c>
      <c r="K5430">
        <v>0</v>
      </c>
      <c r="L5430">
        <v>0</v>
      </c>
      <c r="M5430">
        <v>0</v>
      </c>
      <c r="N5430">
        <v>0</v>
      </c>
      <c r="O5430">
        <v>0</v>
      </c>
      <c r="P5430">
        <v>0</v>
      </c>
      <c r="Q5430">
        <v>12000000</v>
      </c>
      <c r="R5430">
        <v>0</v>
      </c>
      <c r="S5430">
        <v>0</v>
      </c>
      <c r="T5430" s="1">
        <v>45080.546875</v>
      </c>
    </row>
    <row r="5431" spans="1:20" x14ac:dyDescent="0.4">
      <c r="A5431">
        <v>82</v>
      </c>
      <c r="B5431">
        <v>214</v>
      </c>
      <c r="C5431">
        <v>5</v>
      </c>
      <c r="D5431">
        <v>1</v>
      </c>
      <c r="E5431">
        <v>214</v>
      </c>
      <c r="F5431" t="s">
        <v>664</v>
      </c>
      <c r="G5431">
        <v>505</v>
      </c>
      <c r="H5431">
        <v>0</v>
      </c>
      <c r="I5431">
        <v>0</v>
      </c>
      <c r="J5431">
        <v>0</v>
      </c>
      <c r="K5431">
        <v>0</v>
      </c>
      <c r="L5431">
        <v>0</v>
      </c>
      <c r="M5431">
        <v>0</v>
      </c>
      <c r="N5431">
        <v>0</v>
      </c>
      <c r="O5431">
        <v>0</v>
      </c>
      <c r="P5431">
        <v>0</v>
      </c>
      <c r="Q5431">
        <v>12000000</v>
      </c>
      <c r="R5431">
        <v>0</v>
      </c>
      <c r="S5431">
        <v>0</v>
      </c>
      <c r="T5431" s="1">
        <v>45080.546875</v>
      </c>
    </row>
    <row r="5432" spans="1:20" x14ac:dyDescent="0.4">
      <c r="A5432">
        <v>83</v>
      </c>
      <c r="B5432">
        <v>221</v>
      </c>
      <c r="C5432">
        <v>5</v>
      </c>
      <c r="D5432">
        <v>1</v>
      </c>
      <c r="E5432">
        <v>221</v>
      </c>
      <c r="F5432" t="s">
        <v>665</v>
      </c>
      <c r="G5432">
        <v>462</v>
      </c>
      <c r="H5432">
        <v>0</v>
      </c>
      <c r="I5432">
        <v>0</v>
      </c>
      <c r="J5432">
        <v>0</v>
      </c>
      <c r="K5432">
        <v>0</v>
      </c>
      <c r="L5432">
        <v>0</v>
      </c>
      <c r="M5432">
        <v>0</v>
      </c>
      <c r="N5432">
        <v>0</v>
      </c>
      <c r="O5432">
        <v>0</v>
      </c>
      <c r="P5432">
        <v>0</v>
      </c>
      <c r="Q5432">
        <v>12000000</v>
      </c>
      <c r="R5432">
        <v>0</v>
      </c>
      <c r="S5432">
        <v>0</v>
      </c>
      <c r="T5432" s="1">
        <v>45080.546875</v>
      </c>
    </row>
    <row r="5433" spans="1:20" x14ac:dyDescent="0.4">
      <c r="A5433">
        <v>84</v>
      </c>
      <c r="B5433">
        <v>222</v>
      </c>
      <c r="C5433">
        <v>5</v>
      </c>
      <c r="D5433">
        <v>1</v>
      </c>
      <c r="E5433">
        <v>222</v>
      </c>
      <c r="F5433" t="s">
        <v>666</v>
      </c>
      <c r="G5433">
        <v>462</v>
      </c>
      <c r="H5433">
        <v>0</v>
      </c>
      <c r="I5433">
        <v>0</v>
      </c>
      <c r="J5433">
        <v>0</v>
      </c>
      <c r="K5433">
        <v>0</v>
      </c>
      <c r="L5433">
        <v>0</v>
      </c>
      <c r="M5433">
        <v>0</v>
      </c>
      <c r="N5433">
        <v>0</v>
      </c>
      <c r="O5433">
        <v>0</v>
      </c>
      <c r="P5433">
        <v>0</v>
      </c>
      <c r="Q5433">
        <v>12000000</v>
      </c>
      <c r="R5433">
        <v>0</v>
      </c>
      <c r="S5433">
        <v>0</v>
      </c>
      <c r="T5433" s="1">
        <v>45080.546875</v>
      </c>
    </row>
    <row r="5434" spans="1:20" x14ac:dyDescent="0.4">
      <c r="A5434">
        <v>85</v>
      </c>
      <c r="B5434">
        <v>223</v>
      </c>
      <c r="C5434">
        <v>5</v>
      </c>
      <c r="D5434">
        <v>1</v>
      </c>
      <c r="E5434">
        <v>223</v>
      </c>
      <c r="F5434" t="s">
        <v>667</v>
      </c>
      <c r="G5434">
        <v>462</v>
      </c>
      <c r="H5434">
        <v>0</v>
      </c>
      <c r="I5434">
        <v>0</v>
      </c>
      <c r="J5434">
        <v>0</v>
      </c>
      <c r="K5434">
        <v>0</v>
      </c>
      <c r="L5434">
        <v>0</v>
      </c>
      <c r="M5434">
        <v>0</v>
      </c>
      <c r="N5434">
        <v>0</v>
      </c>
      <c r="O5434">
        <v>0</v>
      </c>
      <c r="P5434">
        <v>0</v>
      </c>
      <c r="Q5434">
        <v>12000000</v>
      </c>
      <c r="R5434">
        <v>0</v>
      </c>
      <c r="S5434">
        <v>0</v>
      </c>
      <c r="T5434" s="1">
        <v>45080.546875</v>
      </c>
    </row>
    <row r="5435" spans="1:20" x14ac:dyDescent="0.4">
      <c r="A5435">
        <v>86</v>
      </c>
      <c r="B5435">
        <v>224</v>
      </c>
      <c r="C5435">
        <v>5</v>
      </c>
      <c r="D5435">
        <v>1</v>
      </c>
      <c r="E5435">
        <v>224</v>
      </c>
      <c r="F5435" t="s">
        <v>668</v>
      </c>
      <c r="G5435">
        <v>462</v>
      </c>
      <c r="H5435">
        <v>0</v>
      </c>
      <c r="I5435">
        <v>0</v>
      </c>
      <c r="J5435">
        <v>0</v>
      </c>
      <c r="K5435">
        <v>0</v>
      </c>
      <c r="L5435">
        <v>0</v>
      </c>
      <c r="M5435">
        <v>0</v>
      </c>
      <c r="N5435">
        <v>0</v>
      </c>
      <c r="O5435">
        <v>0</v>
      </c>
      <c r="P5435">
        <v>0</v>
      </c>
      <c r="Q5435">
        <v>12000000</v>
      </c>
      <c r="R5435">
        <v>0</v>
      </c>
      <c r="S5435">
        <v>0</v>
      </c>
      <c r="T5435" s="1">
        <v>45080.546875</v>
      </c>
    </row>
    <row r="5436" spans="1:20" x14ac:dyDescent="0.4">
      <c r="A5436">
        <v>87</v>
      </c>
      <c r="B5436">
        <v>231</v>
      </c>
      <c r="C5436">
        <v>5</v>
      </c>
      <c r="D5436">
        <v>1</v>
      </c>
      <c r="E5436">
        <v>231</v>
      </c>
      <c r="F5436" t="s">
        <v>669</v>
      </c>
      <c r="G5436">
        <v>572</v>
      </c>
      <c r="H5436">
        <v>0</v>
      </c>
      <c r="I5436">
        <v>0</v>
      </c>
      <c r="J5436">
        <v>0</v>
      </c>
      <c r="K5436">
        <v>0</v>
      </c>
      <c r="L5436">
        <v>0</v>
      </c>
      <c r="M5436">
        <v>0</v>
      </c>
      <c r="N5436">
        <v>0</v>
      </c>
      <c r="O5436">
        <v>0</v>
      </c>
      <c r="P5436">
        <v>0</v>
      </c>
      <c r="Q5436">
        <v>12000000</v>
      </c>
      <c r="R5436">
        <v>0</v>
      </c>
      <c r="S5436">
        <v>0</v>
      </c>
      <c r="T5436" s="1">
        <v>45080.546875</v>
      </c>
    </row>
    <row r="5437" spans="1:20" x14ac:dyDescent="0.4">
      <c r="A5437">
        <v>88</v>
      </c>
      <c r="B5437">
        <v>232</v>
      </c>
      <c r="C5437">
        <v>5</v>
      </c>
      <c r="D5437">
        <v>1</v>
      </c>
      <c r="E5437">
        <v>232</v>
      </c>
      <c r="F5437" t="s">
        <v>670</v>
      </c>
      <c r="G5437">
        <v>572</v>
      </c>
      <c r="H5437">
        <v>0</v>
      </c>
      <c r="I5437">
        <v>0</v>
      </c>
      <c r="J5437">
        <v>0</v>
      </c>
      <c r="K5437">
        <v>0</v>
      </c>
      <c r="L5437">
        <v>0</v>
      </c>
      <c r="M5437">
        <v>0</v>
      </c>
      <c r="N5437">
        <v>0</v>
      </c>
      <c r="O5437">
        <v>0</v>
      </c>
      <c r="P5437">
        <v>0</v>
      </c>
      <c r="Q5437">
        <v>12000000</v>
      </c>
      <c r="R5437">
        <v>0</v>
      </c>
      <c r="S5437">
        <v>0</v>
      </c>
      <c r="T5437" s="1">
        <v>45080.546875</v>
      </c>
    </row>
    <row r="5438" spans="1:20" x14ac:dyDescent="0.4">
      <c r="A5438">
        <v>89</v>
      </c>
      <c r="B5438">
        <v>233</v>
      </c>
      <c r="C5438">
        <v>5</v>
      </c>
      <c r="D5438">
        <v>1</v>
      </c>
      <c r="E5438">
        <v>233</v>
      </c>
      <c r="F5438" t="s">
        <v>671</v>
      </c>
      <c r="G5438">
        <v>572</v>
      </c>
      <c r="H5438">
        <v>0</v>
      </c>
      <c r="I5438">
        <v>0</v>
      </c>
      <c r="J5438">
        <v>0</v>
      </c>
      <c r="K5438">
        <v>0</v>
      </c>
      <c r="L5438">
        <v>0</v>
      </c>
      <c r="M5438">
        <v>0</v>
      </c>
      <c r="N5438">
        <v>0</v>
      </c>
      <c r="O5438">
        <v>0</v>
      </c>
      <c r="P5438">
        <v>0</v>
      </c>
      <c r="Q5438">
        <v>12000000</v>
      </c>
      <c r="R5438">
        <v>0</v>
      </c>
      <c r="S5438">
        <v>0</v>
      </c>
      <c r="T5438" s="1">
        <v>45080.546875</v>
      </c>
    </row>
    <row r="5439" spans="1:20" x14ac:dyDescent="0.4">
      <c r="A5439">
        <v>90</v>
      </c>
      <c r="B5439">
        <v>234</v>
      </c>
      <c r="C5439">
        <v>5</v>
      </c>
      <c r="D5439">
        <v>1</v>
      </c>
      <c r="E5439">
        <v>234</v>
      </c>
      <c r="F5439" t="s">
        <v>672</v>
      </c>
      <c r="G5439">
        <v>572</v>
      </c>
      <c r="H5439">
        <v>0</v>
      </c>
      <c r="I5439">
        <v>0</v>
      </c>
      <c r="J5439">
        <v>0</v>
      </c>
      <c r="K5439">
        <v>0</v>
      </c>
      <c r="L5439">
        <v>0</v>
      </c>
      <c r="M5439">
        <v>0</v>
      </c>
      <c r="N5439">
        <v>0</v>
      </c>
      <c r="O5439">
        <v>0</v>
      </c>
      <c r="P5439">
        <v>0</v>
      </c>
      <c r="Q5439">
        <v>12000000</v>
      </c>
      <c r="R5439">
        <v>0</v>
      </c>
      <c r="S5439">
        <v>0</v>
      </c>
      <c r="T5439" s="1">
        <v>45080.546875</v>
      </c>
    </row>
    <row r="5440" spans="1:20" x14ac:dyDescent="0.4">
      <c r="A5440">
        <v>91</v>
      </c>
      <c r="B5440">
        <v>241</v>
      </c>
      <c r="C5440">
        <v>5</v>
      </c>
      <c r="D5440">
        <v>1</v>
      </c>
      <c r="E5440">
        <v>241</v>
      </c>
      <c r="F5440" t="s">
        <v>673</v>
      </c>
      <c r="G5440">
        <v>2420</v>
      </c>
      <c r="H5440">
        <v>0</v>
      </c>
      <c r="I5440">
        <v>0</v>
      </c>
      <c r="J5440">
        <v>0</v>
      </c>
      <c r="K5440">
        <v>0</v>
      </c>
      <c r="L5440">
        <v>0</v>
      </c>
      <c r="M5440">
        <v>0</v>
      </c>
      <c r="N5440">
        <v>0</v>
      </c>
      <c r="O5440">
        <v>0</v>
      </c>
      <c r="P5440">
        <v>0</v>
      </c>
      <c r="Q5440">
        <v>0</v>
      </c>
      <c r="R5440">
        <v>0</v>
      </c>
      <c r="S5440">
        <v>0</v>
      </c>
      <c r="T5440" s="1">
        <v>45080.546875</v>
      </c>
    </row>
    <row r="5441" spans="1:20" x14ac:dyDescent="0.4">
      <c r="A5441">
        <v>92</v>
      </c>
      <c r="B5441">
        <v>242</v>
      </c>
      <c r="C5441">
        <v>5</v>
      </c>
      <c r="D5441">
        <v>1</v>
      </c>
      <c r="E5441">
        <v>242</v>
      </c>
      <c r="F5441" t="s">
        <v>674</v>
      </c>
      <c r="G5441">
        <v>2420</v>
      </c>
      <c r="H5441">
        <v>0</v>
      </c>
      <c r="I5441">
        <v>0</v>
      </c>
      <c r="J5441">
        <v>0</v>
      </c>
      <c r="K5441">
        <v>0</v>
      </c>
      <c r="L5441">
        <v>0</v>
      </c>
      <c r="M5441">
        <v>0</v>
      </c>
      <c r="N5441">
        <v>0</v>
      </c>
      <c r="O5441">
        <v>0</v>
      </c>
      <c r="P5441">
        <v>0</v>
      </c>
      <c r="Q5441">
        <v>0</v>
      </c>
      <c r="R5441">
        <v>0</v>
      </c>
      <c r="S5441">
        <v>0</v>
      </c>
      <c r="T5441" s="1">
        <v>45080.546875</v>
      </c>
    </row>
    <row r="5442" spans="1:20" x14ac:dyDescent="0.4">
      <c r="A5442">
        <v>93</v>
      </c>
      <c r="B5442">
        <v>243</v>
      </c>
      <c r="C5442">
        <v>5</v>
      </c>
      <c r="D5442">
        <v>1</v>
      </c>
      <c r="E5442">
        <v>243</v>
      </c>
      <c r="F5442" t="s">
        <v>675</v>
      </c>
      <c r="G5442">
        <v>2420</v>
      </c>
      <c r="H5442">
        <v>0</v>
      </c>
      <c r="I5442">
        <v>0</v>
      </c>
      <c r="J5442">
        <v>0</v>
      </c>
      <c r="K5442">
        <v>0</v>
      </c>
      <c r="L5442">
        <v>0</v>
      </c>
      <c r="M5442">
        <v>0</v>
      </c>
      <c r="N5442">
        <v>0</v>
      </c>
      <c r="O5442">
        <v>0</v>
      </c>
      <c r="P5442">
        <v>0</v>
      </c>
      <c r="Q5442">
        <v>0</v>
      </c>
      <c r="R5442">
        <v>0</v>
      </c>
      <c r="S5442">
        <v>0</v>
      </c>
      <c r="T5442" s="1">
        <v>45080.546875</v>
      </c>
    </row>
    <row r="5443" spans="1:20" x14ac:dyDescent="0.4">
      <c r="A5443">
        <v>94</v>
      </c>
      <c r="B5443">
        <v>244</v>
      </c>
      <c r="C5443">
        <v>5</v>
      </c>
      <c r="D5443">
        <v>1</v>
      </c>
      <c r="E5443">
        <v>244</v>
      </c>
      <c r="F5443" t="s">
        <v>676</v>
      </c>
      <c r="G5443">
        <v>2420</v>
      </c>
      <c r="H5443">
        <v>0</v>
      </c>
      <c r="I5443">
        <v>0</v>
      </c>
      <c r="J5443">
        <v>0</v>
      </c>
      <c r="K5443">
        <v>0</v>
      </c>
      <c r="L5443">
        <v>0</v>
      </c>
      <c r="M5443">
        <v>0</v>
      </c>
      <c r="N5443">
        <v>0</v>
      </c>
      <c r="O5443">
        <v>0</v>
      </c>
      <c r="P5443">
        <v>0</v>
      </c>
      <c r="Q5443">
        <v>0</v>
      </c>
      <c r="R5443">
        <v>0</v>
      </c>
      <c r="S5443">
        <v>0</v>
      </c>
      <c r="T5443" s="1">
        <v>45080.546875</v>
      </c>
    </row>
    <row r="5444" spans="1:20" x14ac:dyDescent="0.4">
      <c r="A5444">
        <v>95</v>
      </c>
      <c r="B5444">
        <v>245</v>
      </c>
      <c r="C5444">
        <v>5</v>
      </c>
      <c r="D5444">
        <v>1</v>
      </c>
      <c r="E5444">
        <v>245</v>
      </c>
      <c r="F5444" t="s">
        <v>677</v>
      </c>
      <c r="G5444">
        <v>2420</v>
      </c>
      <c r="H5444">
        <v>0</v>
      </c>
      <c r="I5444">
        <v>0</v>
      </c>
      <c r="J5444">
        <v>0</v>
      </c>
      <c r="K5444">
        <v>0</v>
      </c>
      <c r="L5444">
        <v>0</v>
      </c>
      <c r="M5444">
        <v>0</v>
      </c>
      <c r="N5444">
        <v>0</v>
      </c>
      <c r="O5444">
        <v>0</v>
      </c>
      <c r="P5444">
        <v>0</v>
      </c>
      <c r="Q5444">
        <v>0</v>
      </c>
      <c r="R5444">
        <v>0</v>
      </c>
      <c r="S5444">
        <v>0</v>
      </c>
      <c r="T5444" s="1">
        <v>45080.546875</v>
      </c>
    </row>
    <row r="5445" spans="1:20" x14ac:dyDescent="0.4">
      <c r="A5445">
        <v>96</v>
      </c>
      <c r="B5445">
        <v>246</v>
      </c>
      <c r="C5445">
        <v>5</v>
      </c>
      <c r="D5445">
        <v>1</v>
      </c>
      <c r="E5445">
        <v>246</v>
      </c>
      <c r="F5445" t="s">
        <v>678</v>
      </c>
      <c r="G5445">
        <v>2420</v>
      </c>
      <c r="H5445">
        <v>0</v>
      </c>
      <c r="I5445">
        <v>0</v>
      </c>
      <c r="J5445">
        <v>0</v>
      </c>
      <c r="K5445">
        <v>0</v>
      </c>
      <c r="L5445">
        <v>0</v>
      </c>
      <c r="M5445">
        <v>0</v>
      </c>
      <c r="N5445">
        <v>0</v>
      </c>
      <c r="O5445">
        <v>0</v>
      </c>
      <c r="P5445">
        <v>0</v>
      </c>
      <c r="Q5445">
        <v>0</v>
      </c>
      <c r="R5445">
        <v>0</v>
      </c>
      <c r="S5445">
        <v>0</v>
      </c>
      <c r="T5445" s="1">
        <v>45080.546875</v>
      </c>
    </row>
    <row r="5446" spans="1:20" x14ac:dyDescent="0.4">
      <c r="A5446">
        <v>97</v>
      </c>
      <c r="B5446">
        <v>247</v>
      </c>
      <c r="C5446">
        <v>5</v>
      </c>
      <c r="D5446">
        <v>1</v>
      </c>
      <c r="E5446">
        <v>247</v>
      </c>
      <c r="F5446" t="s">
        <v>679</v>
      </c>
      <c r="G5446">
        <v>2420</v>
      </c>
      <c r="H5446">
        <v>0</v>
      </c>
      <c r="I5446">
        <v>0</v>
      </c>
      <c r="J5446">
        <v>0</v>
      </c>
      <c r="K5446">
        <v>0</v>
      </c>
      <c r="L5446">
        <v>0</v>
      </c>
      <c r="M5446">
        <v>0</v>
      </c>
      <c r="N5446">
        <v>0</v>
      </c>
      <c r="O5446">
        <v>0</v>
      </c>
      <c r="P5446">
        <v>0</v>
      </c>
      <c r="Q5446">
        <v>0</v>
      </c>
      <c r="R5446">
        <v>0</v>
      </c>
      <c r="S5446">
        <v>0</v>
      </c>
      <c r="T5446" s="1">
        <v>45080.546875</v>
      </c>
    </row>
    <row r="5447" spans="1:20" x14ac:dyDescent="0.4">
      <c r="A5447">
        <v>98</v>
      </c>
      <c r="B5447">
        <v>3428</v>
      </c>
      <c r="C5447">
        <v>6</v>
      </c>
      <c r="D5447">
        <v>1</v>
      </c>
      <c r="E5447">
        <v>3428</v>
      </c>
      <c r="F5447" t="s">
        <v>680</v>
      </c>
      <c r="G5447">
        <v>110</v>
      </c>
      <c r="H5447">
        <v>0</v>
      </c>
      <c r="I5447">
        <v>0</v>
      </c>
      <c r="J5447">
        <v>0</v>
      </c>
      <c r="K5447">
        <v>0</v>
      </c>
      <c r="L5447">
        <v>0</v>
      </c>
      <c r="M5447">
        <v>0</v>
      </c>
      <c r="N5447">
        <v>0</v>
      </c>
      <c r="O5447">
        <v>0</v>
      </c>
      <c r="P5447">
        <v>0</v>
      </c>
      <c r="Q5447">
        <v>0</v>
      </c>
      <c r="R5447">
        <v>0</v>
      </c>
      <c r="S5447">
        <v>0</v>
      </c>
      <c r="T5447" s="1">
        <v>45080.546875</v>
      </c>
    </row>
    <row r="5448" spans="1:20" x14ac:dyDescent="0.4">
      <c r="A5448">
        <v>99</v>
      </c>
      <c r="B5448">
        <v>3429</v>
      </c>
      <c r="C5448">
        <v>6</v>
      </c>
      <c r="D5448">
        <v>1</v>
      </c>
      <c r="E5448">
        <v>3429</v>
      </c>
      <c r="F5448" t="s">
        <v>681</v>
      </c>
      <c r="G5448">
        <v>55</v>
      </c>
      <c r="H5448">
        <v>0</v>
      </c>
      <c r="I5448">
        <v>0</v>
      </c>
      <c r="J5448">
        <v>0</v>
      </c>
      <c r="K5448">
        <v>0</v>
      </c>
      <c r="L5448">
        <v>0</v>
      </c>
      <c r="M5448">
        <v>0</v>
      </c>
      <c r="N5448">
        <v>0</v>
      </c>
      <c r="O5448">
        <v>0</v>
      </c>
      <c r="P5448">
        <v>0</v>
      </c>
      <c r="Q5448">
        <v>0</v>
      </c>
      <c r="R5448">
        <v>0</v>
      </c>
      <c r="S5448">
        <v>0</v>
      </c>
      <c r="T5448" s="1">
        <v>45080.546875</v>
      </c>
    </row>
    <row r="5449" spans="1:20" x14ac:dyDescent="0.4">
      <c r="A5449">
        <v>100</v>
      </c>
      <c r="B5449">
        <v>3430</v>
      </c>
      <c r="C5449">
        <v>6</v>
      </c>
      <c r="D5449">
        <v>1</v>
      </c>
      <c r="E5449">
        <v>3430</v>
      </c>
      <c r="F5449" t="s">
        <v>682</v>
      </c>
      <c r="G5449">
        <v>550</v>
      </c>
      <c r="H5449">
        <v>0</v>
      </c>
      <c r="I5449">
        <v>0</v>
      </c>
      <c r="J5449">
        <v>0</v>
      </c>
      <c r="K5449">
        <v>0</v>
      </c>
      <c r="L5449">
        <v>0</v>
      </c>
      <c r="M5449">
        <v>0</v>
      </c>
      <c r="N5449">
        <v>0</v>
      </c>
      <c r="O5449">
        <v>0</v>
      </c>
      <c r="P5449">
        <v>0</v>
      </c>
      <c r="Q5449">
        <v>0</v>
      </c>
      <c r="R5449">
        <v>0</v>
      </c>
      <c r="S5449">
        <v>0</v>
      </c>
      <c r="T5449" s="1">
        <v>45080.546875</v>
      </c>
    </row>
    <row r="5450" spans="1:20" x14ac:dyDescent="0.4">
      <c r="A5450">
        <v>101</v>
      </c>
      <c r="B5450">
        <v>3431</v>
      </c>
      <c r="C5450">
        <v>6</v>
      </c>
      <c r="D5450">
        <v>1</v>
      </c>
      <c r="E5450">
        <v>3431</v>
      </c>
      <c r="F5450" t="s">
        <v>683</v>
      </c>
      <c r="G5450">
        <v>550</v>
      </c>
      <c r="H5450">
        <v>0</v>
      </c>
      <c r="I5450">
        <v>0</v>
      </c>
      <c r="J5450">
        <v>0</v>
      </c>
      <c r="K5450">
        <v>0</v>
      </c>
      <c r="L5450">
        <v>0</v>
      </c>
      <c r="M5450">
        <v>0</v>
      </c>
      <c r="N5450">
        <v>0</v>
      </c>
      <c r="O5450">
        <v>0</v>
      </c>
      <c r="P5450">
        <v>0</v>
      </c>
      <c r="Q5450">
        <v>0</v>
      </c>
      <c r="R5450">
        <v>0</v>
      </c>
      <c r="S5450">
        <v>0</v>
      </c>
      <c r="T5450" s="1">
        <v>45080.546875</v>
      </c>
    </row>
    <row r="5451" spans="1:20" x14ac:dyDescent="0.4">
      <c r="A5451">
        <v>102</v>
      </c>
      <c r="B5451">
        <v>261</v>
      </c>
      <c r="C5451">
        <v>7</v>
      </c>
      <c r="D5451">
        <v>1</v>
      </c>
      <c r="E5451">
        <v>261</v>
      </c>
      <c r="F5451" t="s">
        <v>684</v>
      </c>
      <c r="G5451">
        <v>549</v>
      </c>
      <c r="H5451">
        <v>0</v>
      </c>
      <c r="I5451">
        <v>0</v>
      </c>
      <c r="J5451">
        <v>0</v>
      </c>
      <c r="K5451">
        <v>0</v>
      </c>
      <c r="L5451">
        <v>0</v>
      </c>
      <c r="M5451">
        <v>0</v>
      </c>
      <c r="N5451">
        <v>0</v>
      </c>
      <c r="O5451">
        <v>0</v>
      </c>
      <c r="P5451">
        <v>0</v>
      </c>
      <c r="Q5451">
        <v>12000000</v>
      </c>
      <c r="R5451">
        <v>0</v>
      </c>
      <c r="S5451">
        <v>0</v>
      </c>
      <c r="T5451" s="1">
        <v>45080.546875</v>
      </c>
    </row>
    <row r="5452" spans="1:20" x14ac:dyDescent="0.4">
      <c r="A5452">
        <v>103</v>
      </c>
      <c r="B5452">
        <v>263</v>
      </c>
      <c r="C5452">
        <v>7</v>
      </c>
      <c r="D5452">
        <v>1</v>
      </c>
      <c r="E5452">
        <v>261</v>
      </c>
      <c r="F5452" t="s">
        <v>685</v>
      </c>
      <c r="G5452">
        <v>934</v>
      </c>
      <c r="H5452">
        <v>0</v>
      </c>
      <c r="I5452">
        <v>0</v>
      </c>
      <c r="J5452">
        <v>0</v>
      </c>
      <c r="K5452">
        <v>0</v>
      </c>
      <c r="L5452">
        <v>0</v>
      </c>
      <c r="M5452">
        <v>0</v>
      </c>
      <c r="N5452">
        <v>0</v>
      </c>
      <c r="O5452">
        <v>0</v>
      </c>
      <c r="P5452">
        <v>0</v>
      </c>
      <c r="Q5452">
        <v>12000000</v>
      </c>
      <c r="R5452">
        <v>0</v>
      </c>
      <c r="S5452">
        <v>0</v>
      </c>
      <c r="T5452" s="1">
        <v>45080.546875</v>
      </c>
    </row>
    <row r="5453" spans="1:20" x14ac:dyDescent="0.4">
      <c r="A5453">
        <v>104</v>
      </c>
      <c r="B5453">
        <v>265</v>
      </c>
      <c r="C5453">
        <v>7</v>
      </c>
      <c r="D5453">
        <v>1</v>
      </c>
      <c r="E5453">
        <v>265</v>
      </c>
      <c r="F5453" t="s">
        <v>686</v>
      </c>
      <c r="G5453">
        <v>658</v>
      </c>
      <c r="H5453">
        <v>0</v>
      </c>
      <c r="I5453">
        <v>0</v>
      </c>
      <c r="J5453">
        <v>0</v>
      </c>
      <c r="K5453">
        <v>0</v>
      </c>
      <c r="L5453">
        <v>0</v>
      </c>
      <c r="M5453">
        <v>0</v>
      </c>
      <c r="N5453">
        <v>0</v>
      </c>
      <c r="O5453">
        <v>0</v>
      </c>
      <c r="P5453">
        <v>0</v>
      </c>
      <c r="Q5453">
        <v>12000000</v>
      </c>
      <c r="R5453">
        <v>0</v>
      </c>
      <c r="S5453">
        <v>0</v>
      </c>
      <c r="T5453" s="1">
        <v>45080.546875</v>
      </c>
    </row>
    <row r="5454" spans="1:20" x14ac:dyDescent="0.4">
      <c r="A5454">
        <v>105</v>
      </c>
      <c r="B5454">
        <v>267</v>
      </c>
      <c r="C5454">
        <v>7</v>
      </c>
      <c r="D5454">
        <v>1</v>
      </c>
      <c r="E5454">
        <v>265</v>
      </c>
      <c r="F5454" t="s">
        <v>687</v>
      </c>
      <c r="G5454">
        <v>1044</v>
      </c>
      <c r="H5454">
        <v>0</v>
      </c>
      <c r="I5454">
        <v>0</v>
      </c>
      <c r="J5454">
        <v>0</v>
      </c>
      <c r="K5454">
        <v>0</v>
      </c>
      <c r="L5454">
        <v>0</v>
      </c>
      <c r="M5454">
        <v>0</v>
      </c>
      <c r="N5454">
        <v>0</v>
      </c>
      <c r="O5454">
        <v>0</v>
      </c>
      <c r="P5454">
        <v>0</v>
      </c>
      <c r="Q5454">
        <v>12000000</v>
      </c>
      <c r="R5454">
        <v>0</v>
      </c>
      <c r="S5454">
        <v>0</v>
      </c>
      <c r="T5454" s="1">
        <v>45080.546875</v>
      </c>
    </row>
    <row r="5455" spans="1:20" x14ac:dyDescent="0.4">
      <c r="A5455">
        <v>106</v>
      </c>
      <c r="B5455">
        <v>269</v>
      </c>
      <c r="C5455">
        <v>7</v>
      </c>
      <c r="D5455">
        <v>1</v>
      </c>
      <c r="E5455">
        <v>269</v>
      </c>
      <c r="F5455" t="s">
        <v>688</v>
      </c>
      <c r="G5455">
        <v>769</v>
      </c>
      <c r="H5455">
        <v>0</v>
      </c>
      <c r="I5455">
        <v>0</v>
      </c>
      <c r="J5455">
        <v>0</v>
      </c>
      <c r="K5455">
        <v>0</v>
      </c>
      <c r="L5455">
        <v>0</v>
      </c>
      <c r="M5455">
        <v>0</v>
      </c>
      <c r="N5455">
        <v>0</v>
      </c>
      <c r="O5455">
        <v>0</v>
      </c>
      <c r="P5455">
        <v>0</v>
      </c>
      <c r="Q5455">
        <v>2000000</v>
      </c>
      <c r="R5455">
        <v>0</v>
      </c>
      <c r="S5455">
        <v>0</v>
      </c>
      <c r="T5455" s="1">
        <v>45080.546875</v>
      </c>
    </row>
    <row r="5456" spans="1:20" x14ac:dyDescent="0.4">
      <c r="A5456">
        <v>107</v>
      </c>
      <c r="B5456">
        <v>271</v>
      </c>
      <c r="C5456">
        <v>7</v>
      </c>
      <c r="D5456">
        <v>1</v>
      </c>
      <c r="E5456">
        <v>269</v>
      </c>
      <c r="F5456" t="s">
        <v>689</v>
      </c>
      <c r="G5456">
        <v>1418</v>
      </c>
      <c r="H5456">
        <v>0</v>
      </c>
      <c r="I5456">
        <v>0</v>
      </c>
      <c r="J5456">
        <v>0</v>
      </c>
      <c r="K5456">
        <v>0</v>
      </c>
      <c r="L5456">
        <v>0</v>
      </c>
      <c r="M5456">
        <v>0</v>
      </c>
      <c r="N5456">
        <v>0</v>
      </c>
      <c r="O5456">
        <v>0</v>
      </c>
      <c r="P5456">
        <v>0</v>
      </c>
      <c r="Q5456">
        <v>2000000</v>
      </c>
      <c r="R5456">
        <v>0</v>
      </c>
      <c r="S5456">
        <v>0</v>
      </c>
      <c r="T5456" s="1">
        <v>45080.546875</v>
      </c>
    </row>
    <row r="5457" spans="1:20" x14ac:dyDescent="0.4">
      <c r="A5457">
        <v>108</v>
      </c>
      <c r="B5457">
        <v>273</v>
      </c>
      <c r="C5457">
        <v>7</v>
      </c>
      <c r="D5457">
        <v>1</v>
      </c>
      <c r="E5457">
        <v>273</v>
      </c>
      <c r="F5457" t="s">
        <v>690</v>
      </c>
      <c r="G5457">
        <v>769</v>
      </c>
      <c r="H5457">
        <v>0</v>
      </c>
      <c r="I5457">
        <v>0</v>
      </c>
      <c r="J5457">
        <v>0</v>
      </c>
      <c r="K5457">
        <v>0</v>
      </c>
      <c r="L5457">
        <v>0</v>
      </c>
      <c r="M5457">
        <v>0</v>
      </c>
      <c r="N5457">
        <v>0</v>
      </c>
      <c r="O5457">
        <v>0</v>
      </c>
      <c r="P5457">
        <v>0</v>
      </c>
      <c r="Q5457">
        <v>2000000</v>
      </c>
      <c r="R5457">
        <v>0</v>
      </c>
      <c r="S5457">
        <v>0</v>
      </c>
      <c r="T5457" s="1">
        <v>45080.546875</v>
      </c>
    </row>
    <row r="5458" spans="1:20" x14ac:dyDescent="0.4">
      <c r="A5458">
        <v>109</v>
      </c>
      <c r="B5458">
        <v>275</v>
      </c>
      <c r="C5458">
        <v>7</v>
      </c>
      <c r="D5458">
        <v>1</v>
      </c>
      <c r="E5458">
        <v>273</v>
      </c>
      <c r="F5458" t="s">
        <v>691</v>
      </c>
      <c r="G5458">
        <v>1418</v>
      </c>
      <c r="H5458">
        <v>0</v>
      </c>
      <c r="I5458">
        <v>0</v>
      </c>
      <c r="J5458">
        <v>0</v>
      </c>
      <c r="K5458">
        <v>0</v>
      </c>
      <c r="L5458">
        <v>0</v>
      </c>
      <c r="M5458">
        <v>0</v>
      </c>
      <c r="N5458">
        <v>0</v>
      </c>
      <c r="O5458">
        <v>0</v>
      </c>
      <c r="P5458">
        <v>0</v>
      </c>
      <c r="Q5458">
        <v>2000000</v>
      </c>
      <c r="R5458">
        <v>0</v>
      </c>
      <c r="S5458">
        <v>0</v>
      </c>
      <c r="T5458" s="1">
        <v>45080.546875</v>
      </c>
    </row>
    <row r="5459" spans="1:20" x14ac:dyDescent="0.4">
      <c r="A5459">
        <v>110</v>
      </c>
      <c r="B5459">
        <v>277</v>
      </c>
      <c r="C5459">
        <v>7</v>
      </c>
      <c r="D5459">
        <v>1</v>
      </c>
      <c r="E5459">
        <v>277</v>
      </c>
      <c r="F5459" t="s">
        <v>692</v>
      </c>
      <c r="G5459">
        <v>626</v>
      </c>
      <c r="H5459">
        <v>0</v>
      </c>
      <c r="I5459">
        <v>0</v>
      </c>
      <c r="J5459">
        <v>0</v>
      </c>
      <c r="K5459">
        <v>0</v>
      </c>
      <c r="L5459">
        <v>0</v>
      </c>
      <c r="M5459">
        <v>0</v>
      </c>
      <c r="N5459">
        <v>0</v>
      </c>
      <c r="O5459">
        <v>0</v>
      </c>
      <c r="P5459">
        <v>0</v>
      </c>
      <c r="Q5459">
        <v>0</v>
      </c>
      <c r="R5459">
        <v>0</v>
      </c>
      <c r="S5459">
        <v>0</v>
      </c>
      <c r="T5459" s="1">
        <v>45080.546875</v>
      </c>
    </row>
    <row r="5460" spans="1:20" x14ac:dyDescent="0.4">
      <c r="A5460">
        <v>111</v>
      </c>
      <c r="B5460">
        <v>279</v>
      </c>
      <c r="C5460">
        <v>7</v>
      </c>
      <c r="D5460">
        <v>1</v>
      </c>
      <c r="E5460">
        <v>279</v>
      </c>
      <c r="F5460" t="s">
        <v>693</v>
      </c>
      <c r="G5460">
        <v>625</v>
      </c>
      <c r="H5460">
        <v>0</v>
      </c>
      <c r="I5460">
        <v>0</v>
      </c>
      <c r="J5460">
        <v>0</v>
      </c>
      <c r="K5460">
        <v>0</v>
      </c>
      <c r="L5460">
        <v>0</v>
      </c>
      <c r="M5460">
        <v>0</v>
      </c>
      <c r="N5460">
        <v>0</v>
      </c>
      <c r="O5460">
        <v>0</v>
      </c>
      <c r="P5460">
        <v>0</v>
      </c>
      <c r="Q5460">
        <v>0</v>
      </c>
      <c r="R5460">
        <v>0</v>
      </c>
      <c r="S5460">
        <v>0</v>
      </c>
      <c r="T5460" s="1">
        <v>45080.546875</v>
      </c>
    </row>
    <row r="5461" spans="1:20" x14ac:dyDescent="0.4">
      <c r="A5461">
        <v>112</v>
      </c>
      <c r="B5461">
        <v>262</v>
      </c>
      <c r="C5461">
        <v>7</v>
      </c>
      <c r="D5461">
        <v>1</v>
      </c>
      <c r="E5461">
        <v>261</v>
      </c>
      <c r="F5461" t="s">
        <v>694</v>
      </c>
      <c r="G5461">
        <v>549</v>
      </c>
      <c r="H5461">
        <v>0</v>
      </c>
      <c r="I5461">
        <v>0</v>
      </c>
      <c r="J5461">
        <v>0</v>
      </c>
      <c r="K5461">
        <v>0</v>
      </c>
      <c r="L5461">
        <v>0</v>
      </c>
      <c r="M5461">
        <v>0</v>
      </c>
      <c r="N5461">
        <v>0</v>
      </c>
      <c r="O5461">
        <v>0</v>
      </c>
      <c r="P5461">
        <v>0</v>
      </c>
      <c r="Q5461">
        <v>12000000</v>
      </c>
      <c r="R5461">
        <v>0</v>
      </c>
      <c r="S5461">
        <v>0</v>
      </c>
      <c r="T5461" s="1">
        <v>45080.546875</v>
      </c>
    </row>
    <row r="5462" spans="1:20" x14ac:dyDescent="0.4">
      <c r="A5462">
        <v>113</v>
      </c>
      <c r="B5462">
        <v>264</v>
      </c>
      <c r="C5462">
        <v>7</v>
      </c>
      <c r="D5462">
        <v>1</v>
      </c>
      <c r="E5462">
        <v>261</v>
      </c>
      <c r="F5462" t="s">
        <v>695</v>
      </c>
      <c r="G5462">
        <v>934</v>
      </c>
      <c r="H5462">
        <v>0</v>
      </c>
      <c r="I5462">
        <v>0</v>
      </c>
      <c r="J5462">
        <v>0</v>
      </c>
      <c r="K5462">
        <v>0</v>
      </c>
      <c r="L5462">
        <v>0</v>
      </c>
      <c r="M5462">
        <v>0</v>
      </c>
      <c r="N5462">
        <v>0</v>
      </c>
      <c r="O5462">
        <v>0</v>
      </c>
      <c r="P5462">
        <v>0</v>
      </c>
      <c r="Q5462">
        <v>12000000</v>
      </c>
      <c r="R5462">
        <v>0</v>
      </c>
      <c r="S5462">
        <v>0</v>
      </c>
      <c r="T5462" s="1">
        <v>45080.546875</v>
      </c>
    </row>
    <row r="5463" spans="1:20" x14ac:dyDescent="0.4">
      <c r="A5463">
        <v>114</v>
      </c>
      <c r="B5463">
        <v>266</v>
      </c>
      <c r="C5463">
        <v>7</v>
      </c>
      <c r="D5463">
        <v>1</v>
      </c>
      <c r="E5463">
        <v>265</v>
      </c>
      <c r="F5463" t="s">
        <v>696</v>
      </c>
      <c r="G5463">
        <v>658</v>
      </c>
      <c r="H5463">
        <v>0</v>
      </c>
      <c r="I5463">
        <v>0</v>
      </c>
      <c r="J5463">
        <v>0</v>
      </c>
      <c r="K5463">
        <v>0</v>
      </c>
      <c r="L5463">
        <v>0</v>
      </c>
      <c r="M5463">
        <v>0</v>
      </c>
      <c r="N5463">
        <v>0</v>
      </c>
      <c r="O5463">
        <v>0</v>
      </c>
      <c r="P5463">
        <v>0</v>
      </c>
      <c r="Q5463">
        <v>12000000</v>
      </c>
      <c r="R5463">
        <v>0</v>
      </c>
      <c r="S5463">
        <v>0</v>
      </c>
      <c r="T5463" s="1">
        <v>45080.546875</v>
      </c>
    </row>
    <row r="5464" spans="1:20" x14ac:dyDescent="0.4">
      <c r="A5464">
        <v>115</v>
      </c>
      <c r="B5464">
        <v>268</v>
      </c>
      <c r="C5464">
        <v>7</v>
      </c>
      <c r="D5464">
        <v>1</v>
      </c>
      <c r="E5464">
        <v>265</v>
      </c>
      <c r="F5464" t="s">
        <v>697</v>
      </c>
      <c r="G5464">
        <v>1044</v>
      </c>
      <c r="H5464">
        <v>0</v>
      </c>
      <c r="I5464">
        <v>0</v>
      </c>
      <c r="J5464">
        <v>0</v>
      </c>
      <c r="K5464">
        <v>0</v>
      </c>
      <c r="L5464">
        <v>0</v>
      </c>
      <c r="M5464">
        <v>0</v>
      </c>
      <c r="N5464">
        <v>0</v>
      </c>
      <c r="O5464">
        <v>0</v>
      </c>
      <c r="P5464">
        <v>0</v>
      </c>
      <c r="Q5464">
        <v>12000000</v>
      </c>
      <c r="R5464">
        <v>0</v>
      </c>
      <c r="S5464">
        <v>0</v>
      </c>
      <c r="T5464" s="1">
        <v>45080.546875</v>
      </c>
    </row>
    <row r="5465" spans="1:20" x14ac:dyDescent="0.4">
      <c r="A5465">
        <v>116</v>
      </c>
      <c r="B5465">
        <v>270</v>
      </c>
      <c r="C5465">
        <v>7</v>
      </c>
      <c r="D5465">
        <v>1</v>
      </c>
      <c r="E5465">
        <v>269</v>
      </c>
      <c r="F5465" t="s">
        <v>698</v>
      </c>
      <c r="G5465">
        <v>769</v>
      </c>
      <c r="H5465">
        <v>0</v>
      </c>
      <c r="I5465">
        <v>0</v>
      </c>
      <c r="J5465">
        <v>0</v>
      </c>
      <c r="K5465">
        <v>0</v>
      </c>
      <c r="L5465">
        <v>0</v>
      </c>
      <c r="M5465">
        <v>0</v>
      </c>
      <c r="N5465">
        <v>0</v>
      </c>
      <c r="O5465">
        <v>0</v>
      </c>
      <c r="P5465">
        <v>0</v>
      </c>
      <c r="Q5465">
        <v>2000000</v>
      </c>
      <c r="R5465">
        <v>0</v>
      </c>
      <c r="S5465">
        <v>0</v>
      </c>
      <c r="T5465" s="1">
        <v>45080.546875</v>
      </c>
    </row>
    <row r="5466" spans="1:20" x14ac:dyDescent="0.4">
      <c r="A5466">
        <v>117</v>
      </c>
      <c r="B5466">
        <v>272</v>
      </c>
      <c r="C5466">
        <v>7</v>
      </c>
      <c r="D5466">
        <v>1</v>
      </c>
      <c r="E5466">
        <v>269</v>
      </c>
      <c r="F5466" t="s">
        <v>699</v>
      </c>
      <c r="G5466">
        <v>1418</v>
      </c>
      <c r="H5466">
        <v>0</v>
      </c>
      <c r="I5466">
        <v>0</v>
      </c>
      <c r="J5466">
        <v>0</v>
      </c>
      <c r="K5466">
        <v>0</v>
      </c>
      <c r="L5466">
        <v>0</v>
      </c>
      <c r="M5466">
        <v>0</v>
      </c>
      <c r="N5466">
        <v>0</v>
      </c>
      <c r="O5466">
        <v>0</v>
      </c>
      <c r="P5466">
        <v>0</v>
      </c>
      <c r="Q5466">
        <v>2000000</v>
      </c>
      <c r="R5466">
        <v>0</v>
      </c>
      <c r="S5466">
        <v>0</v>
      </c>
      <c r="T5466" s="1">
        <v>45080.546875</v>
      </c>
    </row>
    <row r="5467" spans="1:20" x14ac:dyDescent="0.4">
      <c r="A5467">
        <v>118</v>
      </c>
      <c r="B5467">
        <v>274</v>
      </c>
      <c r="C5467">
        <v>7</v>
      </c>
      <c r="D5467">
        <v>1</v>
      </c>
      <c r="E5467">
        <v>273</v>
      </c>
      <c r="F5467" t="s">
        <v>700</v>
      </c>
      <c r="G5467">
        <v>769</v>
      </c>
      <c r="H5467">
        <v>0</v>
      </c>
      <c r="I5467">
        <v>0</v>
      </c>
      <c r="J5467">
        <v>0</v>
      </c>
      <c r="K5467">
        <v>0</v>
      </c>
      <c r="L5467">
        <v>0</v>
      </c>
      <c r="M5467">
        <v>0</v>
      </c>
      <c r="N5467">
        <v>0</v>
      </c>
      <c r="O5467">
        <v>0</v>
      </c>
      <c r="P5467">
        <v>0</v>
      </c>
      <c r="Q5467">
        <v>2000000</v>
      </c>
      <c r="R5467">
        <v>0</v>
      </c>
      <c r="S5467">
        <v>0</v>
      </c>
      <c r="T5467" s="1">
        <v>45080.546875</v>
      </c>
    </row>
    <row r="5468" spans="1:20" x14ac:dyDescent="0.4">
      <c r="A5468">
        <v>119</v>
      </c>
      <c r="B5468">
        <v>276</v>
      </c>
      <c r="C5468">
        <v>7</v>
      </c>
      <c r="D5468">
        <v>1</v>
      </c>
      <c r="E5468">
        <v>273</v>
      </c>
      <c r="F5468" t="s">
        <v>701</v>
      </c>
      <c r="G5468">
        <v>1418</v>
      </c>
      <c r="H5468">
        <v>0</v>
      </c>
      <c r="I5468">
        <v>0</v>
      </c>
      <c r="J5468">
        <v>0</v>
      </c>
      <c r="K5468">
        <v>0</v>
      </c>
      <c r="L5468">
        <v>0</v>
      </c>
      <c r="M5468">
        <v>0</v>
      </c>
      <c r="N5468">
        <v>0</v>
      </c>
      <c r="O5468">
        <v>0</v>
      </c>
      <c r="P5468">
        <v>0</v>
      </c>
      <c r="Q5468">
        <v>2000000</v>
      </c>
      <c r="R5468">
        <v>0</v>
      </c>
      <c r="S5468">
        <v>0</v>
      </c>
      <c r="T5468" s="1">
        <v>45080.546875</v>
      </c>
    </row>
    <row r="5469" spans="1:20" x14ac:dyDescent="0.4">
      <c r="A5469">
        <v>120</v>
      </c>
      <c r="B5469">
        <v>278</v>
      </c>
      <c r="C5469">
        <v>7</v>
      </c>
      <c r="D5469">
        <v>1</v>
      </c>
      <c r="E5469">
        <v>277</v>
      </c>
      <c r="F5469" t="s">
        <v>702</v>
      </c>
      <c r="G5469">
        <v>626</v>
      </c>
      <c r="H5469">
        <v>0</v>
      </c>
      <c r="I5469">
        <v>0</v>
      </c>
      <c r="J5469">
        <v>0</v>
      </c>
      <c r="K5469">
        <v>0</v>
      </c>
      <c r="L5469">
        <v>0</v>
      </c>
      <c r="M5469">
        <v>0</v>
      </c>
      <c r="N5469">
        <v>0</v>
      </c>
      <c r="O5469">
        <v>0</v>
      </c>
      <c r="P5469">
        <v>0</v>
      </c>
      <c r="Q5469">
        <v>0</v>
      </c>
      <c r="R5469">
        <v>0</v>
      </c>
      <c r="S5469">
        <v>0</v>
      </c>
      <c r="T5469" s="1">
        <v>45080.546875</v>
      </c>
    </row>
    <row r="5470" spans="1:20" x14ac:dyDescent="0.4">
      <c r="A5470">
        <v>121</v>
      </c>
      <c r="B5470">
        <v>280</v>
      </c>
      <c r="C5470">
        <v>7</v>
      </c>
      <c r="D5470">
        <v>1</v>
      </c>
      <c r="E5470">
        <v>279</v>
      </c>
      <c r="F5470" t="s">
        <v>703</v>
      </c>
      <c r="G5470">
        <v>625</v>
      </c>
      <c r="H5470">
        <v>0</v>
      </c>
      <c r="I5470">
        <v>0</v>
      </c>
      <c r="J5470">
        <v>0</v>
      </c>
      <c r="K5470">
        <v>0</v>
      </c>
      <c r="L5470">
        <v>0</v>
      </c>
      <c r="M5470">
        <v>0</v>
      </c>
      <c r="N5470">
        <v>0</v>
      </c>
      <c r="O5470">
        <v>0</v>
      </c>
      <c r="P5470">
        <v>0</v>
      </c>
      <c r="Q5470">
        <v>0</v>
      </c>
      <c r="R5470">
        <v>0</v>
      </c>
      <c r="S5470">
        <v>0</v>
      </c>
      <c r="T5470" s="1">
        <v>45080.546875</v>
      </c>
    </row>
    <row r="5471" spans="1:20" x14ac:dyDescent="0.4">
      <c r="A5471">
        <v>122</v>
      </c>
      <c r="B5471">
        <v>291</v>
      </c>
      <c r="C5471">
        <v>8</v>
      </c>
      <c r="D5471">
        <v>1</v>
      </c>
      <c r="E5471">
        <v>291</v>
      </c>
      <c r="F5471" t="s">
        <v>587</v>
      </c>
      <c r="G5471">
        <v>549</v>
      </c>
      <c r="H5471">
        <v>0</v>
      </c>
      <c r="I5471">
        <v>0</v>
      </c>
      <c r="J5471">
        <v>0</v>
      </c>
      <c r="K5471">
        <v>0</v>
      </c>
      <c r="L5471">
        <v>0</v>
      </c>
      <c r="M5471">
        <v>0</v>
      </c>
      <c r="N5471">
        <v>0</v>
      </c>
      <c r="O5471">
        <v>0</v>
      </c>
      <c r="P5471">
        <v>0</v>
      </c>
      <c r="Q5471">
        <v>12000000</v>
      </c>
      <c r="R5471">
        <v>0</v>
      </c>
      <c r="S5471">
        <v>0</v>
      </c>
      <c r="T5471" s="1">
        <v>45080.546875</v>
      </c>
    </row>
    <row r="5472" spans="1:20" x14ac:dyDescent="0.4">
      <c r="A5472">
        <v>123</v>
      </c>
      <c r="B5472">
        <v>292</v>
      </c>
      <c r="C5472">
        <v>8</v>
      </c>
      <c r="D5472">
        <v>1</v>
      </c>
      <c r="E5472">
        <v>292</v>
      </c>
      <c r="F5472" t="s">
        <v>704</v>
      </c>
      <c r="G5472">
        <v>659</v>
      </c>
      <c r="H5472">
        <v>0</v>
      </c>
      <c r="I5472">
        <v>0</v>
      </c>
      <c r="J5472">
        <v>0</v>
      </c>
      <c r="K5472">
        <v>0</v>
      </c>
      <c r="L5472">
        <v>0</v>
      </c>
      <c r="M5472">
        <v>0</v>
      </c>
      <c r="N5472">
        <v>0</v>
      </c>
      <c r="O5472">
        <v>0</v>
      </c>
      <c r="P5472">
        <v>0</v>
      </c>
      <c r="Q5472">
        <v>2000000</v>
      </c>
      <c r="R5472">
        <v>0</v>
      </c>
      <c r="S5472">
        <v>0</v>
      </c>
      <c r="T5472" s="1">
        <v>45080.546875</v>
      </c>
    </row>
    <row r="5473" spans="1:20" x14ac:dyDescent="0.4">
      <c r="A5473">
        <v>124</v>
      </c>
      <c r="B5473">
        <v>293</v>
      </c>
      <c r="C5473">
        <v>8</v>
      </c>
      <c r="D5473">
        <v>1</v>
      </c>
      <c r="E5473">
        <v>293</v>
      </c>
      <c r="F5473" t="s">
        <v>588</v>
      </c>
      <c r="G5473">
        <v>626</v>
      </c>
      <c r="H5473">
        <v>0</v>
      </c>
      <c r="I5473">
        <v>0</v>
      </c>
      <c r="J5473">
        <v>0</v>
      </c>
      <c r="K5473">
        <v>0</v>
      </c>
      <c r="L5473">
        <v>0</v>
      </c>
      <c r="M5473">
        <v>0</v>
      </c>
      <c r="N5473">
        <v>0</v>
      </c>
      <c r="O5473">
        <v>0</v>
      </c>
      <c r="P5473">
        <v>0</v>
      </c>
      <c r="Q5473">
        <v>0</v>
      </c>
      <c r="R5473">
        <v>0</v>
      </c>
      <c r="S5473">
        <v>0</v>
      </c>
      <c r="T5473" s="1">
        <v>45080.546875</v>
      </c>
    </row>
    <row r="5474" spans="1:20" x14ac:dyDescent="0.4">
      <c r="A5474">
        <v>125</v>
      </c>
      <c r="B5474">
        <v>294</v>
      </c>
      <c r="C5474">
        <v>8</v>
      </c>
      <c r="D5474">
        <v>1</v>
      </c>
      <c r="E5474">
        <v>294</v>
      </c>
      <c r="F5474" t="s">
        <v>705</v>
      </c>
      <c r="G5474">
        <v>439</v>
      </c>
      <c r="H5474">
        <v>0</v>
      </c>
      <c r="I5474">
        <v>0</v>
      </c>
      <c r="J5474">
        <v>0</v>
      </c>
      <c r="K5474">
        <v>0</v>
      </c>
      <c r="L5474">
        <v>0</v>
      </c>
      <c r="M5474">
        <v>0</v>
      </c>
      <c r="N5474">
        <v>0</v>
      </c>
      <c r="O5474">
        <v>0</v>
      </c>
      <c r="P5474">
        <v>0</v>
      </c>
      <c r="Q5474">
        <v>2000000</v>
      </c>
      <c r="R5474">
        <v>0</v>
      </c>
      <c r="S5474">
        <v>0</v>
      </c>
      <c r="T5474" s="1">
        <v>45080.546875</v>
      </c>
    </row>
    <row r="5475" spans="1:20" x14ac:dyDescent="0.4">
      <c r="A5475">
        <v>126</v>
      </c>
      <c r="B5475">
        <v>311</v>
      </c>
      <c r="C5475">
        <v>9</v>
      </c>
      <c r="D5475">
        <v>1</v>
      </c>
      <c r="E5475">
        <v>311</v>
      </c>
      <c r="F5475" t="s">
        <v>706</v>
      </c>
      <c r="G5475">
        <v>527</v>
      </c>
      <c r="H5475">
        <v>0</v>
      </c>
      <c r="I5475">
        <v>0</v>
      </c>
      <c r="J5475">
        <v>0</v>
      </c>
      <c r="K5475">
        <v>0</v>
      </c>
      <c r="L5475">
        <v>0</v>
      </c>
      <c r="M5475">
        <v>0</v>
      </c>
      <c r="N5475">
        <v>0</v>
      </c>
      <c r="O5475">
        <v>0</v>
      </c>
      <c r="P5475">
        <v>0</v>
      </c>
      <c r="Q5475">
        <v>2000000</v>
      </c>
      <c r="R5475">
        <v>0</v>
      </c>
      <c r="S5475">
        <v>0</v>
      </c>
      <c r="T5475" s="1">
        <v>45080.546875</v>
      </c>
    </row>
    <row r="5476" spans="1:20" x14ac:dyDescent="0.4">
      <c r="A5476">
        <v>127</v>
      </c>
      <c r="B5476">
        <v>312</v>
      </c>
      <c r="C5476">
        <v>9</v>
      </c>
      <c r="D5476">
        <v>1</v>
      </c>
      <c r="E5476">
        <v>312</v>
      </c>
      <c r="F5476" t="s">
        <v>707</v>
      </c>
      <c r="G5476">
        <v>538</v>
      </c>
      <c r="H5476">
        <v>0</v>
      </c>
      <c r="I5476">
        <v>0</v>
      </c>
      <c r="J5476">
        <v>0</v>
      </c>
      <c r="K5476">
        <v>0</v>
      </c>
      <c r="L5476">
        <v>0</v>
      </c>
      <c r="M5476">
        <v>0</v>
      </c>
      <c r="N5476">
        <v>0</v>
      </c>
      <c r="O5476">
        <v>0</v>
      </c>
      <c r="P5476">
        <v>0</v>
      </c>
      <c r="Q5476">
        <v>2000000</v>
      </c>
      <c r="R5476">
        <v>0</v>
      </c>
      <c r="S5476">
        <v>0</v>
      </c>
      <c r="T5476" s="1">
        <v>45080.546875</v>
      </c>
    </row>
    <row r="5477" spans="1:20" x14ac:dyDescent="0.4">
      <c r="A5477">
        <v>128</v>
      </c>
      <c r="B5477">
        <v>313</v>
      </c>
      <c r="C5477">
        <v>9</v>
      </c>
      <c r="D5477">
        <v>1</v>
      </c>
      <c r="E5477">
        <v>313</v>
      </c>
      <c r="F5477" t="s">
        <v>708</v>
      </c>
      <c r="G5477">
        <v>538</v>
      </c>
      <c r="H5477">
        <v>0</v>
      </c>
      <c r="I5477">
        <v>0</v>
      </c>
      <c r="J5477">
        <v>0</v>
      </c>
      <c r="K5477">
        <v>0</v>
      </c>
      <c r="L5477">
        <v>0</v>
      </c>
      <c r="M5477">
        <v>0</v>
      </c>
      <c r="N5477">
        <v>0</v>
      </c>
      <c r="O5477">
        <v>0</v>
      </c>
      <c r="P5477">
        <v>0</v>
      </c>
      <c r="Q5477">
        <v>2000000</v>
      </c>
      <c r="R5477">
        <v>0</v>
      </c>
      <c r="S5477">
        <v>0</v>
      </c>
      <c r="T5477" s="1">
        <v>45080.546875</v>
      </c>
    </row>
    <row r="5478" spans="1:20" x14ac:dyDescent="0.4">
      <c r="A5478">
        <v>129</v>
      </c>
      <c r="B5478">
        <v>314</v>
      </c>
      <c r="C5478">
        <v>9</v>
      </c>
      <c r="D5478">
        <v>1</v>
      </c>
      <c r="E5478">
        <v>314</v>
      </c>
      <c r="F5478" t="s">
        <v>709</v>
      </c>
      <c r="G5478">
        <v>538</v>
      </c>
      <c r="H5478">
        <v>0</v>
      </c>
      <c r="I5478">
        <v>0</v>
      </c>
      <c r="J5478">
        <v>0</v>
      </c>
      <c r="K5478">
        <v>0</v>
      </c>
      <c r="L5478">
        <v>0</v>
      </c>
      <c r="M5478">
        <v>0</v>
      </c>
      <c r="N5478">
        <v>0</v>
      </c>
      <c r="O5478">
        <v>0</v>
      </c>
      <c r="P5478">
        <v>0</v>
      </c>
      <c r="Q5478">
        <v>2000000</v>
      </c>
      <c r="R5478">
        <v>0</v>
      </c>
      <c r="S5478">
        <v>0</v>
      </c>
      <c r="T5478" s="1">
        <v>45080.546875</v>
      </c>
    </row>
    <row r="5479" spans="1:20" x14ac:dyDescent="0.4">
      <c r="A5479">
        <v>130</v>
      </c>
      <c r="B5479">
        <v>315</v>
      </c>
      <c r="C5479">
        <v>9</v>
      </c>
      <c r="D5479">
        <v>1</v>
      </c>
      <c r="E5479">
        <v>315</v>
      </c>
      <c r="F5479" t="s">
        <v>434</v>
      </c>
      <c r="G5479">
        <v>516</v>
      </c>
      <c r="H5479">
        <v>0</v>
      </c>
      <c r="I5479">
        <v>0</v>
      </c>
      <c r="J5479">
        <v>0</v>
      </c>
      <c r="K5479">
        <v>0</v>
      </c>
      <c r="L5479">
        <v>0</v>
      </c>
      <c r="M5479">
        <v>0</v>
      </c>
      <c r="N5479">
        <v>0</v>
      </c>
      <c r="O5479">
        <v>0</v>
      </c>
      <c r="P5479">
        <v>0</v>
      </c>
      <c r="Q5479">
        <v>12000000</v>
      </c>
      <c r="R5479">
        <v>0</v>
      </c>
      <c r="S5479">
        <v>0</v>
      </c>
      <c r="T5479" s="1">
        <v>45080.546875</v>
      </c>
    </row>
    <row r="5480" spans="1:20" x14ac:dyDescent="0.4">
      <c r="A5480">
        <v>131</v>
      </c>
      <c r="B5480">
        <v>316</v>
      </c>
      <c r="C5480">
        <v>9</v>
      </c>
      <c r="D5480">
        <v>1</v>
      </c>
      <c r="E5480">
        <v>316</v>
      </c>
      <c r="F5480" t="s">
        <v>710</v>
      </c>
      <c r="G5480">
        <v>516</v>
      </c>
      <c r="H5480">
        <v>0</v>
      </c>
      <c r="I5480">
        <v>0</v>
      </c>
      <c r="J5480">
        <v>0</v>
      </c>
      <c r="K5480">
        <v>0</v>
      </c>
      <c r="L5480">
        <v>0</v>
      </c>
      <c r="M5480">
        <v>0</v>
      </c>
      <c r="N5480">
        <v>0</v>
      </c>
      <c r="O5480">
        <v>0</v>
      </c>
      <c r="P5480">
        <v>0</v>
      </c>
      <c r="Q5480">
        <v>12000000</v>
      </c>
      <c r="R5480">
        <v>0</v>
      </c>
      <c r="S5480">
        <v>0</v>
      </c>
      <c r="T5480" s="1">
        <v>45080.546875</v>
      </c>
    </row>
    <row r="5481" spans="1:20" x14ac:dyDescent="0.4">
      <c r="A5481">
        <v>132</v>
      </c>
      <c r="B5481">
        <v>317</v>
      </c>
      <c r="C5481">
        <v>9</v>
      </c>
      <c r="D5481">
        <v>1</v>
      </c>
      <c r="E5481">
        <v>317</v>
      </c>
      <c r="F5481" t="s">
        <v>711</v>
      </c>
      <c r="G5481">
        <v>516</v>
      </c>
      <c r="H5481">
        <v>0</v>
      </c>
      <c r="I5481">
        <v>0</v>
      </c>
      <c r="J5481">
        <v>0</v>
      </c>
      <c r="K5481">
        <v>0</v>
      </c>
      <c r="L5481">
        <v>0</v>
      </c>
      <c r="M5481">
        <v>0</v>
      </c>
      <c r="N5481">
        <v>0</v>
      </c>
      <c r="O5481">
        <v>0</v>
      </c>
      <c r="P5481">
        <v>0</v>
      </c>
      <c r="Q5481">
        <v>12000000</v>
      </c>
      <c r="R5481">
        <v>0</v>
      </c>
      <c r="S5481">
        <v>0</v>
      </c>
      <c r="T5481" s="1">
        <v>45080.546875</v>
      </c>
    </row>
    <row r="5482" spans="1:20" x14ac:dyDescent="0.4">
      <c r="A5482">
        <v>133</v>
      </c>
      <c r="B5482">
        <v>318</v>
      </c>
      <c r="C5482">
        <v>9</v>
      </c>
      <c r="D5482">
        <v>1</v>
      </c>
      <c r="E5482">
        <v>318</v>
      </c>
      <c r="F5482" t="s">
        <v>435</v>
      </c>
      <c r="G5482">
        <v>516</v>
      </c>
      <c r="H5482">
        <v>0</v>
      </c>
      <c r="I5482">
        <v>0</v>
      </c>
      <c r="J5482">
        <v>0</v>
      </c>
      <c r="K5482">
        <v>0</v>
      </c>
      <c r="L5482">
        <v>0</v>
      </c>
      <c r="M5482">
        <v>0</v>
      </c>
      <c r="N5482">
        <v>0</v>
      </c>
      <c r="O5482">
        <v>0</v>
      </c>
      <c r="P5482">
        <v>0</v>
      </c>
      <c r="Q5482">
        <v>12000000</v>
      </c>
      <c r="R5482">
        <v>0</v>
      </c>
      <c r="S5482">
        <v>0</v>
      </c>
      <c r="T5482" s="1">
        <v>45080.546875</v>
      </c>
    </row>
    <row r="5483" spans="1:20" x14ac:dyDescent="0.4">
      <c r="A5483">
        <v>134</v>
      </c>
      <c r="B5483">
        <v>319</v>
      </c>
      <c r="C5483">
        <v>9</v>
      </c>
      <c r="D5483">
        <v>1</v>
      </c>
      <c r="E5483">
        <v>319</v>
      </c>
      <c r="F5483" t="s">
        <v>433</v>
      </c>
      <c r="G5483">
        <v>516</v>
      </c>
      <c r="H5483">
        <v>0</v>
      </c>
      <c r="I5483">
        <v>0</v>
      </c>
      <c r="J5483">
        <v>0</v>
      </c>
      <c r="K5483">
        <v>0</v>
      </c>
      <c r="L5483">
        <v>0</v>
      </c>
      <c r="M5483">
        <v>0</v>
      </c>
      <c r="N5483">
        <v>0</v>
      </c>
      <c r="O5483">
        <v>0</v>
      </c>
      <c r="P5483">
        <v>0</v>
      </c>
      <c r="Q5483">
        <v>12000000</v>
      </c>
      <c r="R5483">
        <v>0</v>
      </c>
      <c r="S5483">
        <v>0</v>
      </c>
      <c r="T5483" s="1">
        <v>45080.546875</v>
      </c>
    </row>
    <row r="5484" spans="1:20" x14ac:dyDescent="0.4">
      <c r="A5484">
        <v>135</v>
      </c>
      <c r="B5484">
        <v>320</v>
      </c>
      <c r="C5484">
        <v>9</v>
      </c>
      <c r="D5484">
        <v>1</v>
      </c>
      <c r="E5484">
        <v>320</v>
      </c>
      <c r="F5484" t="s">
        <v>712</v>
      </c>
      <c r="G5484">
        <v>516</v>
      </c>
      <c r="H5484">
        <v>0</v>
      </c>
      <c r="I5484">
        <v>0</v>
      </c>
      <c r="J5484">
        <v>0</v>
      </c>
      <c r="K5484">
        <v>0</v>
      </c>
      <c r="L5484">
        <v>0</v>
      </c>
      <c r="M5484">
        <v>0</v>
      </c>
      <c r="N5484">
        <v>0</v>
      </c>
      <c r="O5484">
        <v>0</v>
      </c>
      <c r="P5484">
        <v>0</v>
      </c>
      <c r="Q5484">
        <v>12000000</v>
      </c>
      <c r="R5484">
        <v>0</v>
      </c>
      <c r="S5484">
        <v>0</v>
      </c>
      <c r="T5484" s="1">
        <v>45080.546875</v>
      </c>
    </row>
    <row r="5485" spans="1:20" x14ac:dyDescent="0.4">
      <c r="A5485">
        <v>136</v>
      </c>
      <c r="B5485">
        <v>321</v>
      </c>
      <c r="C5485">
        <v>9</v>
      </c>
      <c r="D5485">
        <v>1</v>
      </c>
      <c r="E5485">
        <v>321</v>
      </c>
      <c r="F5485" t="s">
        <v>713</v>
      </c>
      <c r="G5485">
        <v>516</v>
      </c>
      <c r="H5485">
        <v>0</v>
      </c>
      <c r="I5485">
        <v>0</v>
      </c>
      <c r="J5485">
        <v>0</v>
      </c>
      <c r="K5485">
        <v>0</v>
      </c>
      <c r="L5485">
        <v>0</v>
      </c>
      <c r="M5485">
        <v>0</v>
      </c>
      <c r="N5485">
        <v>0</v>
      </c>
      <c r="O5485">
        <v>0</v>
      </c>
      <c r="P5485">
        <v>0</v>
      </c>
      <c r="Q5485">
        <v>12000000</v>
      </c>
      <c r="R5485">
        <v>0</v>
      </c>
      <c r="S5485">
        <v>0</v>
      </c>
      <c r="T5485" s="1">
        <v>45080.546875</v>
      </c>
    </row>
    <row r="5486" spans="1:20" x14ac:dyDescent="0.4">
      <c r="A5486">
        <v>137</v>
      </c>
      <c r="B5486">
        <v>322</v>
      </c>
      <c r="C5486">
        <v>9</v>
      </c>
      <c r="D5486">
        <v>1</v>
      </c>
      <c r="E5486">
        <v>322</v>
      </c>
      <c r="F5486" t="s">
        <v>714</v>
      </c>
      <c r="G5486">
        <v>516</v>
      </c>
      <c r="H5486">
        <v>0</v>
      </c>
      <c r="I5486">
        <v>0</v>
      </c>
      <c r="J5486">
        <v>0</v>
      </c>
      <c r="K5486">
        <v>0</v>
      </c>
      <c r="L5486">
        <v>0</v>
      </c>
      <c r="M5486">
        <v>0</v>
      </c>
      <c r="N5486">
        <v>0</v>
      </c>
      <c r="O5486">
        <v>0</v>
      </c>
      <c r="P5486">
        <v>0</v>
      </c>
      <c r="Q5486">
        <v>12000000</v>
      </c>
      <c r="R5486">
        <v>0</v>
      </c>
      <c r="S5486">
        <v>0</v>
      </c>
      <c r="T5486" s="1">
        <v>45080.546875</v>
      </c>
    </row>
    <row r="5487" spans="1:20" x14ac:dyDescent="0.4">
      <c r="A5487">
        <v>138</v>
      </c>
      <c r="B5487">
        <v>323</v>
      </c>
      <c r="C5487">
        <v>9</v>
      </c>
      <c r="D5487">
        <v>1</v>
      </c>
      <c r="E5487">
        <v>323</v>
      </c>
      <c r="F5487" t="s">
        <v>715</v>
      </c>
      <c r="G5487">
        <v>516</v>
      </c>
      <c r="H5487">
        <v>0</v>
      </c>
      <c r="I5487">
        <v>0</v>
      </c>
      <c r="J5487">
        <v>0</v>
      </c>
      <c r="K5487">
        <v>0</v>
      </c>
      <c r="L5487">
        <v>0</v>
      </c>
      <c r="M5487">
        <v>0</v>
      </c>
      <c r="N5487">
        <v>0</v>
      </c>
      <c r="O5487">
        <v>0</v>
      </c>
      <c r="P5487">
        <v>0</v>
      </c>
      <c r="Q5487">
        <v>12000000</v>
      </c>
      <c r="R5487">
        <v>0</v>
      </c>
      <c r="S5487">
        <v>0</v>
      </c>
      <c r="T5487" s="1">
        <v>45080.546875</v>
      </c>
    </row>
    <row r="5488" spans="1:20" x14ac:dyDescent="0.4">
      <c r="A5488">
        <v>139</v>
      </c>
      <c r="B5488">
        <v>324</v>
      </c>
      <c r="C5488">
        <v>9</v>
      </c>
      <c r="D5488">
        <v>1</v>
      </c>
      <c r="E5488">
        <v>324</v>
      </c>
      <c r="F5488" t="s">
        <v>716</v>
      </c>
      <c r="G5488">
        <v>516</v>
      </c>
      <c r="H5488">
        <v>0</v>
      </c>
      <c r="I5488">
        <v>0</v>
      </c>
      <c r="J5488">
        <v>0</v>
      </c>
      <c r="K5488">
        <v>0</v>
      </c>
      <c r="L5488">
        <v>0</v>
      </c>
      <c r="M5488">
        <v>0</v>
      </c>
      <c r="N5488">
        <v>0</v>
      </c>
      <c r="O5488">
        <v>0</v>
      </c>
      <c r="P5488">
        <v>0</v>
      </c>
      <c r="Q5488">
        <v>12000000</v>
      </c>
      <c r="R5488">
        <v>0</v>
      </c>
      <c r="S5488">
        <v>0</v>
      </c>
      <c r="T5488" s="1">
        <v>45080.546875</v>
      </c>
    </row>
    <row r="5489" spans="1:20" x14ac:dyDescent="0.4">
      <c r="A5489">
        <v>140</v>
      </c>
      <c r="B5489">
        <v>325</v>
      </c>
      <c r="C5489">
        <v>9</v>
      </c>
      <c r="D5489">
        <v>1</v>
      </c>
      <c r="E5489">
        <v>325</v>
      </c>
      <c r="F5489" t="s">
        <v>717</v>
      </c>
      <c r="G5489">
        <v>516</v>
      </c>
      <c r="H5489">
        <v>0</v>
      </c>
      <c r="I5489">
        <v>0</v>
      </c>
      <c r="J5489">
        <v>0</v>
      </c>
      <c r="K5489">
        <v>0</v>
      </c>
      <c r="L5489">
        <v>0</v>
      </c>
      <c r="M5489">
        <v>0</v>
      </c>
      <c r="N5489">
        <v>0</v>
      </c>
      <c r="O5489">
        <v>0</v>
      </c>
      <c r="P5489">
        <v>0</v>
      </c>
      <c r="Q5489">
        <v>12000000</v>
      </c>
      <c r="R5489">
        <v>0</v>
      </c>
      <c r="S5489">
        <v>0</v>
      </c>
      <c r="T5489" s="1">
        <v>45080.546875</v>
      </c>
    </row>
    <row r="5490" spans="1:20" x14ac:dyDescent="0.4">
      <c r="A5490">
        <v>141</v>
      </c>
      <c r="B5490">
        <v>326</v>
      </c>
      <c r="C5490">
        <v>9</v>
      </c>
      <c r="D5490">
        <v>1</v>
      </c>
      <c r="E5490">
        <v>326</v>
      </c>
      <c r="F5490" t="s">
        <v>718</v>
      </c>
      <c r="G5490">
        <v>516</v>
      </c>
      <c r="H5490">
        <v>0</v>
      </c>
      <c r="I5490">
        <v>0</v>
      </c>
      <c r="J5490">
        <v>0</v>
      </c>
      <c r="K5490">
        <v>0</v>
      </c>
      <c r="L5490">
        <v>0</v>
      </c>
      <c r="M5490">
        <v>0</v>
      </c>
      <c r="N5490">
        <v>0</v>
      </c>
      <c r="O5490">
        <v>0</v>
      </c>
      <c r="P5490">
        <v>0</v>
      </c>
      <c r="Q5490">
        <v>12000000</v>
      </c>
      <c r="R5490">
        <v>0</v>
      </c>
      <c r="S5490">
        <v>0</v>
      </c>
      <c r="T5490" s="1">
        <v>45080.546875</v>
      </c>
    </row>
    <row r="5491" spans="1:20" x14ac:dyDescent="0.4">
      <c r="A5491">
        <v>142</v>
      </c>
      <c r="B5491">
        <v>327</v>
      </c>
      <c r="C5491">
        <v>9</v>
      </c>
      <c r="D5491">
        <v>1</v>
      </c>
      <c r="E5491">
        <v>327</v>
      </c>
      <c r="F5491" t="s">
        <v>719</v>
      </c>
      <c r="G5491">
        <v>516</v>
      </c>
      <c r="H5491">
        <v>0</v>
      </c>
      <c r="I5491">
        <v>0</v>
      </c>
      <c r="J5491">
        <v>0</v>
      </c>
      <c r="K5491">
        <v>0</v>
      </c>
      <c r="L5491">
        <v>0</v>
      </c>
      <c r="M5491">
        <v>0</v>
      </c>
      <c r="N5491">
        <v>0</v>
      </c>
      <c r="O5491">
        <v>0</v>
      </c>
      <c r="P5491">
        <v>0</v>
      </c>
      <c r="Q5491">
        <v>12000000</v>
      </c>
      <c r="R5491">
        <v>0</v>
      </c>
      <c r="S5491">
        <v>0</v>
      </c>
      <c r="T5491" s="1">
        <v>45080.546875</v>
      </c>
    </row>
    <row r="5492" spans="1:20" x14ac:dyDescent="0.4">
      <c r="A5492">
        <v>143</v>
      </c>
      <c r="B5492">
        <v>328</v>
      </c>
      <c r="C5492">
        <v>9</v>
      </c>
      <c r="D5492">
        <v>1</v>
      </c>
      <c r="E5492">
        <v>328</v>
      </c>
      <c r="F5492" t="s">
        <v>720</v>
      </c>
      <c r="G5492">
        <v>516</v>
      </c>
      <c r="H5492">
        <v>0</v>
      </c>
      <c r="I5492">
        <v>0</v>
      </c>
      <c r="J5492">
        <v>0</v>
      </c>
      <c r="K5492">
        <v>0</v>
      </c>
      <c r="L5492">
        <v>0</v>
      </c>
      <c r="M5492">
        <v>0</v>
      </c>
      <c r="N5492">
        <v>0</v>
      </c>
      <c r="O5492">
        <v>0</v>
      </c>
      <c r="P5492">
        <v>0</v>
      </c>
      <c r="Q5492">
        <v>12000000</v>
      </c>
      <c r="R5492">
        <v>0</v>
      </c>
      <c r="S5492">
        <v>0</v>
      </c>
      <c r="T5492" s="1">
        <v>45080.546875</v>
      </c>
    </row>
    <row r="5493" spans="1:20" x14ac:dyDescent="0.4">
      <c r="A5493">
        <v>144</v>
      </c>
      <c r="B5493">
        <v>329</v>
      </c>
      <c r="C5493">
        <v>9</v>
      </c>
      <c r="D5493">
        <v>1</v>
      </c>
      <c r="E5493">
        <v>329</v>
      </c>
      <c r="F5493" t="s">
        <v>721</v>
      </c>
      <c r="G5493">
        <v>516</v>
      </c>
      <c r="H5493">
        <v>0</v>
      </c>
      <c r="I5493">
        <v>0</v>
      </c>
      <c r="J5493">
        <v>0</v>
      </c>
      <c r="K5493">
        <v>0</v>
      </c>
      <c r="L5493">
        <v>0</v>
      </c>
      <c r="M5493">
        <v>0</v>
      </c>
      <c r="N5493">
        <v>0</v>
      </c>
      <c r="O5493">
        <v>0</v>
      </c>
      <c r="P5493">
        <v>0</v>
      </c>
      <c r="Q5493">
        <v>12000000</v>
      </c>
      <c r="R5493">
        <v>0</v>
      </c>
      <c r="S5493">
        <v>0</v>
      </c>
      <c r="T5493" s="1">
        <v>45080.546875</v>
      </c>
    </row>
    <row r="5494" spans="1:20" x14ac:dyDescent="0.4">
      <c r="A5494">
        <v>145</v>
      </c>
      <c r="B5494">
        <v>330</v>
      </c>
      <c r="C5494">
        <v>9</v>
      </c>
      <c r="D5494">
        <v>1</v>
      </c>
      <c r="E5494">
        <v>330</v>
      </c>
      <c r="F5494" t="s">
        <v>722</v>
      </c>
      <c r="G5494">
        <v>527</v>
      </c>
      <c r="H5494">
        <v>0</v>
      </c>
      <c r="I5494">
        <v>0</v>
      </c>
      <c r="J5494">
        <v>0</v>
      </c>
      <c r="K5494">
        <v>0</v>
      </c>
      <c r="L5494">
        <v>0</v>
      </c>
      <c r="M5494">
        <v>0</v>
      </c>
      <c r="N5494">
        <v>0</v>
      </c>
      <c r="O5494">
        <v>0</v>
      </c>
      <c r="P5494">
        <v>0</v>
      </c>
      <c r="Q5494">
        <v>12000000</v>
      </c>
      <c r="R5494">
        <v>0</v>
      </c>
      <c r="S5494">
        <v>0</v>
      </c>
      <c r="T5494" s="1">
        <v>45080.546875</v>
      </c>
    </row>
    <row r="5495" spans="1:20" x14ac:dyDescent="0.4">
      <c r="A5495">
        <v>146</v>
      </c>
      <c r="B5495">
        <v>331</v>
      </c>
      <c r="C5495">
        <v>9</v>
      </c>
      <c r="D5495">
        <v>1</v>
      </c>
      <c r="E5495">
        <v>331</v>
      </c>
      <c r="F5495" t="s">
        <v>723</v>
      </c>
      <c r="G5495">
        <v>527</v>
      </c>
      <c r="H5495">
        <v>0</v>
      </c>
      <c r="I5495">
        <v>0</v>
      </c>
      <c r="J5495">
        <v>0</v>
      </c>
      <c r="K5495">
        <v>0</v>
      </c>
      <c r="L5495">
        <v>0</v>
      </c>
      <c r="M5495">
        <v>0</v>
      </c>
      <c r="N5495">
        <v>0</v>
      </c>
      <c r="O5495">
        <v>0</v>
      </c>
      <c r="P5495">
        <v>0</v>
      </c>
      <c r="Q5495">
        <v>12000000</v>
      </c>
      <c r="R5495">
        <v>0</v>
      </c>
      <c r="S5495">
        <v>0</v>
      </c>
      <c r="T5495" s="1">
        <v>45080.546875</v>
      </c>
    </row>
    <row r="5496" spans="1:20" x14ac:dyDescent="0.4">
      <c r="A5496">
        <v>147</v>
      </c>
      <c r="B5496">
        <v>332</v>
      </c>
      <c r="C5496">
        <v>9</v>
      </c>
      <c r="D5496">
        <v>1</v>
      </c>
      <c r="E5496">
        <v>332</v>
      </c>
      <c r="F5496" t="s">
        <v>724</v>
      </c>
      <c r="G5496">
        <v>516</v>
      </c>
      <c r="H5496">
        <v>0</v>
      </c>
      <c r="I5496">
        <v>0</v>
      </c>
      <c r="J5496">
        <v>0</v>
      </c>
      <c r="K5496">
        <v>0</v>
      </c>
      <c r="L5496">
        <v>0</v>
      </c>
      <c r="M5496">
        <v>0</v>
      </c>
      <c r="N5496">
        <v>0</v>
      </c>
      <c r="O5496">
        <v>0</v>
      </c>
      <c r="P5496">
        <v>0</v>
      </c>
      <c r="Q5496">
        <v>12000000</v>
      </c>
      <c r="R5496">
        <v>0</v>
      </c>
      <c r="S5496">
        <v>0</v>
      </c>
      <c r="T5496" s="1">
        <v>45080.546875</v>
      </c>
    </row>
    <row r="5497" spans="1:20" x14ac:dyDescent="0.4">
      <c r="A5497">
        <v>148</v>
      </c>
      <c r="B5497">
        <v>333</v>
      </c>
      <c r="C5497">
        <v>9</v>
      </c>
      <c r="D5497">
        <v>1</v>
      </c>
      <c r="E5497">
        <v>333</v>
      </c>
      <c r="F5497" t="s">
        <v>725</v>
      </c>
      <c r="G5497">
        <v>527</v>
      </c>
      <c r="H5497">
        <v>0</v>
      </c>
      <c r="I5497">
        <v>0</v>
      </c>
      <c r="J5497">
        <v>0</v>
      </c>
      <c r="K5497">
        <v>0</v>
      </c>
      <c r="L5497">
        <v>0</v>
      </c>
      <c r="M5497">
        <v>0</v>
      </c>
      <c r="N5497">
        <v>0</v>
      </c>
      <c r="O5497">
        <v>0</v>
      </c>
      <c r="P5497">
        <v>0</v>
      </c>
      <c r="Q5497">
        <v>12000000</v>
      </c>
      <c r="R5497">
        <v>0</v>
      </c>
      <c r="S5497">
        <v>0</v>
      </c>
      <c r="T5497" s="1">
        <v>45080.546875</v>
      </c>
    </row>
    <row r="5498" spans="1:20" x14ac:dyDescent="0.4">
      <c r="A5498">
        <v>149</v>
      </c>
      <c r="B5498">
        <v>334</v>
      </c>
      <c r="C5498">
        <v>9</v>
      </c>
      <c r="D5498">
        <v>1</v>
      </c>
      <c r="E5498">
        <v>334</v>
      </c>
      <c r="F5498" t="s">
        <v>481</v>
      </c>
      <c r="G5498">
        <v>495</v>
      </c>
      <c r="H5498">
        <v>0</v>
      </c>
      <c r="I5498">
        <v>0</v>
      </c>
      <c r="J5498">
        <v>0</v>
      </c>
      <c r="K5498">
        <v>0</v>
      </c>
      <c r="L5498">
        <v>0</v>
      </c>
      <c r="M5498">
        <v>0</v>
      </c>
      <c r="N5498">
        <v>0</v>
      </c>
      <c r="O5498">
        <v>0</v>
      </c>
      <c r="P5498">
        <v>0</v>
      </c>
      <c r="Q5498">
        <v>12000000</v>
      </c>
      <c r="R5498">
        <v>0</v>
      </c>
      <c r="S5498">
        <v>0</v>
      </c>
      <c r="T5498" s="1">
        <v>45080.546875</v>
      </c>
    </row>
    <row r="5499" spans="1:20" x14ac:dyDescent="0.4">
      <c r="A5499">
        <v>150</v>
      </c>
      <c r="B5499">
        <v>335</v>
      </c>
      <c r="C5499">
        <v>9</v>
      </c>
      <c r="D5499">
        <v>1</v>
      </c>
      <c r="E5499">
        <v>335</v>
      </c>
      <c r="F5499" t="s">
        <v>726</v>
      </c>
      <c r="G5499">
        <v>495</v>
      </c>
      <c r="H5499">
        <v>0</v>
      </c>
      <c r="I5499">
        <v>0</v>
      </c>
      <c r="J5499">
        <v>0</v>
      </c>
      <c r="K5499">
        <v>0</v>
      </c>
      <c r="L5499">
        <v>0</v>
      </c>
      <c r="M5499">
        <v>0</v>
      </c>
      <c r="N5499">
        <v>0</v>
      </c>
      <c r="O5499">
        <v>0</v>
      </c>
      <c r="P5499">
        <v>0</v>
      </c>
      <c r="Q5499">
        <v>12000000</v>
      </c>
      <c r="R5499">
        <v>0</v>
      </c>
      <c r="S5499">
        <v>0</v>
      </c>
      <c r="T5499" s="1">
        <v>45080.546875</v>
      </c>
    </row>
    <row r="5500" spans="1:20" x14ac:dyDescent="0.4">
      <c r="A5500">
        <v>151</v>
      </c>
      <c r="B5500">
        <v>351</v>
      </c>
      <c r="C5500">
        <v>10</v>
      </c>
      <c r="D5500">
        <v>1</v>
      </c>
      <c r="E5500">
        <v>351</v>
      </c>
      <c r="F5500" t="s">
        <v>727</v>
      </c>
      <c r="G5500">
        <v>604</v>
      </c>
      <c r="H5500">
        <v>0</v>
      </c>
      <c r="I5500">
        <v>0</v>
      </c>
      <c r="J5500">
        <v>0</v>
      </c>
      <c r="K5500">
        <v>0</v>
      </c>
      <c r="L5500">
        <v>0</v>
      </c>
      <c r="M5500">
        <v>0</v>
      </c>
      <c r="N5500">
        <v>0</v>
      </c>
      <c r="O5500">
        <v>0</v>
      </c>
      <c r="P5500">
        <v>0</v>
      </c>
      <c r="Q5500">
        <v>12000000</v>
      </c>
      <c r="R5500">
        <v>0</v>
      </c>
      <c r="S5500">
        <v>0</v>
      </c>
      <c r="T5500" s="1">
        <v>45080.546875</v>
      </c>
    </row>
    <row r="5501" spans="1:20" x14ac:dyDescent="0.4">
      <c r="A5501">
        <v>152</v>
      </c>
      <c r="B5501">
        <v>352</v>
      </c>
      <c r="C5501">
        <v>10</v>
      </c>
      <c r="D5501">
        <v>1</v>
      </c>
      <c r="E5501">
        <v>352</v>
      </c>
      <c r="F5501" t="s">
        <v>728</v>
      </c>
      <c r="G5501">
        <v>604</v>
      </c>
      <c r="H5501">
        <v>0</v>
      </c>
      <c r="I5501">
        <v>0</v>
      </c>
      <c r="J5501">
        <v>0</v>
      </c>
      <c r="K5501">
        <v>0</v>
      </c>
      <c r="L5501">
        <v>0</v>
      </c>
      <c r="M5501">
        <v>0</v>
      </c>
      <c r="N5501">
        <v>0</v>
      </c>
      <c r="O5501">
        <v>0</v>
      </c>
      <c r="P5501">
        <v>0</v>
      </c>
      <c r="Q5501">
        <v>12000000</v>
      </c>
      <c r="R5501">
        <v>0</v>
      </c>
      <c r="S5501">
        <v>0</v>
      </c>
      <c r="T5501" s="1">
        <v>45080.546875</v>
      </c>
    </row>
    <row r="5502" spans="1:20" x14ac:dyDescent="0.4">
      <c r="A5502">
        <v>153</v>
      </c>
      <c r="B5502">
        <v>353</v>
      </c>
      <c r="C5502">
        <v>10</v>
      </c>
      <c r="D5502">
        <v>1</v>
      </c>
      <c r="E5502">
        <v>353</v>
      </c>
      <c r="F5502" t="s">
        <v>729</v>
      </c>
      <c r="G5502">
        <v>604</v>
      </c>
      <c r="H5502">
        <v>0</v>
      </c>
      <c r="I5502">
        <v>0</v>
      </c>
      <c r="J5502">
        <v>0</v>
      </c>
      <c r="K5502">
        <v>0</v>
      </c>
      <c r="L5502">
        <v>0</v>
      </c>
      <c r="M5502">
        <v>0</v>
      </c>
      <c r="N5502">
        <v>0</v>
      </c>
      <c r="O5502">
        <v>0</v>
      </c>
      <c r="P5502">
        <v>0</v>
      </c>
      <c r="Q5502">
        <v>12000000</v>
      </c>
      <c r="R5502">
        <v>0</v>
      </c>
      <c r="S5502">
        <v>0</v>
      </c>
      <c r="T5502" s="1">
        <v>45080.546875</v>
      </c>
    </row>
    <row r="5503" spans="1:20" x14ac:dyDescent="0.4">
      <c r="A5503">
        <v>154</v>
      </c>
      <c r="B5503">
        <v>354</v>
      </c>
      <c r="C5503">
        <v>10</v>
      </c>
      <c r="D5503">
        <v>1</v>
      </c>
      <c r="E5503">
        <v>354</v>
      </c>
      <c r="F5503" t="s">
        <v>730</v>
      </c>
      <c r="G5503">
        <v>604</v>
      </c>
      <c r="H5503">
        <v>0</v>
      </c>
      <c r="I5503">
        <v>0</v>
      </c>
      <c r="J5503">
        <v>0</v>
      </c>
      <c r="K5503">
        <v>0</v>
      </c>
      <c r="L5503">
        <v>0</v>
      </c>
      <c r="M5503">
        <v>0</v>
      </c>
      <c r="N5503">
        <v>0</v>
      </c>
      <c r="O5503">
        <v>0</v>
      </c>
      <c r="P5503">
        <v>0</v>
      </c>
      <c r="Q5503">
        <v>12000000</v>
      </c>
      <c r="R5503">
        <v>0</v>
      </c>
      <c r="S5503">
        <v>0</v>
      </c>
      <c r="T5503" s="1">
        <v>45080.546875</v>
      </c>
    </row>
    <row r="5504" spans="1:20" x14ac:dyDescent="0.4">
      <c r="A5504">
        <v>155</v>
      </c>
      <c r="B5504">
        <v>361</v>
      </c>
      <c r="C5504">
        <v>10</v>
      </c>
      <c r="D5504">
        <v>1</v>
      </c>
      <c r="E5504">
        <v>361</v>
      </c>
      <c r="F5504" t="s">
        <v>731</v>
      </c>
      <c r="G5504">
        <v>604</v>
      </c>
      <c r="H5504">
        <v>0</v>
      </c>
      <c r="I5504">
        <v>0</v>
      </c>
      <c r="J5504">
        <v>0</v>
      </c>
      <c r="K5504">
        <v>0</v>
      </c>
      <c r="L5504">
        <v>0</v>
      </c>
      <c r="M5504">
        <v>0</v>
      </c>
      <c r="N5504">
        <v>0</v>
      </c>
      <c r="O5504">
        <v>0</v>
      </c>
      <c r="P5504">
        <v>0</v>
      </c>
      <c r="Q5504">
        <v>12000000</v>
      </c>
      <c r="R5504">
        <v>0</v>
      </c>
      <c r="S5504">
        <v>0</v>
      </c>
      <c r="T5504" s="1">
        <v>45080.546875</v>
      </c>
    </row>
    <row r="5505" spans="1:20" x14ac:dyDescent="0.4">
      <c r="A5505">
        <v>156</v>
      </c>
      <c r="B5505">
        <v>362</v>
      </c>
      <c r="C5505">
        <v>10</v>
      </c>
      <c r="D5505">
        <v>1</v>
      </c>
      <c r="E5505">
        <v>362</v>
      </c>
      <c r="F5505" t="s">
        <v>732</v>
      </c>
      <c r="G5505">
        <v>604</v>
      </c>
      <c r="H5505">
        <v>0</v>
      </c>
      <c r="I5505">
        <v>0</v>
      </c>
      <c r="J5505">
        <v>0</v>
      </c>
      <c r="K5505">
        <v>0</v>
      </c>
      <c r="L5505">
        <v>0</v>
      </c>
      <c r="M5505">
        <v>0</v>
      </c>
      <c r="N5505">
        <v>0</v>
      </c>
      <c r="O5505">
        <v>0</v>
      </c>
      <c r="P5505">
        <v>0</v>
      </c>
      <c r="Q5505">
        <v>12000000</v>
      </c>
      <c r="R5505">
        <v>0</v>
      </c>
      <c r="S5505">
        <v>0</v>
      </c>
      <c r="T5505" s="1">
        <v>45080.546875</v>
      </c>
    </row>
    <row r="5506" spans="1:20" x14ac:dyDescent="0.4">
      <c r="A5506">
        <v>157</v>
      </c>
      <c r="B5506">
        <v>363</v>
      </c>
      <c r="C5506">
        <v>10</v>
      </c>
      <c r="D5506">
        <v>1</v>
      </c>
      <c r="E5506">
        <v>363</v>
      </c>
      <c r="F5506" t="s">
        <v>733</v>
      </c>
      <c r="G5506">
        <v>604</v>
      </c>
      <c r="H5506">
        <v>0</v>
      </c>
      <c r="I5506">
        <v>0</v>
      </c>
      <c r="J5506">
        <v>0</v>
      </c>
      <c r="K5506">
        <v>0</v>
      </c>
      <c r="L5506">
        <v>0</v>
      </c>
      <c r="M5506">
        <v>0</v>
      </c>
      <c r="N5506">
        <v>0</v>
      </c>
      <c r="O5506">
        <v>0</v>
      </c>
      <c r="P5506">
        <v>0</v>
      </c>
      <c r="Q5506">
        <v>12000000</v>
      </c>
      <c r="R5506">
        <v>0</v>
      </c>
      <c r="S5506">
        <v>0</v>
      </c>
      <c r="T5506" s="1">
        <v>45080.546875</v>
      </c>
    </row>
    <row r="5507" spans="1:20" x14ac:dyDescent="0.4">
      <c r="A5507">
        <v>158</v>
      </c>
      <c r="B5507">
        <v>364</v>
      </c>
      <c r="C5507">
        <v>10</v>
      </c>
      <c r="D5507">
        <v>1</v>
      </c>
      <c r="E5507">
        <v>364</v>
      </c>
      <c r="F5507" t="s">
        <v>734</v>
      </c>
      <c r="G5507">
        <v>604</v>
      </c>
      <c r="H5507">
        <v>0</v>
      </c>
      <c r="I5507">
        <v>0</v>
      </c>
      <c r="J5507">
        <v>0</v>
      </c>
      <c r="K5507">
        <v>0</v>
      </c>
      <c r="L5507">
        <v>0</v>
      </c>
      <c r="M5507">
        <v>0</v>
      </c>
      <c r="N5507">
        <v>0</v>
      </c>
      <c r="O5507">
        <v>0</v>
      </c>
      <c r="P5507">
        <v>0</v>
      </c>
      <c r="Q5507">
        <v>12000000</v>
      </c>
      <c r="R5507">
        <v>0</v>
      </c>
      <c r="S5507">
        <v>0</v>
      </c>
      <c r="T5507" s="1">
        <v>45080.546875</v>
      </c>
    </row>
    <row r="5508" spans="1:20" x14ac:dyDescent="0.4">
      <c r="A5508">
        <v>159</v>
      </c>
      <c r="B5508">
        <v>371</v>
      </c>
      <c r="C5508">
        <v>10</v>
      </c>
      <c r="D5508">
        <v>1</v>
      </c>
      <c r="E5508">
        <v>371</v>
      </c>
      <c r="F5508" t="s">
        <v>735</v>
      </c>
      <c r="G5508">
        <v>626</v>
      </c>
      <c r="H5508">
        <v>0</v>
      </c>
      <c r="I5508">
        <v>0</v>
      </c>
      <c r="J5508">
        <v>0</v>
      </c>
      <c r="K5508">
        <v>0</v>
      </c>
      <c r="L5508">
        <v>0</v>
      </c>
      <c r="M5508">
        <v>0</v>
      </c>
      <c r="N5508">
        <v>0</v>
      </c>
      <c r="O5508">
        <v>0</v>
      </c>
      <c r="P5508">
        <v>0</v>
      </c>
      <c r="Q5508">
        <v>2000000</v>
      </c>
      <c r="R5508">
        <v>0</v>
      </c>
      <c r="S5508">
        <v>0</v>
      </c>
      <c r="T5508" s="1">
        <v>45080.546875</v>
      </c>
    </row>
    <row r="5509" spans="1:20" x14ac:dyDescent="0.4">
      <c r="A5509">
        <v>160</v>
      </c>
      <c r="B5509">
        <v>372</v>
      </c>
      <c r="C5509">
        <v>10</v>
      </c>
      <c r="D5509">
        <v>1</v>
      </c>
      <c r="E5509">
        <v>372</v>
      </c>
      <c r="F5509" t="s">
        <v>736</v>
      </c>
      <c r="G5509">
        <v>626</v>
      </c>
      <c r="H5509">
        <v>0</v>
      </c>
      <c r="I5509">
        <v>0</v>
      </c>
      <c r="J5509">
        <v>0</v>
      </c>
      <c r="K5509">
        <v>0</v>
      </c>
      <c r="L5509">
        <v>0</v>
      </c>
      <c r="M5509">
        <v>0</v>
      </c>
      <c r="N5509">
        <v>0</v>
      </c>
      <c r="O5509">
        <v>0</v>
      </c>
      <c r="P5509">
        <v>0</v>
      </c>
      <c r="Q5509">
        <v>2000000</v>
      </c>
      <c r="R5509">
        <v>0</v>
      </c>
      <c r="S5509">
        <v>0</v>
      </c>
      <c r="T5509" s="1">
        <v>45080.546875</v>
      </c>
    </row>
    <row r="5510" spans="1:20" x14ac:dyDescent="0.4">
      <c r="A5510">
        <v>161</v>
      </c>
      <c r="B5510">
        <v>373</v>
      </c>
      <c r="C5510">
        <v>10</v>
      </c>
      <c r="D5510">
        <v>1</v>
      </c>
      <c r="E5510">
        <v>373</v>
      </c>
      <c r="F5510" t="s">
        <v>737</v>
      </c>
      <c r="G5510">
        <v>626</v>
      </c>
      <c r="H5510">
        <v>0</v>
      </c>
      <c r="I5510">
        <v>0</v>
      </c>
      <c r="J5510">
        <v>0</v>
      </c>
      <c r="K5510">
        <v>0</v>
      </c>
      <c r="L5510">
        <v>0</v>
      </c>
      <c r="M5510">
        <v>0</v>
      </c>
      <c r="N5510">
        <v>0</v>
      </c>
      <c r="O5510">
        <v>0</v>
      </c>
      <c r="P5510">
        <v>0</v>
      </c>
      <c r="Q5510">
        <v>2000000</v>
      </c>
      <c r="R5510">
        <v>0</v>
      </c>
      <c r="S5510">
        <v>0</v>
      </c>
      <c r="T5510" s="1">
        <v>45080.546875</v>
      </c>
    </row>
    <row r="5511" spans="1:20" x14ac:dyDescent="0.4">
      <c r="A5511">
        <v>162</v>
      </c>
      <c r="B5511">
        <v>374</v>
      </c>
      <c r="C5511">
        <v>10</v>
      </c>
      <c r="D5511">
        <v>1</v>
      </c>
      <c r="E5511">
        <v>374</v>
      </c>
      <c r="F5511" t="s">
        <v>738</v>
      </c>
      <c r="G5511">
        <v>626</v>
      </c>
      <c r="H5511">
        <v>0</v>
      </c>
      <c r="I5511">
        <v>0</v>
      </c>
      <c r="J5511">
        <v>0</v>
      </c>
      <c r="K5511">
        <v>0</v>
      </c>
      <c r="L5511">
        <v>0</v>
      </c>
      <c r="M5511">
        <v>0</v>
      </c>
      <c r="N5511">
        <v>0</v>
      </c>
      <c r="O5511">
        <v>0</v>
      </c>
      <c r="P5511">
        <v>0</v>
      </c>
      <c r="Q5511">
        <v>2000000</v>
      </c>
      <c r="R5511">
        <v>0</v>
      </c>
      <c r="S5511">
        <v>0</v>
      </c>
      <c r="T5511" s="1">
        <v>45080.546875</v>
      </c>
    </row>
    <row r="5512" spans="1:20" x14ac:dyDescent="0.4">
      <c r="A5512">
        <v>163</v>
      </c>
      <c r="B5512">
        <v>381</v>
      </c>
      <c r="C5512">
        <v>10</v>
      </c>
      <c r="D5512">
        <v>1</v>
      </c>
      <c r="E5512">
        <v>381</v>
      </c>
      <c r="F5512" t="s">
        <v>739</v>
      </c>
      <c r="G5512">
        <v>626</v>
      </c>
      <c r="H5512">
        <v>0</v>
      </c>
      <c r="I5512">
        <v>0</v>
      </c>
      <c r="J5512">
        <v>0</v>
      </c>
      <c r="K5512">
        <v>0</v>
      </c>
      <c r="L5512">
        <v>0</v>
      </c>
      <c r="M5512">
        <v>0</v>
      </c>
      <c r="N5512">
        <v>0</v>
      </c>
      <c r="O5512">
        <v>0</v>
      </c>
      <c r="P5512">
        <v>0</v>
      </c>
      <c r="Q5512">
        <v>2000000</v>
      </c>
      <c r="R5512">
        <v>0</v>
      </c>
      <c r="S5512">
        <v>0</v>
      </c>
      <c r="T5512" s="1">
        <v>45080.546875</v>
      </c>
    </row>
    <row r="5513" spans="1:20" x14ac:dyDescent="0.4">
      <c r="A5513">
        <v>164</v>
      </c>
      <c r="B5513">
        <v>382</v>
      </c>
      <c r="C5513">
        <v>10</v>
      </c>
      <c r="D5513">
        <v>1</v>
      </c>
      <c r="E5513">
        <v>382</v>
      </c>
      <c r="F5513" t="s">
        <v>740</v>
      </c>
      <c r="G5513">
        <v>626</v>
      </c>
      <c r="H5513">
        <v>0</v>
      </c>
      <c r="I5513">
        <v>0</v>
      </c>
      <c r="J5513">
        <v>0</v>
      </c>
      <c r="K5513">
        <v>0</v>
      </c>
      <c r="L5513">
        <v>0</v>
      </c>
      <c r="M5513">
        <v>0</v>
      </c>
      <c r="N5513">
        <v>0</v>
      </c>
      <c r="O5513">
        <v>0</v>
      </c>
      <c r="P5513">
        <v>0</v>
      </c>
      <c r="Q5513">
        <v>2000000</v>
      </c>
      <c r="R5513">
        <v>0</v>
      </c>
      <c r="S5513">
        <v>0</v>
      </c>
      <c r="T5513" s="1">
        <v>45080.546875</v>
      </c>
    </row>
    <row r="5514" spans="1:20" x14ac:dyDescent="0.4">
      <c r="A5514">
        <v>165</v>
      </c>
      <c r="B5514">
        <v>383</v>
      </c>
      <c r="C5514">
        <v>10</v>
      </c>
      <c r="D5514">
        <v>1</v>
      </c>
      <c r="E5514">
        <v>383</v>
      </c>
      <c r="F5514" t="s">
        <v>741</v>
      </c>
      <c r="G5514">
        <v>626</v>
      </c>
      <c r="H5514">
        <v>0</v>
      </c>
      <c r="I5514">
        <v>0</v>
      </c>
      <c r="J5514">
        <v>0</v>
      </c>
      <c r="K5514">
        <v>0</v>
      </c>
      <c r="L5514">
        <v>0</v>
      </c>
      <c r="M5514">
        <v>0</v>
      </c>
      <c r="N5514">
        <v>0</v>
      </c>
      <c r="O5514">
        <v>0</v>
      </c>
      <c r="P5514">
        <v>0</v>
      </c>
      <c r="Q5514">
        <v>2000000</v>
      </c>
      <c r="R5514">
        <v>0</v>
      </c>
      <c r="S5514">
        <v>0</v>
      </c>
      <c r="T5514" s="1">
        <v>45080.546875</v>
      </c>
    </row>
    <row r="5515" spans="1:20" x14ac:dyDescent="0.4">
      <c r="A5515">
        <v>166</v>
      </c>
      <c r="B5515">
        <v>384</v>
      </c>
      <c r="C5515">
        <v>10</v>
      </c>
      <c r="D5515">
        <v>1</v>
      </c>
      <c r="E5515">
        <v>384</v>
      </c>
      <c r="F5515" t="s">
        <v>742</v>
      </c>
      <c r="G5515">
        <v>626</v>
      </c>
      <c r="H5515">
        <v>0</v>
      </c>
      <c r="I5515">
        <v>0</v>
      </c>
      <c r="J5515">
        <v>0</v>
      </c>
      <c r="K5515">
        <v>0</v>
      </c>
      <c r="L5515">
        <v>0</v>
      </c>
      <c r="M5515">
        <v>0</v>
      </c>
      <c r="N5515">
        <v>0</v>
      </c>
      <c r="O5515">
        <v>0</v>
      </c>
      <c r="P5515">
        <v>0</v>
      </c>
      <c r="Q5515">
        <v>2000000</v>
      </c>
      <c r="R5515">
        <v>0</v>
      </c>
      <c r="S5515">
        <v>0</v>
      </c>
      <c r="T5515" s="1">
        <v>45080.546875</v>
      </c>
    </row>
    <row r="5516" spans="1:20" x14ac:dyDescent="0.4">
      <c r="A5516">
        <v>167</v>
      </c>
      <c r="B5516">
        <v>391</v>
      </c>
      <c r="C5516">
        <v>10</v>
      </c>
      <c r="D5516">
        <v>1</v>
      </c>
      <c r="E5516">
        <v>391</v>
      </c>
      <c r="F5516" t="s">
        <v>743</v>
      </c>
      <c r="G5516">
        <v>626</v>
      </c>
      <c r="H5516">
        <v>0</v>
      </c>
      <c r="I5516">
        <v>0</v>
      </c>
      <c r="J5516">
        <v>0</v>
      </c>
      <c r="K5516">
        <v>0</v>
      </c>
      <c r="L5516">
        <v>0</v>
      </c>
      <c r="M5516">
        <v>0</v>
      </c>
      <c r="N5516">
        <v>0</v>
      </c>
      <c r="O5516">
        <v>0</v>
      </c>
      <c r="P5516">
        <v>0</v>
      </c>
      <c r="Q5516">
        <v>2000000</v>
      </c>
      <c r="R5516">
        <v>0</v>
      </c>
      <c r="S5516">
        <v>0</v>
      </c>
      <c r="T5516" s="1">
        <v>45080.546875</v>
      </c>
    </row>
    <row r="5517" spans="1:20" x14ac:dyDescent="0.4">
      <c r="A5517">
        <v>168</v>
      </c>
      <c r="B5517">
        <v>392</v>
      </c>
      <c r="C5517">
        <v>10</v>
      </c>
      <c r="D5517">
        <v>1</v>
      </c>
      <c r="E5517">
        <v>392</v>
      </c>
      <c r="F5517" t="s">
        <v>744</v>
      </c>
      <c r="G5517">
        <v>626</v>
      </c>
      <c r="H5517">
        <v>0</v>
      </c>
      <c r="I5517">
        <v>0</v>
      </c>
      <c r="J5517">
        <v>0</v>
      </c>
      <c r="K5517">
        <v>0</v>
      </c>
      <c r="L5517">
        <v>0</v>
      </c>
      <c r="M5517">
        <v>0</v>
      </c>
      <c r="N5517">
        <v>0</v>
      </c>
      <c r="O5517">
        <v>0</v>
      </c>
      <c r="P5517">
        <v>0</v>
      </c>
      <c r="Q5517">
        <v>2000000</v>
      </c>
      <c r="R5517">
        <v>0</v>
      </c>
      <c r="S5517">
        <v>0</v>
      </c>
      <c r="T5517" s="1">
        <v>45080.546875</v>
      </c>
    </row>
    <row r="5518" spans="1:20" x14ac:dyDescent="0.4">
      <c r="A5518">
        <v>169</v>
      </c>
      <c r="B5518">
        <v>393</v>
      </c>
      <c r="C5518">
        <v>10</v>
      </c>
      <c r="D5518">
        <v>1</v>
      </c>
      <c r="E5518">
        <v>393</v>
      </c>
      <c r="F5518" t="s">
        <v>745</v>
      </c>
      <c r="G5518">
        <v>626</v>
      </c>
      <c r="H5518">
        <v>0</v>
      </c>
      <c r="I5518">
        <v>0</v>
      </c>
      <c r="J5518">
        <v>0</v>
      </c>
      <c r="K5518">
        <v>0</v>
      </c>
      <c r="L5518">
        <v>0</v>
      </c>
      <c r="M5518">
        <v>0</v>
      </c>
      <c r="N5518">
        <v>0</v>
      </c>
      <c r="O5518">
        <v>0</v>
      </c>
      <c r="P5518">
        <v>0</v>
      </c>
      <c r="Q5518">
        <v>2000000</v>
      </c>
      <c r="R5518">
        <v>0</v>
      </c>
      <c r="S5518">
        <v>0</v>
      </c>
      <c r="T5518" s="1">
        <v>45080.546875</v>
      </c>
    </row>
    <row r="5519" spans="1:20" x14ac:dyDescent="0.4">
      <c r="A5519">
        <v>170</v>
      </c>
      <c r="B5519">
        <v>394</v>
      </c>
      <c r="C5519">
        <v>10</v>
      </c>
      <c r="D5519">
        <v>1</v>
      </c>
      <c r="E5519">
        <v>394</v>
      </c>
      <c r="F5519" t="s">
        <v>746</v>
      </c>
      <c r="G5519">
        <v>626</v>
      </c>
      <c r="H5519">
        <v>0</v>
      </c>
      <c r="I5519">
        <v>0</v>
      </c>
      <c r="J5519">
        <v>0</v>
      </c>
      <c r="K5519">
        <v>0</v>
      </c>
      <c r="L5519">
        <v>0</v>
      </c>
      <c r="M5519">
        <v>0</v>
      </c>
      <c r="N5519">
        <v>0</v>
      </c>
      <c r="O5519">
        <v>0</v>
      </c>
      <c r="P5519">
        <v>0</v>
      </c>
      <c r="Q5519">
        <v>2000000</v>
      </c>
      <c r="R5519">
        <v>0</v>
      </c>
      <c r="S5519">
        <v>0</v>
      </c>
      <c r="T5519" s="1">
        <v>45080.546875</v>
      </c>
    </row>
    <row r="5520" spans="1:20" x14ac:dyDescent="0.4">
      <c r="A5520">
        <v>171</v>
      </c>
      <c r="B5520">
        <v>401</v>
      </c>
      <c r="C5520">
        <v>10</v>
      </c>
      <c r="D5520">
        <v>1</v>
      </c>
      <c r="E5520">
        <v>401</v>
      </c>
      <c r="F5520" t="s">
        <v>747</v>
      </c>
      <c r="G5520">
        <v>626</v>
      </c>
      <c r="H5520">
        <v>0</v>
      </c>
      <c r="I5520">
        <v>0</v>
      </c>
      <c r="J5520">
        <v>0</v>
      </c>
      <c r="K5520">
        <v>0</v>
      </c>
      <c r="L5520">
        <v>0</v>
      </c>
      <c r="M5520">
        <v>0</v>
      </c>
      <c r="N5520">
        <v>0</v>
      </c>
      <c r="O5520">
        <v>0</v>
      </c>
      <c r="P5520">
        <v>0</v>
      </c>
      <c r="Q5520">
        <v>2000000</v>
      </c>
      <c r="R5520">
        <v>0</v>
      </c>
      <c r="S5520">
        <v>0</v>
      </c>
      <c r="T5520" s="1">
        <v>45080.546875</v>
      </c>
    </row>
    <row r="5521" spans="1:20" x14ac:dyDescent="0.4">
      <c r="A5521">
        <v>172</v>
      </c>
      <c r="B5521">
        <v>402</v>
      </c>
      <c r="C5521">
        <v>10</v>
      </c>
      <c r="D5521">
        <v>1</v>
      </c>
      <c r="E5521">
        <v>402</v>
      </c>
      <c r="F5521" t="s">
        <v>748</v>
      </c>
      <c r="G5521">
        <v>626</v>
      </c>
      <c r="H5521">
        <v>0</v>
      </c>
      <c r="I5521">
        <v>0</v>
      </c>
      <c r="J5521">
        <v>0</v>
      </c>
      <c r="K5521">
        <v>0</v>
      </c>
      <c r="L5521">
        <v>0</v>
      </c>
      <c r="M5521">
        <v>0</v>
      </c>
      <c r="N5521">
        <v>0</v>
      </c>
      <c r="O5521">
        <v>0</v>
      </c>
      <c r="P5521">
        <v>0</v>
      </c>
      <c r="Q5521">
        <v>2000000</v>
      </c>
      <c r="R5521">
        <v>0</v>
      </c>
      <c r="S5521">
        <v>0</v>
      </c>
      <c r="T5521" s="1">
        <v>45080.546875</v>
      </c>
    </row>
    <row r="5522" spans="1:20" x14ac:dyDescent="0.4">
      <c r="A5522">
        <v>173</v>
      </c>
      <c r="B5522">
        <v>403</v>
      </c>
      <c r="C5522">
        <v>10</v>
      </c>
      <c r="D5522">
        <v>1</v>
      </c>
      <c r="E5522">
        <v>403</v>
      </c>
      <c r="F5522" t="s">
        <v>749</v>
      </c>
      <c r="G5522">
        <v>626</v>
      </c>
      <c r="H5522">
        <v>0</v>
      </c>
      <c r="I5522">
        <v>0</v>
      </c>
      <c r="J5522">
        <v>0</v>
      </c>
      <c r="K5522">
        <v>0</v>
      </c>
      <c r="L5522">
        <v>0</v>
      </c>
      <c r="M5522">
        <v>0</v>
      </c>
      <c r="N5522">
        <v>0</v>
      </c>
      <c r="O5522">
        <v>0</v>
      </c>
      <c r="P5522">
        <v>0</v>
      </c>
      <c r="Q5522">
        <v>2000000</v>
      </c>
      <c r="R5522">
        <v>0</v>
      </c>
      <c r="S5522">
        <v>0</v>
      </c>
      <c r="T5522" s="1">
        <v>45080.546875</v>
      </c>
    </row>
    <row r="5523" spans="1:20" x14ac:dyDescent="0.4">
      <c r="A5523">
        <v>174</v>
      </c>
      <c r="B5523">
        <v>404</v>
      </c>
      <c r="C5523">
        <v>10</v>
      </c>
      <c r="D5523">
        <v>1</v>
      </c>
      <c r="E5523">
        <v>404</v>
      </c>
      <c r="F5523" t="s">
        <v>750</v>
      </c>
      <c r="G5523">
        <v>626</v>
      </c>
      <c r="H5523">
        <v>0</v>
      </c>
      <c r="I5523">
        <v>0</v>
      </c>
      <c r="J5523">
        <v>0</v>
      </c>
      <c r="K5523">
        <v>0</v>
      </c>
      <c r="L5523">
        <v>0</v>
      </c>
      <c r="M5523">
        <v>0</v>
      </c>
      <c r="N5523">
        <v>0</v>
      </c>
      <c r="O5523">
        <v>0</v>
      </c>
      <c r="P5523">
        <v>0</v>
      </c>
      <c r="Q5523">
        <v>2000000</v>
      </c>
      <c r="R5523">
        <v>0</v>
      </c>
      <c r="S5523">
        <v>0</v>
      </c>
      <c r="T5523" s="1">
        <v>45080.546875</v>
      </c>
    </row>
    <row r="5524" spans="1:20" x14ac:dyDescent="0.4">
      <c r="A5524">
        <v>175</v>
      </c>
      <c r="B5524">
        <v>411</v>
      </c>
      <c r="C5524">
        <v>10</v>
      </c>
      <c r="D5524">
        <v>1</v>
      </c>
      <c r="E5524">
        <v>411</v>
      </c>
      <c r="F5524" t="s">
        <v>751</v>
      </c>
      <c r="G5524">
        <v>626</v>
      </c>
      <c r="H5524">
        <v>0</v>
      </c>
      <c r="I5524">
        <v>0</v>
      </c>
      <c r="J5524">
        <v>0</v>
      </c>
      <c r="K5524">
        <v>0</v>
      </c>
      <c r="L5524">
        <v>0</v>
      </c>
      <c r="M5524">
        <v>0</v>
      </c>
      <c r="N5524">
        <v>0</v>
      </c>
      <c r="O5524">
        <v>0</v>
      </c>
      <c r="P5524">
        <v>0</v>
      </c>
      <c r="Q5524">
        <v>2000000</v>
      </c>
      <c r="R5524">
        <v>0</v>
      </c>
      <c r="S5524">
        <v>0</v>
      </c>
      <c r="T5524" s="1">
        <v>45080.546875</v>
      </c>
    </row>
    <row r="5525" spans="1:20" x14ac:dyDescent="0.4">
      <c r="A5525">
        <v>176</v>
      </c>
      <c r="B5525">
        <v>412</v>
      </c>
      <c r="C5525">
        <v>10</v>
      </c>
      <c r="D5525">
        <v>1</v>
      </c>
      <c r="E5525">
        <v>412</v>
      </c>
      <c r="F5525" t="s">
        <v>752</v>
      </c>
      <c r="G5525">
        <v>626</v>
      </c>
      <c r="H5525">
        <v>0</v>
      </c>
      <c r="I5525">
        <v>0</v>
      </c>
      <c r="J5525">
        <v>0</v>
      </c>
      <c r="K5525">
        <v>0</v>
      </c>
      <c r="L5525">
        <v>0</v>
      </c>
      <c r="M5525">
        <v>0</v>
      </c>
      <c r="N5525">
        <v>0</v>
      </c>
      <c r="O5525">
        <v>0</v>
      </c>
      <c r="P5525">
        <v>0</v>
      </c>
      <c r="Q5525">
        <v>2000000</v>
      </c>
      <c r="R5525">
        <v>0</v>
      </c>
      <c r="S5525">
        <v>0</v>
      </c>
      <c r="T5525" s="1">
        <v>45080.546875</v>
      </c>
    </row>
    <row r="5526" spans="1:20" x14ac:dyDescent="0.4">
      <c r="A5526">
        <v>177</v>
      </c>
      <c r="B5526">
        <v>413</v>
      </c>
      <c r="C5526">
        <v>10</v>
      </c>
      <c r="D5526">
        <v>1</v>
      </c>
      <c r="E5526">
        <v>413</v>
      </c>
      <c r="F5526" t="s">
        <v>753</v>
      </c>
      <c r="G5526">
        <v>626</v>
      </c>
      <c r="H5526">
        <v>0</v>
      </c>
      <c r="I5526">
        <v>0</v>
      </c>
      <c r="J5526">
        <v>0</v>
      </c>
      <c r="K5526">
        <v>0</v>
      </c>
      <c r="L5526">
        <v>0</v>
      </c>
      <c r="M5526">
        <v>0</v>
      </c>
      <c r="N5526">
        <v>0</v>
      </c>
      <c r="O5526">
        <v>0</v>
      </c>
      <c r="P5526">
        <v>0</v>
      </c>
      <c r="Q5526">
        <v>2000000</v>
      </c>
      <c r="R5526">
        <v>0</v>
      </c>
      <c r="S5526">
        <v>0</v>
      </c>
      <c r="T5526" s="1">
        <v>45080.546875</v>
      </c>
    </row>
    <row r="5527" spans="1:20" x14ac:dyDescent="0.4">
      <c r="A5527">
        <v>178</v>
      </c>
      <c r="B5527">
        <v>414</v>
      </c>
      <c r="C5527">
        <v>10</v>
      </c>
      <c r="D5527">
        <v>1</v>
      </c>
      <c r="E5527">
        <v>414</v>
      </c>
      <c r="F5527" t="s">
        <v>754</v>
      </c>
      <c r="G5527">
        <v>626</v>
      </c>
      <c r="H5527">
        <v>0</v>
      </c>
      <c r="I5527">
        <v>0</v>
      </c>
      <c r="J5527">
        <v>0</v>
      </c>
      <c r="K5527">
        <v>0</v>
      </c>
      <c r="L5527">
        <v>0</v>
      </c>
      <c r="M5527">
        <v>0</v>
      </c>
      <c r="N5527">
        <v>0</v>
      </c>
      <c r="O5527">
        <v>0</v>
      </c>
      <c r="P5527">
        <v>0</v>
      </c>
      <c r="Q5527">
        <v>2000000</v>
      </c>
      <c r="R5527">
        <v>0</v>
      </c>
      <c r="S5527">
        <v>0</v>
      </c>
      <c r="T5527" s="1">
        <v>45080.546875</v>
      </c>
    </row>
    <row r="5528" spans="1:20" x14ac:dyDescent="0.4">
      <c r="A5528">
        <v>179</v>
      </c>
      <c r="B5528">
        <v>421</v>
      </c>
      <c r="C5528">
        <v>10</v>
      </c>
      <c r="D5528">
        <v>1</v>
      </c>
      <c r="E5528">
        <v>421</v>
      </c>
      <c r="F5528" t="s">
        <v>755</v>
      </c>
      <c r="G5528">
        <v>626</v>
      </c>
      <c r="H5528">
        <v>0</v>
      </c>
      <c r="I5528">
        <v>0</v>
      </c>
      <c r="J5528">
        <v>0</v>
      </c>
      <c r="K5528">
        <v>0</v>
      </c>
      <c r="L5528">
        <v>0</v>
      </c>
      <c r="M5528">
        <v>0</v>
      </c>
      <c r="N5528">
        <v>0</v>
      </c>
      <c r="O5528">
        <v>0</v>
      </c>
      <c r="P5528">
        <v>0</v>
      </c>
      <c r="Q5528">
        <v>2000000</v>
      </c>
      <c r="R5528">
        <v>0</v>
      </c>
      <c r="S5528">
        <v>0</v>
      </c>
      <c r="T5528" s="1">
        <v>45080.546875</v>
      </c>
    </row>
    <row r="5529" spans="1:20" x14ac:dyDescent="0.4">
      <c r="A5529">
        <v>180</v>
      </c>
      <c r="B5529">
        <v>422</v>
      </c>
      <c r="C5529">
        <v>10</v>
      </c>
      <c r="D5529">
        <v>1</v>
      </c>
      <c r="E5529">
        <v>422</v>
      </c>
      <c r="F5529" t="s">
        <v>756</v>
      </c>
      <c r="G5529">
        <v>626</v>
      </c>
      <c r="H5529">
        <v>0</v>
      </c>
      <c r="I5529">
        <v>0</v>
      </c>
      <c r="J5529">
        <v>0</v>
      </c>
      <c r="K5529">
        <v>0</v>
      </c>
      <c r="L5529">
        <v>0</v>
      </c>
      <c r="M5529">
        <v>0</v>
      </c>
      <c r="N5529">
        <v>0</v>
      </c>
      <c r="O5529">
        <v>0</v>
      </c>
      <c r="P5529">
        <v>0</v>
      </c>
      <c r="Q5529">
        <v>2000000</v>
      </c>
      <c r="R5529">
        <v>0</v>
      </c>
      <c r="S5529">
        <v>0</v>
      </c>
      <c r="T5529" s="1">
        <v>45080.546875</v>
      </c>
    </row>
    <row r="5530" spans="1:20" x14ac:dyDescent="0.4">
      <c r="A5530">
        <v>181</v>
      </c>
      <c r="B5530">
        <v>423</v>
      </c>
      <c r="C5530">
        <v>10</v>
      </c>
      <c r="D5530">
        <v>1</v>
      </c>
      <c r="E5530">
        <v>423</v>
      </c>
      <c r="F5530" t="s">
        <v>757</v>
      </c>
      <c r="G5530">
        <v>626</v>
      </c>
      <c r="H5530">
        <v>0</v>
      </c>
      <c r="I5530">
        <v>0</v>
      </c>
      <c r="J5530">
        <v>0</v>
      </c>
      <c r="K5530">
        <v>0</v>
      </c>
      <c r="L5530">
        <v>0</v>
      </c>
      <c r="M5530">
        <v>0</v>
      </c>
      <c r="N5530">
        <v>0</v>
      </c>
      <c r="O5530">
        <v>0</v>
      </c>
      <c r="P5530">
        <v>0</v>
      </c>
      <c r="Q5530">
        <v>2000000</v>
      </c>
      <c r="R5530">
        <v>0</v>
      </c>
      <c r="S5530">
        <v>0</v>
      </c>
      <c r="T5530" s="1">
        <v>45080.546875</v>
      </c>
    </row>
    <row r="5531" spans="1:20" x14ac:dyDescent="0.4">
      <c r="A5531">
        <v>182</v>
      </c>
      <c r="B5531">
        <v>424</v>
      </c>
      <c r="C5531">
        <v>10</v>
      </c>
      <c r="D5531">
        <v>1</v>
      </c>
      <c r="E5531">
        <v>424</v>
      </c>
      <c r="F5531" t="s">
        <v>758</v>
      </c>
      <c r="G5531">
        <v>626</v>
      </c>
      <c r="H5531">
        <v>0</v>
      </c>
      <c r="I5531">
        <v>0</v>
      </c>
      <c r="J5531">
        <v>0</v>
      </c>
      <c r="K5531">
        <v>0</v>
      </c>
      <c r="L5531">
        <v>0</v>
      </c>
      <c r="M5531">
        <v>0</v>
      </c>
      <c r="N5531">
        <v>0</v>
      </c>
      <c r="O5531">
        <v>0</v>
      </c>
      <c r="P5531">
        <v>0</v>
      </c>
      <c r="Q5531">
        <v>2000000</v>
      </c>
      <c r="R5531">
        <v>0</v>
      </c>
      <c r="S5531">
        <v>0</v>
      </c>
      <c r="T5531" s="1">
        <v>45080.546875</v>
      </c>
    </row>
    <row r="5532" spans="1:20" x14ac:dyDescent="0.4">
      <c r="A5532">
        <v>183</v>
      </c>
      <c r="B5532">
        <v>431</v>
      </c>
      <c r="C5532">
        <v>10</v>
      </c>
      <c r="D5532">
        <v>1</v>
      </c>
      <c r="E5532">
        <v>431</v>
      </c>
      <c r="F5532" t="s">
        <v>759</v>
      </c>
      <c r="G5532">
        <v>626</v>
      </c>
      <c r="H5532">
        <v>0</v>
      </c>
      <c r="I5532">
        <v>0</v>
      </c>
      <c r="J5532">
        <v>0</v>
      </c>
      <c r="K5532">
        <v>0</v>
      </c>
      <c r="L5532">
        <v>0</v>
      </c>
      <c r="M5532">
        <v>0</v>
      </c>
      <c r="N5532">
        <v>0</v>
      </c>
      <c r="O5532">
        <v>0</v>
      </c>
      <c r="P5532">
        <v>0</v>
      </c>
      <c r="Q5532">
        <v>2000000</v>
      </c>
      <c r="R5532">
        <v>0</v>
      </c>
      <c r="S5532">
        <v>0</v>
      </c>
      <c r="T5532" s="1">
        <v>45080.546875</v>
      </c>
    </row>
    <row r="5533" spans="1:20" x14ac:dyDescent="0.4">
      <c r="A5533">
        <v>184</v>
      </c>
      <c r="B5533">
        <v>432</v>
      </c>
      <c r="C5533">
        <v>10</v>
      </c>
      <c r="D5533">
        <v>1</v>
      </c>
      <c r="E5533">
        <v>432</v>
      </c>
      <c r="F5533" t="s">
        <v>760</v>
      </c>
      <c r="G5533">
        <v>626</v>
      </c>
      <c r="H5533">
        <v>0</v>
      </c>
      <c r="I5533">
        <v>0</v>
      </c>
      <c r="J5533">
        <v>0</v>
      </c>
      <c r="K5533">
        <v>0</v>
      </c>
      <c r="L5533">
        <v>0</v>
      </c>
      <c r="M5533">
        <v>0</v>
      </c>
      <c r="N5533">
        <v>0</v>
      </c>
      <c r="O5533">
        <v>0</v>
      </c>
      <c r="P5533">
        <v>0</v>
      </c>
      <c r="Q5533">
        <v>2000000</v>
      </c>
      <c r="R5533">
        <v>0</v>
      </c>
      <c r="S5533">
        <v>0</v>
      </c>
      <c r="T5533" s="1">
        <v>45080.546875</v>
      </c>
    </row>
    <row r="5534" spans="1:20" x14ac:dyDescent="0.4">
      <c r="A5534">
        <v>185</v>
      </c>
      <c r="B5534">
        <v>433</v>
      </c>
      <c r="C5534">
        <v>10</v>
      </c>
      <c r="D5534">
        <v>1</v>
      </c>
      <c r="E5534">
        <v>433</v>
      </c>
      <c r="F5534" t="s">
        <v>761</v>
      </c>
      <c r="G5534">
        <v>626</v>
      </c>
      <c r="H5534">
        <v>0</v>
      </c>
      <c r="I5534">
        <v>0</v>
      </c>
      <c r="J5534">
        <v>0</v>
      </c>
      <c r="K5534">
        <v>0</v>
      </c>
      <c r="L5534">
        <v>0</v>
      </c>
      <c r="M5534">
        <v>0</v>
      </c>
      <c r="N5534">
        <v>0</v>
      </c>
      <c r="O5534">
        <v>0</v>
      </c>
      <c r="P5534">
        <v>0</v>
      </c>
      <c r="Q5534">
        <v>2000000</v>
      </c>
      <c r="R5534">
        <v>0</v>
      </c>
      <c r="S5534">
        <v>0</v>
      </c>
      <c r="T5534" s="1">
        <v>45080.546875</v>
      </c>
    </row>
    <row r="5535" spans="1:20" x14ac:dyDescent="0.4">
      <c r="A5535">
        <v>186</v>
      </c>
      <c r="B5535">
        <v>434</v>
      </c>
      <c r="C5535">
        <v>10</v>
      </c>
      <c r="D5535">
        <v>1</v>
      </c>
      <c r="E5535">
        <v>434</v>
      </c>
      <c r="F5535" t="s">
        <v>762</v>
      </c>
      <c r="G5535">
        <v>626</v>
      </c>
      <c r="H5535">
        <v>0</v>
      </c>
      <c r="I5535">
        <v>0</v>
      </c>
      <c r="J5535">
        <v>0</v>
      </c>
      <c r="K5535">
        <v>0</v>
      </c>
      <c r="L5535">
        <v>0</v>
      </c>
      <c r="M5535">
        <v>0</v>
      </c>
      <c r="N5535">
        <v>0</v>
      </c>
      <c r="O5535">
        <v>0</v>
      </c>
      <c r="P5535">
        <v>0</v>
      </c>
      <c r="Q5535">
        <v>2000000</v>
      </c>
      <c r="R5535">
        <v>0</v>
      </c>
      <c r="S5535">
        <v>0</v>
      </c>
      <c r="T5535" s="1">
        <v>45080.546875</v>
      </c>
    </row>
    <row r="5536" spans="1:20" x14ac:dyDescent="0.4">
      <c r="A5536">
        <v>187</v>
      </c>
      <c r="B5536">
        <v>441</v>
      </c>
      <c r="C5536">
        <v>10</v>
      </c>
      <c r="D5536">
        <v>1</v>
      </c>
      <c r="E5536">
        <v>441</v>
      </c>
      <c r="F5536" t="s">
        <v>763</v>
      </c>
      <c r="G5536">
        <v>626</v>
      </c>
      <c r="H5536">
        <v>0</v>
      </c>
      <c r="I5536">
        <v>0</v>
      </c>
      <c r="J5536">
        <v>0</v>
      </c>
      <c r="K5536">
        <v>0</v>
      </c>
      <c r="L5536">
        <v>0</v>
      </c>
      <c r="M5536">
        <v>0</v>
      </c>
      <c r="N5536">
        <v>0</v>
      </c>
      <c r="O5536">
        <v>0</v>
      </c>
      <c r="P5536">
        <v>0</v>
      </c>
      <c r="Q5536">
        <v>2000000</v>
      </c>
      <c r="R5536">
        <v>0</v>
      </c>
      <c r="S5536">
        <v>0</v>
      </c>
      <c r="T5536" s="1">
        <v>45080.546875</v>
      </c>
    </row>
    <row r="5537" spans="1:20" x14ac:dyDescent="0.4">
      <c r="A5537">
        <v>188</v>
      </c>
      <c r="B5537">
        <v>442</v>
      </c>
      <c r="C5537">
        <v>10</v>
      </c>
      <c r="D5537">
        <v>1</v>
      </c>
      <c r="E5537">
        <v>442</v>
      </c>
      <c r="F5537" t="s">
        <v>764</v>
      </c>
      <c r="G5537">
        <v>626</v>
      </c>
      <c r="H5537">
        <v>0</v>
      </c>
      <c r="I5537">
        <v>0</v>
      </c>
      <c r="J5537">
        <v>0</v>
      </c>
      <c r="K5537">
        <v>0</v>
      </c>
      <c r="L5537">
        <v>0</v>
      </c>
      <c r="M5537">
        <v>0</v>
      </c>
      <c r="N5537">
        <v>0</v>
      </c>
      <c r="O5537">
        <v>0</v>
      </c>
      <c r="P5537">
        <v>0</v>
      </c>
      <c r="Q5537">
        <v>2000000</v>
      </c>
      <c r="R5537">
        <v>0</v>
      </c>
      <c r="S5537">
        <v>0</v>
      </c>
      <c r="T5537" s="1">
        <v>45080.546875</v>
      </c>
    </row>
    <row r="5538" spans="1:20" x14ac:dyDescent="0.4">
      <c r="A5538">
        <v>189</v>
      </c>
      <c r="B5538">
        <v>443</v>
      </c>
      <c r="C5538">
        <v>10</v>
      </c>
      <c r="D5538">
        <v>1</v>
      </c>
      <c r="E5538">
        <v>443</v>
      </c>
      <c r="F5538" t="s">
        <v>765</v>
      </c>
      <c r="G5538">
        <v>626</v>
      </c>
      <c r="H5538">
        <v>0</v>
      </c>
      <c r="I5538">
        <v>0</v>
      </c>
      <c r="J5538">
        <v>0</v>
      </c>
      <c r="K5538">
        <v>0</v>
      </c>
      <c r="L5538">
        <v>0</v>
      </c>
      <c r="M5538">
        <v>0</v>
      </c>
      <c r="N5538">
        <v>0</v>
      </c>
      <c r="O5538">
        <v>0</v>
      </c>
      <c r="P5538">
        <v>0</v>
      </c>
      <c r="Q5538">
        <v>2000000</v>
      </c>
      <c r="R5538">
        <v>0</v>
      </c>
      <c r="S5538">
        <v>0</v>
      </c>
      <c r="T5538" s="1">
        <v>45080.546875</v>
      </c>
    </row>
    <row r="5539" spans="1:20" x14ac:dyDescent="0.4">
      <c r="A5539">
        <v>190</v>
      </c>
      <c r="B5539">
        <v>444</v>
      </c>
      <c r="C5539">
        <v>10</v>
      </c>
      <c r="D5539">
        <v>1</v>
      </c>
      <c r="E5539">
        <v>444</v>
      </c>
      <c r="F5539" t="s">
        <v>766</v>
      </c>
      <c r="G5539">
        <v>626</v>
      </c>
      <c r="H5539">
        <v>0</v>
      </c>
      <c r="I5539">
        <v>0</v>
      </c>
      <c r="J5539">
        <v>0</v>
      </c>
      <c r="K5539">
        <v>0</v>
      </c>
      <c r="L5539">
        <v>0</v>
      </c>
      <c r="M5539">
        <v>0</v>
      </c>
      <c r="N5539">
        <v>0</v>
      </c>
      <c r="O5539">
        <v>0</v>
      </c>
      <c r="P5539">
        <v>0</v>
      </c>
      <c r="Q5539">
        <v>2000000</v>
      </c>
      <c r="R5539">
        <v>0</v>
      </c>
      <c r="S5539">
        <v>0</v>
      </c>
      <c r="T5539" s="1">
        <v>45080.546875</v>
      </c>
    </row>
    <row r="5540" spans="1:20" x14ac:dyDescent="0.4">
      <c r="A5540">
        <v>191</v>
      </c>
      <c r="B5540">
        <v>131</v>
      </c>
      <c r="C5540">
        <v>11</v>
      </c>
      <c r="D5540">
        <v>1</v>
      </c>
      <c r="E5540">
        <v>131</v>
      </c>
      <c r="F5540" t="s">
        <v>767</v>
      </c>
      <c r="G5540">
        <v>472</v>
      </c>
      <c r="H5540">
        <v>0</v>
      </c>
      <c r="I5540">
        <v>0</v>
      </c>
      <c r="J5540">
        <v>0</v>
      </c>
      <c r="K5540">
        <v>0</v>
      </c>
      <c r="L5540">
        <v>0</v>
      </c>
      <c r="M5540">
        <v>0</v>
      </c>
      <c r="N5540">
        <v>0</v>
      </c>
      <c r="O5540">
        <v>0</v>
      </c>
      <c r="P5540">
        <v>0</v>
      </c>
      <c r="Q5540">
        <v>12000000</v>
      </c>
      <c r="R5540">
        <v>0</v>
      </c>
      <c r="S5540">
        <v>0</v>
      </c>
      <c r="T5540" s="1">
        <v>45080.546875</v>
      </c>
    </row>
    <row r="5541" spans="1:20" x14ac:dyDescent="0.4">
      <c r="A5541">
        <v>192</v>
      </c>
      <c r="B5541">
        <v>132</v>
      </c>
      <c r="C5541">
        <v>11</v>
      </c>
      <c r="D5541">
        <v>1</v>
      </c>
      <c r="E5541">
        <v>132</v>
      </c>
      <c r="F5541" t="s">
        <v>768</v>
      </c>
      <c r="G5541">
        <v>472</v>
      </c>
      <c r="H5541">
        <v>0</v>
      </c>
      <c r="I5541">
        <v>0</v>
      </c>
      <c r="J5541">
        <v>0</v>
      </c>
      <c r="K5541">
        <v>0</v>
      </c>
      <c r="L5541">
        <v>0</v>
      </c>
      <c r="M5541">
        <v>0</v>
      </c>
      <c r="N5541">
        <v>0</v>
      </c>
      <c r="O5541">
        <v>0</v>
      </c>
      <c r="P5541">
        <v>0</v>
      </c>
      <c r="Q5541">
        <v>12000000</v>
      </c>
      <c r="R5541">
        <v>0</v>
      </c>
      <c r="S5541">
        <v>0</v>
      </c>
      <c r="T5541" s="1">
        <v>45080.546875</v>
      </c>
    </row>
    <row r="5542" spans="1:20" x14ac:dyDescent="0.4">
      <c r="A5542">
        <v>193</v>
      </c>
      <c r="B5542">
        <v>133</v>
      </c>
      <c r="C5542">
        <v>11</v>
      </c>
      <c r="D5542">
        <v>1</v>
      </c>
      <c r="E5542">
        <v>133</v>
      </c>
      <c r="F5542" t="s">
        <v>769</v>
      </c>
      <c r="G5542">
        <v>1419</v>
      </c>
      <c r="H5542">
        <v>0</v>
      </c>
      <c r="I5542">
        <v>0</v>
      </c>
      <c r="J5542">
        <v>0</v>
      </c>
      <c r="K5542">
        <v>0</v>
      </c>
      <c r="L5542">
        <v>0</v>
      </c>
      <c r="M5542">
        <v>0</v>
      </c>
      <c r="N5542">
        <v>0</v>
      </c>
      <c r="O5542">
        <v>0</v>
      </c>
      <c r="P5542">
        <v>0</v>
      </c>
      <c r="Q5542">
        <v>0</v>
      </c>
      <c r="R5542">
        <v>0</v>
      </c>
      <c r="S5542">
        <v>0</v>
      </c>
      <c r="T5542" s="1">
        <v>45080.546875</v>
      </c>
    </row>
    <row r="5543" spans="1:20" x14ac:dyDescent="0.4">
      <c r="A5543">
        <v>194</v>
      </c>
      <c r="B5543">
        <v>134</v>
      </c>
      <c r="C5543">
        <v>11</v>
      </c>
      <c r="D5543">
        <v>1</v>
      </c>
      <c r="E5543">
        <v>134</v>
      </c>
      <c r="F5543" t="s">
        <v>770</v>
      </c>
      <c r="G5543">
        <v>1419</v>
      </c>
      <c r="H5543">
        <v>0</v>
      </c>
      <c r="I5543">
        <v>0</v>
      </c>
      <c r="J5543">
        <v>0</v>
      </c>
      <c r="K5543">
        <v>0</v>
      </c>
      <c r="L5543">
        <v>0</v>
      </c>
      <c r="M5543">
        <v>0</v>
      </c>
      <c r="N5543">
        <v>0</v>
      </c>
      <c r="O5543">
        <v>0</v>
      </c>
      <c r="P5543">
        <v>0</v>
      </c>
      <c r="Q5543">
        <v>0</v>
      </c>
      <c r="R5543">
        <v>0</v>
      </c>
      <c r="S5543">
        <v>0</v>
      </c>
      <c r="T5543" s="1">
        <v>45080.546875</v>
      </c>
    </row>
    <row r="5544" spans="1:20" x14ac:dyDescent="0.4">
      <c r="A5544">
        <v>195</v>
      </c>
      <c r="B5544">
        <v>135</v>
      </c>
      <c r="C5544">
        <v>11</v>
      </c>
      <c r="D5544">
        <v>1</v>
      </c>
      <c r="E5544">
        <v>135</v>
      </c>
      <c r="F5544" t="s">
        <v>771</v>
      </c>
      <c r="G5544">
        <v>472</v>
      </c>
      <c r="H5544">
        <v>0</v>
      </c>
      <c r="I5544">
        <v>0</v>
      </c>
      <c r="J5544">
        <v>0</v>
      </c>
      <c r="K5544">
        <v>0</v>
      </c>
      <c r="L5544">
        <v>0</v>
      </c>
      <c r="M5544">
        <v>0</v>
      </c>
      <c r="N5544">
        <v>0</v>
      </c>
      <c r="O5544">
        <v>0</v>
      </c>
      <c r="P5544">
        <v>0</v>
      </c>
      <c r="Q5544">
        <v>12000000</v>
      </c>
      <c r="R5544">
        <v>0</v>
      </c>
      <c r="S5544">
        <v>0</v>
      </c>
      <c r="T5544" s="1">
        <v>45080.546875</v>
      </c>
    </row>
    <row r="5545" spans="1:20" x14ac:dyDescent="0.4">
      <c r="A5545">
        <v>196</v>
      </c>
      <c r="B5545">
        <v>136</v>
      </c>
      <c r="C5545">
        <v>11</v>
      </c>
      <c r="D5545">
        <v>1</v>
      </c>
      <c r="E5545">
        <v>136</v>
      </c>
      <c r="F5545" t="s">
        <v>772</v>
      </c>
      <c r="G5545">
        <v>483</v>
      </c>
      <c r="H5545">
        <v>0</v>
      </c>
      <c r="I5545">
        <v>0</v>
      </c>
      <c r="J5545">
        <v>0</v>
      </c>
      <c r="K5545">
        <v>0</v>
      </c>
      <c r="L5545">
        <v>0</v>
      </c>
      <c r="M5545">
        <v>0</v>
      </c>
      <c r="N5545">
        <v>0</v>
      </c>
      <c r="O5545">
        <v>0</v>
      </c>
      <c r="P5545">
        <v>0</v>
      </c>
      <c r="Q5545">
        <v>12000000</v>
      </c>
      <c r="R5545">
        <v>0</v>
      </c>
      <c r="S5545">
        <v>0</v>
      </c>
      <c r="T5545" s="1">
        <v>45080.546875</v>
      </c>
    </row>
    <row r="5546" spans="1:20" x14ac:dyDescent="0.4">
      <c r="A5546">
        <v>197</v>
      </c>
      <c r="B5546">
        <v>501</v>
      </c>
      <c r="C5546">
        <v>12</v>
      </c>
      <c r="D5546">
        <v>1</v>
      </c>
      <c r="E5546">
        <v>501</v>
      </c>
      <c r="F5546" t="s">
        <v>773</v>
      </c>
      <c r="G5546">
        <v>516</v>
      </c>
      <c r="H5546">
        <v>0</v>
      </c>
      <c r="I5546">
        <v>0</v>
      </c>
      <c r="J5546">
        <v>0</v>
      </c>
      <c r="K5546">
        <v>0</v>
      </c>
      <c r="L5546">
        <v>0</v>
      </c>
      <c r="M5546">
        <v>0</v>
      </c>
      <c r="N5546">
        <v>0</v>
      </c>
      <c r="O5546">
        <v>0</v>
      </c>
      <c r="P5546">
        <v>0</v>
      </c>
      <c r="Q5546">
        <v>12000000</v>
      </c>
      <c r="R5546">
        <v>0</v>
      </c>
      <c r="S5546">
        <v>0</v>
      </c>
      <c r="T5546" s="1">
        <v>45080.546875</v>
      </c>
    </row>
    <row r="5547" spans="1:20" x14ac:dyDescent="0.4">
      <c r="A5547">
        <v>198</v>
      </c>
      <c r="B5547">
        <v>502</v>
      </c>
      <c r="C5547">
        <v>12</v>
      </c>
      <c r="D5547">
        <v>1</v>
      </c>
      <c r="E5547">
        <v>502</v>
      </c>
      <c r="F5547" t="s">
        <v>774</v>
      </c>
      <c r="G5547">
        <v>516</v>
      </c>
      <c r="H5547">
        <v>0</v>
      </c>
      <c r="I5547">
        <v>0</v>
      </c>
      <c r="J5547">
        <v>0</v>
      </c>
      <c r="K5547">
        <v>0</v>
      </c>
      <c r="L5547">
        <v>0</v>
      </c>
      <c r="M5547">
        <v>0</v>
      </c>
      <c r="N5547">
        <v>0</v>
      </c>
      <c r="O5547">
        <v>0</v>
      </c>
      <c r="P5547">
        <v>0</v>
      </c>
      <c r="Q5547">
        <v>12000000</v>
      </c>
      <c r="R5547">
        <v>0</v>
      </c>
      <c r="S5547">
        <v>0</v>
      </c>
      <c r="T5547" s="1">
        <v>45080.546875</v>
      </c>
    </row>
    <row r="5548" spans="1:20" x14ac:dyDescent="0.4">
      <c r="A5548">
        <v>199</v>
      </c>
      <c r="B5548">
        <v>503</v>
      </c>
      <c r="C5548">
        <v>12</v>
      </c>
      <c r="D5548">
        <v>1</v>
      </c>
      <c r="E5548">
        <v>503</v>
      </c>
      <c r="F5548" t="s">
        <v>775</v>
      </c>
      <c r="G5548">
        <v>516</v>
      </c>
      <c r="H5548">
        <v>0</v>
      </c>
      <c r="I5548">
        <v>0</v>
      </c>
      <c r="J5548">
        <v>0</v>
      </c>
      <c r="K5548">
        <v>0</v>
      </c>
      <c r="L5548">
        <v>0</v>
      </c>
      <c r="M5548">
        <v>0</v>
      </c>
      <c r="N5548">
        <v>0</v>
      </c>
      <c r="O5548">
        <v>0</v>
      </c>
      <c r="P5548">
        <v>0</v>
      </c>
      <c r="Q5548">
        <v>2000000</v>
      </c>
      <c r="R5548">
        <v>0</v>
      </c>
      <c r="S5548">
        <v>0</v>
      </c>
      <c r="T5548" s="1">
        <v>45080.546875</v>
      </c>
    </row>
    <row r="5549" spans="1:20" x14ac:dyDescent="0.4">
      <c r="A5549">
        <v>200</v>
      </c>
      <c r="B5549">
        <v>504</v>
      </c>
      <c r="C5549">
        <v>12</v>
      </c>
      <c r="D5549">
        <v>1</v>
      </c>
      <c r="E5549">
        <v>504</v>
      </c>
      <c r="F5549" t="s">
        <v>776</v>
      </c>
      <c r="G5549">
        <v>516</v>
      </c>
      <c r="H5549">
        <v>0</v>
      </c>
      <c r="I5549">
        <v>0</v>
      </c>
      <c r="J5549">
        <v>0</v>
      </c>
      <c r="K5549">
        <v>0</v>
      </c>
      <c r="L5549">
        <v>0</v>
      </c>
      <c r="M5549">
        <v>0</v>
      </c>
      <c r="N5549">
        <v>0</v>
      </c>
      <c r="O5549">
        <v>0</v>
      </c>
      <c r="P5549">
        <v>0</v>
      </c>
      <c r="Q5549">
        <v>2000000</v>
      </c>
      <c r="R5549">
        <v>0</v>
      </c>
      <c r="S5549">
        <v>0</v>
      </c>
      <c r="T5549" s="1">
        <v>45080.546875</v>
      </c>
    </row>
    <row r="5550" spans="1:20" x14ac:dyDescent="0.4">
      <c r="A5550">
        <v>201</v>
      </c>
      <c r="B5550">
        <v>505</v>
      </c>
      <c r="C5550">
        <v>12</v>
      </c>
      <c r="D5550">
        <v>1</v>
      </c>
      <c r="E5550">
        <v>505</v>
      </c>
      <c r="F5550" t="s">
        <v>777</v>
      </c>
      <c r="G5550">
        <v>516</v>
      </c>
      <c r="H5550">
        <v>0</v>
      </c>
      <c r="I5550">
        <v>0</v>
      </c>
      <c r="J5550">
        <v>0</v>
      </c>
      <c r="K5550">
        <v>0</v>
      </c>
      <c r="L5550">
        <v>0</v>
      </c>
      <c r="M5550">
        <v>0</v>
      </c>
      <c r="N5550">
        <v>0</v>
      </c>
      <c r="O5550">
        <v>0</v>
      </c>
      <c r="P5550">
        <v>0</v>
      </c>
      <c r="Q5550">
        <v>2000000</v>
      </c>
      <c r="R5550">
        <v>0</v>
      </c>
      <c r="S5550">
        <v>0</v>
      </c>
      <c r="T5550" s="1">
        <v>45080.546875</v>
      </c>
    </row>
    <row r="5551" spans="1:20" x14ac:dyDescent="0.4">
      <c r="A5551">
        <v>202</v>
      </c>
      <c r="B5551">
        <v>506</v>
      </c>
      <c r="C5551">
        <v>12</v>
      </c>
      <c r="D5551">
        <v>1</v>
      </c>
      <c r="E5551">
        <v>506</v>
      </c>
      <c r="F5551" t="s">
        <v>778</v>
      </c>
      <c r="G5551">
        <v>483</v>
      </c>
      <c r="H5551">
        <v>0</v>
      </c>
      <c r="I5551">
        <v>0</v>
      </c>
      <c r="J5551">
        <v>0</v>
      </c>
      <c r="K5551">
        <v>0</v>
      </c>
      <c r="L5551">
        <v>0</v>
      </c>
      <c r="M5551">
        <v>0</v>
      </c>
      <c r="N5551">
        <v>0</v>
      </c>
      <c r="O5551">
        <v>0</v>
      </c>
      <c r="P5551">
        <v>0</v>
      </c>
      <c r="Q5551">
        <v>12000000</v>
      </c>
      <c r="R5551">
        <v>0</v>
      </c>
      <c r="S5551">
        <v>0</v>
      </c>
      <c r="T5551" s="1">
        <v>45080.546875</v>
      </c>
    </row>
    <row r="5552" spans="1:20" x14ac:dyDescent="0.4">
      <c r="A5552">
        <v>203</v>
      </c>
      <c r="B5552">
        <v>507</v>
      </c>
      <c r="C5552">
        <v>12</v>
      </c>
      <c r="D5552">
        <v>1</v>
      </c>
      <c r="E5552">
        <v>507</v>
      </c>
      <c r="F5552" t="s">
        <v>779</v>
      </c>
      <c r="G5552">
        <v>483</v>
      </c>
      <c r="H5552">
        <v>0</v>
      </c>
      <c r="I5552">
        <v>0</v>
      </c>
      <c r="J5552">
        <v>0</v>
      </c>
      <c r="K5552">
        <v>0</v>
      </c>
      <c r="L5552">
        <v>0</v>
      </c>
      <c r="M5552">
        <v>0</v>
      </c>
      <c r="N5552">
        <v>0</v>
      </c>
      <c r="O5552">
        <v>0</v>
      </c>
      <c r="P5552">
        <v>0</v>
      </c>
      <c r="Q5552">
        <v>12000000</v>
      </c>
      <c r="R5552">
        <v>0</v>
      </c>
      <c r="S5552">
        <v>0</v>
      </c>
      <c r="T5552" s="1">
        <v>45080.546875</v>
      </c>
    </row>
    <row r="5553" spans="1:20" x14ac:dyDescent="0.4">
      <c r="A5553">
        <v>204</v>
      </c>
      <c r="B5553">
        <v>508</v>
      </c>
      <c r="C5553">
        <v>12</v>
      </c>
      <c r="D5553">
        <v>1</v>
      </c>
      <c r="E5553">
        <v>508</v>
      </c>
      <c r="F5553" t="s">
        <v>780</v>
      </c>
      <c r="G5553">
        <v>483</v>
      </c>
      <c r="H5553">
        <v>0</v>
      </c>
      <c r="I5553">
        <v>0</v>
      </c>
      <c r="J5553">
        <v>0</v>
      </c>
      <c r="K5553">
        <v>0</v>
      </c>
      <c r="L5553">
        <v>0</v>
      </c>
      <c r="M5553">
        <v>0</v>
      </c>
      <c r="N5553">
        <v>0</v>
      </c>
      <c r="O5553">
        <v>0</v>
      </c>
      <c r="P5553">
        <v>0</v>
      </c>
      <c r="Q5553">
        <v>2000000</v>
      </c>
      <c r="R5553">
        <v>0</v>
      </c>
      <c r="S5553">
        <v>0</v>
      </c>
      <c r="T5553" s="1">
        <v>45080.546875</v>
      </c>
    </row>
    <row r="5554" spans="1:20" x14ac:dyDescent="0.4">
      <c r="A5554">
        <v>205</v>
      </c>
      <c r="B5554">
        <v>509</v>
      </c>
      <c r="C5554">
        <v>12</v>
      </c>
      <c r="D5554">
        <v>1</v>
      </c>
      <c r="E5554">
        <v>509</v>
      </c>
      <c r="F5554" t="s">
        <v>781</v>
      </c>
      <c r="G5554">
        <v>483</v>
      </c>
      <c r="H5554">
        <v>0</v>
      </c>
      <c r="I5554">
        <v>0</v>
      </c>
      <c r="J5554">
        <v>0</v>
      </c>
      <c r="K5554">
        <v>0</v>
      </c>
      <c r="L5554">
        <v>0</v>
      </c>
      <c r="M5554">
        <v>0</v>
      </c>
      <c r="N5554">
        <v>0</v>
      </c>
      <c r="O5554">
        <v>0</v>
      </c>
      <c r="P5554">
        <v>0</v>
      </c>
      <c r="Q5554">
        <v>2000000</v>
      </c>
      <c r="R5554">
        <v>0</v>
      </c>
      <c r="S5554">
        <v>0</v>
      </c>
      <c r="T5554" s="1">
        <v>45080.546875</v>
      </c>
    </row>
    <row r="5555" spans="1:20" x14ac:dyDescent="0.4">
      <c r="A5555">
        <v>206</v>
      </c>
      <c r="B5555">
        <v>510</v>
      </c>
      <c r="C5555">
        <v>12</v>
      </c>
      <c r="D5555">
        <v>1</v>
      </c>
      <c r="E5555">
        <v>510</v>
      </c>
      <c r="F5555" t="s">
        <v>782</v>
      </c>
      <c r="G5555">
        <v>483</v>
      </c>
      <c r="H5555">
        <v>0</v>
      </c>
      <c r="I5555">
        <v>0</v>
      </c>
      <c r="J5555">
        <v>0</v>
      </c>
      <c r="K5555">
        <v>0</v>
      </c>
      <c r="L5555">
        <v>0</v>
      </c>
      <c r="M5555">
        <v>0</v>
      </c>
      <c r="N5555">
        <v>0</v>
      </c>
      <c r="O5555">
        <v>0</v>
      </c>
      <c r="P5555">
        <v>0</v>
      </c>
      <c r="Q5555">
        <v>12000000</v>
      </c>
      <c r="R5555">
        <v>0</v>
      </c>
      <c r="S5555">
        <v>0</v>
      </c>
      <c r="T5555" s="1">
        <v>45080.546875</v>
      </c>
    </row>
    <row r="5556" spans="1:20" x14ac:dyDescent="0.4">
      <c r="A5556">
        <v>207</v>
      </c>
      <c r="B5556">
        <v>511</v>
      </c>
      <c r="C5556">
        <v>12</v>
      </c>
      <c r="D5556">
        <v>1</v>
      </c>
      <c r="E5556">
        <v>511</v>
      </c>
      <c r="F5556" t="s">
        <v>783</v>
      </c>
      <c r="G5556">
        <v>483</v>
      </c>
      <c r="H5556">
        <v>0</v>
      </c>
      <c r="I5556">
        <v>0</v>
      </c>
      <c r="J5556">
        <v>0</v>
      </c>
      <c r="K5556">
        <v>0</v>
      </c>
      <c r="L5556">
        <v>0</v>
      </c>
      <c r="M5556">
        <v>0</v>
      </c>
      <c r="N5556">
        <v>0</v>
      </c>
      <c r="O5556">
        <v>0</v>
      </c>
      <c r="P5556">
        <v>0</v>
      </c>
      <c r="Q5556">
        <v>12000000</v>
      </c>
      <c r="R5556">
        <v>0</v>
      </c>
      <c r="S5556">
        <v>0</v>
      </c>
      <c r="T5556" s="1">
        <v>45080.546875</v>
      </c>
    </row>
    <row r="5557" spans="1:20" x14ac:dyDescent="0.4">
      <c r="A5557">
        <v>208</v>
      </c>
      <c r="B5557">
        <v>521</v>
      </c>
      <c r="C5557">
        <v>13</v>
      </c>
      <c r="D5557">
        <v>1</v>
      </c>
      <c r="E5557">
        <v>521</v>
      </c>
      <c r="F5557" t="s">
        <v>784</v>
      </c>
      <c r="G5557">
        <v>352</v>
      </c>
      <c r="H5557">
        <v>0</v>
      </c>
      <c r="I5557">
        <v>0</v>
      </c>
      <c r="J5557">
        <v>0</v>
      </c>
      <c r="K5557">
        <v>0</v>
      </c>
      <c r="L5557">
        <v>0</v>
      </c>
      <c r="M5557">
        <v>0</v>
      </c>
      <c r="N5557">
        <v>0</v>
      </c>
      <c r="O5557">
        <v>0</v>
      </c>
      <c r="P5557">
        <v>0</v>
      </c>
      <c r="Q5557">
        <v>12000000</v>
      </c>
      <c r="R5557">
        <v>0</v>
      </c>
      <c r="S5557">
        <v>0</v>
      </c>
      <c r="T5557" s="1">
        <v>45080.546875</v>
      </c>
    </row>
    <row r="5558" spans="1:20" x14ac:dyDescent="0.4">
      <c r="A5558">
        <v>209</v>
      </c>
      <c r="B5558">
        <v>522</v>
      </c>
      <c r="C5558">
        <v>13</v>
      </c>
      <c r="D5558">
        <v>1</v>
      </c>
      <c r="E5558">
        <v>522</v>
      </c>
      <c r="F5558" t="s">
        <v>785</v>
      </c>
      <c r="G5558">
        <v>352</v>
      </c>
      <c r="H5558">
        <v>0</v>
      </c>
      <c r="I5558">
        <v>0</v>
      </c>
      <c r="J5558">
        <v>0</v>
      </c>
      <c r="K5558">
        <v>0</v>
      </c>
      <c r="L5558">
        <v>0</v>
      </c>
      <c r="M5558">
        <v>0</v>
      </c>
      <c r="N5558">
        <v>0</v>
      </c>
      <c r="O5558">
        <v>0</v>
      </c>
      <c r="P5558">
        <v>0</v>
      </c>
      <c r="Q5558">
        <v>12000000</v>
      </c>
      <c r="R5558">
        <v>0</v>
      </c>
      <c r="S5558">
        <v>0</v>
      </c>
      <c r="T5558" s="1">
        <v>45080.546875</v>
      </c>
    </row>
    <row r="5559" spans="1:20" x14ac:dyDescent="0.4">
      <c r="A5559">
        <v>210</v>
      </c>
      <c r="B5559">
        <v>523</v>
      </c>
      <c r="C5559">
        <v>13</v>
      </c>
      <c r="D5559">
        <v>1</v>
      </c>
      <c r="E5559">
        <v>523</v>
      </c>
      <c r="F5559" t="s">
        <v>786</v>
      </c>
      <c r="G5559">
        <v>352</v>
      </c>
      <c r="H5559">
        <v>0</v>
      </c>
      <c r="I5559">
        <v>0</v>
      </c>
      <c r="J5559">
        <v>0</v>
      </c>
      <c r="K5559">
        <v>0</v>
      </c>
      <c r="L5559">
        <v>0</v>
      </c>
      <c r="M5559">
        <v>0</v>
      </c>
      <c r="N5559">
        <v>0</v>
      </c>
      <c r="O5559">
        <v>0</v>
      </c>
      <c r="P5559">
        <v>0</v>
      </c>
      <c r="Q5559">
        <v>12000000</v>
      </c>
      <c r="R5559">
        <v>0</v>
      </c>
      <c r="S5559">
        <v>0</v>
      </c>
      <c r="T5559" s="1">
        <v>45080.546875</v>
      </c>
    </row>
    <row r="5560" spans="1:20" x14ac:dyDescent="0.4">
      <c r="A5560">
        <v>211</v>
      </c>
      <c r="B5560">
        <v>524</v>
      </c>
      <c r="C5560">
        <v>13</v>
      </c>
      <c r="D5560">
        <v>1</v>
      </c>
      <c r="E5560">
        <v>524</v>
      </c>
      <c r="F5560" t="s">
        <v>787</v>
      </c>
      <c r="G5560">
        <v>352</v>
      </c>
      <c r="H5560">
        <v>0</v>
      </c>
      <c r="I5560">
        <v>0</v>
      </c>
      <c r="J5560">
        <v>0</v>
      </c>
      <c r="K5560">
        <v>0</v>
      </c>
      <c r="L5560">
        <v>0</v>
      </c>
      <c r="M5560">
        <v>0</v>
      </c>
      <c r="N5560">
        <v>0</v>
      </c>
      <c r="O5560">
        <v>0</v>
      </c>
      <c r="P5560">
        <v>0</v>
      </c>
      <c r="Q5560">
        <v>12000000</v>
      </c>
      <c r="R5560">
        <v>0</v>
      </c>
      <c r="S5560">
        <v>0</v>
      </c>
      <c r="T5560" s="1">
        <v>45080.546875</v>
      </c>
    </row>
    <row r="5561" spans="1:20" x14ac:dyDescent="0.4">
      <c r="A5561">
        <v>212</v>
      </c>
      <c r="B5561">
        <v>525</v>
      </c>
      <c r="C5561">
        <v>13</v>
      </c>
      <c r="D5561">
        <v>1</v>
      </c>
      <c r="E5561">
        <v>525</v>
      </c>
      <c r="F5561" t="s">
        <v>788</v>
      </c>
      <c r="G5561">
        <v>352</v>
      </c>
      <c r="H5561">
        <v>0</v>
      </c>
      <c r="I5561">
        <v>0</v>
      </c>
      <c r="J5561">
        <v>0</v>
      </c>
      <c r="K5561">
        <v>0</v>
      </c>
      <c r="L5561">
        <v>0</v>
      </c>
      <c r="M5561">
        <v>0</v>
      </c>
      <c r="N5561">
        <v>0</v>
      </c>
      <c r="O5561">
        <v>0</v>
      </c>
      <c r="P5561">
        <v>0</v>
      </c>
      <c r="Q5561">
        <v>12000000</v>
      </c>
      <c r="R5561">
        <v>0</v>
      </c>
      <c r="S5561">
        <v>0</v>
      </c>
      <c r="T5561" s="1">
        <v>45080.546875</v>
      </c>
    </row>
    <row r="5562" spans="1:20" x14ac:dyDescent="0.4">
      <c r="A5562">
        <v>213</v>
      </c>
      <c r="B5562">
        <v>526</v>
      </c>
      <c r="C5562">
        <v>13</v>
      </c>
      <c r="D5562">
        <v>1</v>
      </c>
      <c r="E5562">
        <v>526</v>
      </c>
      <c r="F5562" t="s">
        <v>789</v>
      </c>
      <c r="G5562">
        <v>352</v>
      </c>
      <c r="H5562">
        <v>0</v>
      </c>
      <c r="I5562">
        <v>0</v>
      </c>
      <c r="J5562">
        <v>0</v>
      </c>
      <c r="K5562">
        <v>0</v>
      </c>
      <c r="L5562">
        <v>0</v>
      </c>
      <c r="M5562">
        <v>0</v>
      </c>
      <c r="N5562">
        <v>0</v>
      </c>
      <c r="O5562">
        <v>0</v>
      </c>
      <c r="P5562">
        <v>0</v>
      </c>
      <c r="Q5562">
        <v>12000000</v>
      </c>
      <c r="R5562">
        <v>0</v>
      </c>
      <c r="S5562">
        <v>0</v>
      </c>
      <c r="T5562" s="1">
        <v>45080.546875</v>
      </c>
    </row>
    <row r="5563" spans="1:20" x14ac:dyDescent="0.4">
      <c r="A5563">
        <v>214</v>
      </c>
      <c r="B5563">
        <v>527</v>
      </c>
      <c r="C5563">
        <v>13</v>
      </c>
      <c r="D5563">
        <v>1</v>
      </c>
      <c r="E5563">
        <v>527</v>
      </c>
      <c r="F5563" t="s">
        <v>790</v>
      </c>
      <c r="G5563">
        <v>352</v>
      </c>
      <c r="H5563">
        <v>0</v>
      </c>
      <c r="I5563">
        <v>0</v>
      </c>
      <c r="J5563">
        <v>0</v>
      </c>
      <c r="K5563">
        <v>0</v>
      </c>
      <c r="L5563">
        <v>0</v>
      </c>
      <c r="M5563">
        <v>0</v>
      </c>
      <c r="N5563">
        <v>0</v>
      </c>
      <c r="O5563">
        <v>0</v>
      </c>
      <c r="P5563">
        <v>0</v>
      </c>
      <c r="Q5563">
        <v>12000000</v>
      </c>
      <c r="R5563">
        <v>0</v>
      </c>
      <c r="S5563">
        <v>0</v>
      </c>
      <c r="T5563" s="1">
        <v>45080.546875</v>
      </c>
    </row>
    <row r="5564" spans="1:20" x14ac:dyDescent="0.4">
      <c r="A5564">
        <v>215</v>
      </c>
      <c r="B5564">
        <v>528</v>
      </c>
      <c r="C5564">
        <v>13</v>
      </c>
      <c r="D5564">
        <v>1</v>
      </c>
      <c r="E5564">
        <v>528</v>
      </c>
      <c r="F5564" t="s">
        <v>589</v>
      </c>
      <c r="G5564">
        <v>352</v>
      </c>
      <c r="H5564">
        <v>0</v>
      </c>
      <c r="I5564">
        <v>0</v>
      </c>
      <c r="J5564">
        <v>0</v>
      </c>
      <c r="K5564">
        <v>0</v>
      </c>
      <c r="L5564">
        <v>0</v>
      </c>
      <c r="M5564">
        <v>0</v>
      </c>
      <c r="N5564">
        <v>0</v>
      </c>
      <c r="O5564">
        <v>0</v>
      </c>
      <c r="P5564">
        <v>0</v>
      </c>
      <c r="Q5564">
        <v>12000000</v>
      </c>
      <c r="R5564">
        <v>0</v>
      </c>
      <c r="S5564">
        <v>0</v>
      </c>
      <c r="T5564" s="1">
        <v>45080.546875</v>
      </c>
    </row>
    <row r="5565" spans="1:20" x14ac:dyDescent="0.4">
      <c r="A5565">
        <v>216</v>
      </c>
      <c r="B5565">
        <v>529</v>
      </c>
      <c r="C5565">
        <v>13</v>
      </c>
      <c r="D5565">
        <v>1</v>
      </c>
      <c r="E5565">
        <v>529</v>
      </c>
      <c r="F5565" t="s">
        <v>791</v>
      </c>
      <c r="G5565">
        <v>352</v>
      </c>
      <c r="H5565">
        <v>0</v>
      </c>
      <c r="I5565">
        <v>0</v>
      </c>
      <c r="J5565">
        <v>0</v>
      </c>
      <c r="K5565">
        <v>0</v>
      </c>
      <c r="L5565">
        <v>0</v>
      </c>
      <c r="M5565">
        <v>0</v>
      </c>
      <c r="N5565">
        <v>0</v>
      </c>
      <c r="O5565">
        <v>0</v>
      </c>
      <c r="P5565">
        <v>0</v>
      </c>
      <c r="Q5565">
        <v>12000000</v>
      </c>
      <c r="R5565">
        <v>0</v>
      </c>
      <c r="S5565">
        <v>0</v>
      </c>
      <c r="T5565" s="1">
        <v>45080.546875</v>
      </c>
    </row>
    <row r="5566" spans="1:20" x14ac:dyDescent="0.4">
      <c r="A5566">
        <v>217</v>
      </c>
      <c r="B5566">
        <v>530</v>
      </c>
      <c r="C5566">
        <v>13</v>
      </c>
      <c r="D5566">
        <v>1</v>
      </c>
      <c r="E5566">
        <v>530</v>
      </c>
      <c r="F5566" t="s">
        <v>792</v>
      </c>
      <c r="G5566">
        <v>352</v>
      </c>
      <c r="H5566">
        <v>0</v>
      </c>
      <c r="I5566">
        <v>0</v>
      </c>
      <c r="J5566">
        <v>0</v>
      </c>
      <c r="K5566">
        <v>0</v>
      </c>
      <c r="L5566">
        <v>0</v>
      </c>
      <c r="M5566">
        <v>0</v>
      </c>
      <c r="N5566">
        <v>0</v>
      </c>
      <c r="O5566">
        <v>0</v>
      </c>
      <c r="P5566">
        <v>0</v>
      </c>
      <c r="Q5566">
        <v>12000000</v>
      </c>
      <c r="R5566">
        <v>0</v>
      </c>
      <c r="S5566">
        <v>0</v>
      </c>
      <c r="T5566" s="1">
        <v>45080.546875</v>
      </c>
    </row>
    <row r="5567" spans="1:20" x14ac:dyDescent="0.4">
      <c r="A5567">
        <v>218</v>
      </c>
      <c r="B5567">
        <v>531</v>
      </c>
      <c r="C5567">
        <v>13</v>
      </c>
      <c r="D5567">
        <v>1</v>
      </c>
      <c r="E5567">
        <v>531</v>
      </c>
      <c r="F5567" t="s">
        <v>793</v>
      </c>
      <c r="G5567">
        <v>352</v>
      </c>
      <c r="H5567">
        <v>0</v>
      </c>
      <c r="I5567">
        <v>0</v>
      </c>
      <c r="J5567">
        <v>0</v>
      </c>
      <c r="K5567">
        <v>0</v>
      </c>
      <c r="L5567">
        <v>0</v>
      </c>
      <c r="M5567">
        <v>0</v>
      </c>
      <c r="N5567">
        <v>0</v>
      </c>
      <c r="O5567">
        <v>0</v>
      </c>
      <c r="P5567">
        <v>0</v>
      </c>
      <c r="Q5567">
        <v>12000000</v>
      </c>
      <c r="R5567">
        <v>0</v>
      </c>
      <c r="S5567">
        <v>0</v>
      </c>
      <c r="T5567" s="1">
        <v>45080.546875</v>
      </c>
    </row>
    <row r="5568" spans="1:20" x14ac:dyDescent="0.4">
      <c r="A5568">
        <v>219</v>
      </c>
      <c r="B5568">
        <v>532</v>
      </c>
      <c r="C5568">
        <v>13</v>
      </c>
      <c r="D5568">
        <v>1</v>
      </c>
      <c r="E5568">
        <v>532</v>
      </c>
      <c r="F5568" t="s">
        <v>794</v>
      </c>
      <c r="G5568">
        <v>429</v>
      </c>
      <c r="H5568">
        <v>0</v>
      </c>
      <c r="I5568">
        <v>0</v>
      </c>
      <c r="J5568">
        <v>0</v>
      </c>
      <c r="K5568">
        <v>0</v>
      </c>
      <c r="L5568">
        <v>0</v>
      </c>
      <c r="M5568">
        <v>0</v>
      </c>
      <c r="N5568">
        <v>0</v>
      </c>
      <c r="O5568">
        <v>0</v>
      </c>
      <c r="P5568">
        <v>0</v>
      </c>
      <c r="Q5568">
        <v>2000000</v>
      </c>
      <c r="R5568">
        <v>0</v>
      </c>
      <c r="S5568">
        <v>0</v>
      </c>
      <c r="T5568" s="1">
        <v>45080.546875</v>
      </c>
    </row>
    <row r="5569" spans="1:20" x14ac:dyDescent="0.4">
      <c r="A5569">
        <v>220</v>
      </c>
      <c r="B5569">
        <v>533</v>
      </c>
      <c r="C5569">
        <v>13</v>
      </c>
      <c r="D5569">
        <v>1</v>
      </c>
      <c r="E5569">
        <v>533</v>
      </c>
      <c r="F5569" t="s">
        <v>795</v>
      </c>
      <c r="G5569">
        <v>0</v>
      </c>
      <c r="H5569">
        <v>0</v>
      </c>
      <c r="I5569">
        <v>0</v>
      </c>
      <c r="J5569">
        <v>0</v>
      </c>
      <c r="K5569">
        <v>0</v>
      </c>
      <c r="L5569">
        <v>0</v>
      </c>
      <c r="M5569">
        <v>0</v>
      </c>
      <c r="N5569">
        <v>0</v>
      </c>
      <c r="O5569">
        <v>0</v>
      </c>
      <c r="P5569">
        <v>0</v>
      </c>
      <c r="Q5569">
        <v>0</v>
      </c>
      <c r="R5569">
        <v>0</v>
      </c>
      <c r="S5569">
        <v>0</v>
      </c>
      <c r="T5569" s="1">
        <v>45080.546875</v>
      </c>
    </row>
    <row r="5570" spans="1:20" x14ac:dyDescent="0.4">
      <c r="A5570">
        <v>221</v>
      </c>
      <c r="B5570">
        <v>571</v>
      </c>
      <c r="C5570">
        <v>13</v>
      </c>
      <c r="D5570">
        <v>1</v>
      </c>
      <c r="E5570">
        <v>571</v>
      </c>
      <c r="F5570" t="s">
        <v>796</v>
      </c>
      <c r="G5570">
        <v>473</v>
      </c>
      <c r="H5570">
        <v>0</v>
      </c>
      <c r="I5570">
        <v>0</v>
      </c>
      <c r="J5570">
        <v>0</v>
      </c>
      <c r="K5570">
        <v>0</v>
      </c>
      <c r="L5570">
        <v>0</v>
      </c>
      <c r="M5570">
        <v>0</v>
      </c>
      <c r="N5570">
        <v>0</v>
      </c>
      <c r="O5570">
        <v>0</v>
      </c>
      <c r="P5570">
        <v>0</v>
      </c>
      <c r="Q5570">
        <v>0</v>
      </c>
      <c r="R5570">
        <v>0</v>
      </c>
      <c r="S5570">
        <v>0</v>
      </c>
      <c r="T5570" s="1">
        <v>45080.546875</v>
      </c>
    </row>
    <row r="5571" spans="1:20" x14ac:dyDescent="0.4">
      <c r="A5571">
        <v>222</v>
      </c>
      <c r="B5571">
        <v>572</v>
      </c>
      <c r="C5571">
        <v>13</v>
      </c>
      <c r="D5571">
        <v>1</v>
      </c>
      <c r="E5571">
        <v>572</v>
      </c>
      <c r="F5571" t="s">
        <v>797</v>
      </c>
      <c r="G5571">
        <v>473</v>
      </c>
      <c r="H5571">
        <v>0</v>
      </c>
      <c r="I5571">
        <v>0</v>
      </c>
      <c r="J5571">
        <v>0</v>
      </c>
      <c r="K5571">
        <v>0</v>
      </c>
      <c r="L5571">
        <v>0</v>
      </c>
      <c r="M5571">
        <v>0</v>
      </c>
      <c r="N5571">
        <v>0</v>
      </c>
      <c r="O5571">
        <v>0</v>
      </c>
      <c r="P5571">
        <v>0</v>
      </c>
      <c r="Q5571">
        <v>0</v>
      </c>
      <c r="R5571">
        <v>0</v>
      </c>
      <c r="S5571">
        <v>0</v>
      </c>
      <c r="T5571" s="1">
        <v>45080.546875</v>
      </c>
    </row>
    <row r="5572" spans="1:20" x14ac:dyDescent="0.4">
      <c r="A5572">
        <v>223</v>
      </c>
      <c r="B5572">
        <v>573</v>
      </c>
      <c r="C5572">
        <v>13</v>
      </c>
      <c r="D5572">
        <v>1</v>
      </c>
      <c r="E5572">
        <v>573</v>
      </c>
      <c r="F5572" t="s">
        <v>798</v>
      </c>
      <c r="G5572">
        <v>473</v>
      </c>
      <c r="H5572">
        <v>0</v>
      </c>
      <c r="I5572">
        <v>0</v>
      </c>
      <c r="J5572">
        <v>0</v>
      </c>
      <c r="K5572">
        <v>0</v>
      </c>
      <c r="L5572">
        <v>0</v>
      </c>
      <c r="M5572">
        <v>0</v>
      </c>
      <c r="N5572">
        <v>0</v>
      </c>
      <c r="O5572">
        <v>0</v>
      </c>
      <c r="P5572">
        <v>0</v>
      </c>
      <c r="Q5572">
        <v>0</v>
      </c>
      <c r="R5572">
        <v>0</v>
      </c>
      <c r="S5572">
        <v>0</v>
      </c>
      <c r="T5572" s="1">
        <v>45080.546875</v>
      </c>
    </row>
    <row r="5573" spans="1:20" x14ac:dyDescent="0.4">
      <c r="A5573">
        <v>224</v>
      </c>
      <c r="B5573">
        <v>1001</v>
      </c>
      <c r="C5573">
        <v>14</v>
      </c>
      <c r="D5573">
        <v>1</v>
      </c>
      <c r="E5573">
        <v>1001</v>
      </c>
      <c r="F5573" t="s">
        <v>799</v>
      </c>
      <c r="G5573">
        <v>491</v>
      </c>
      <c r="H5573">
        <v>0</v>
      </c>
      <c r="I5573">
        <v>0</v>
      </c>
      <c r="J5573">
        <v>0</v>
      </c>
      <c r="K5573">
        <v>0</v>
      </c>
      <c r="L5573">
        <v>0</v>
      </c>
      <c r="M5573">
        <v>0</v>
      </c>
      <c r="N5573">
        <v>0</v>
      </c>
      <c r="O5573">
        <v>0</v>
      </c>
      <c r="P5573">
        <v>0</v>
      </c>
      <c r="Q5573">
        <v>0</v>
      </c>
      <c r="R5573">
        <v>0</v>
      </c>
      <c r="S5573">
        <v>0</v>
      </c>
      <c r="T5573" s="1">
        <v>45080.546875</v>
      </c>
    </row>
    <row r="5574" spans="1:20" x14ac:dyDescent="0.4">
      <c r="A5574">
        <v>225</v>
      </c>
      <c r="B5574">
        <v>1002</v>
      </c>
      <c r="C5574">
        <v>14</v>
      </c>
      <c r="D5574">
        <v>1</v>
      </c>
      <c r="E5574">
        <v>1002</v>
      </c>
      <c r="F5574" t="s">
        <v>800</v>
      </c>
      <c r="G5574">
        <v>724</v>
      </c>
      <c r="H5574">
        <v>0</v>
      </c>
      <c r="I5574">
        <v>0</v>
      </c>
      <c r="J5574">
        <v>0</v>
      </c>
      <c r="K5574">
        <v>0</v>
      </c>
      <c r="L5574">
        <v>0</v>
      </c>
      <c r="M5574">
        <v>0</v>
      </c>
      <c r="N5574">
        <v>0</v>
      </c>
      <c r="O5574">
        <v>0</v>
      </c>
      <c r="P5574">
        <v>0</v>
      </c>
      <c r="Q5574">
        <v>0</v>
      </c>
      <c r="R5574">
        <v>0</v>
      </c>
      <c r="S5574">
        <v>0</v>
      </c>
      <c r="T5574" s="1">
        <v>45080.546875</v>
      </c>
    </row>
    <row r="5575" spans="1:20" x14ac:dyDescent="0.4">
      <c r="A5575">
        <v>226</v>
      </c>
      <c r="B5575">
        <v>1003</v>
      </c>
      <c r="C5575">
        <v>14</v>
      </c>
      <c r="D5575">
        <v>1</v>
      </c>
      <c r="E5575">
        <v>1003</v>
      </c>
      <c r="F5575" t="s">
        <v>801</v>
      </c>
      <c r="G5575">
        <v>649</v>
      </c>
      <c r="H5575">
        <v>0</v>
      </c>
      <c r="I5575">
        <v>0</v>
      </c>
      <c r="J5575">
        <v>0</v>
      </c>
      <c r="K5575">
        <v>0</v>
      </c>
      <c r="L5575">
        <v>0</v>
      </c>
      <c r="M5575">
        <v>0</v>
      </c>
      <c r="N5575">
        <v>0</v>
      </c>
      <c r="O5575">
        <v>0</v>
      </c>
      <c r="P5575">
        <v>0</v>
      </c>
      <c r="Q5575">
        <v>0</v>
      </c>
      <c r="R5575">
        <v>0</v>
      </c>
      <c r="S5575">
        <v>0</v>
      </c>
      <c r="T5575" s="1">
        <v>45080.546875</v>
      </c>
    </row>
    <row r="5576" spans="1:20" x14ac:dyDescent="0.4">
      <c r="A5576">
        <v>227</v>
      </c>
      <c r="B5576">
        <v>1004</v>
      </c>
      <c r="C5576">
        <v>14</v>
      </c>
      <c r="D5576">
        <v>1</v>
      </c>
      <c r="E5576">
        <v>1004</v>
      </c>
      <c r="F5576" t="s">
        <v>802</v>
      </c>
      <c r="G5576">
        <v>638</v>
      </c>
      <c r="H5576">
        <v>0</v>
      </c>
      <c r="I5576">
        <v>0</v>
      </c>
      <c r="J5576">
        <v>0</v>
      </c>
      <c r="K5576">
        <v>0</v>
      </c>
      <c r="L5576">
        <v>0</v>
      </c>
      <c r="M5576">
        <v>0</v>
      </c>
      <c r="N5576">
        <v>0</v>
      </c>
      <c r="O5576">
        <v>0</v>
      </c>
      <c r="P5576">
        <v>0</v>
      </c>
      <c r="Q5576">
        <v>0</v>
      </c>
      <c r="R5576">
        <v>0</v>
      </c>
      <c r="S5576">
        <v>0</v>
      </c>
      <c r="T5576" s="1">
        <v>45080.546875</v>
      </c>
    </row>
    <row r="5577" spans="1:20" x14ac:dyDescent="0.4">
      <c r="A5577">
        <v>228</v>
      </c>
      <c r="B5577">
        <v>1005</v>
      </c>
      <c r="C5577">
        <v>14</v>
      </c>
      <c r="D5577">
        <v>1</v>
      </c>
      <c r="E5577">
        <v>1005</v>
      </c>
      <c r="F5577" t="s">
        <v>803</v>
      </c>
      <c r="G5577">
        <v>1539</v>
      </c>
      <c r="H5577">
        <v>0</v>
      </c>
      <c r="I5577">
        <v>0</v>
      </c>
      <c r="J5577">
        <v>0</v>
      </c>
      <c r="K5577">
        <v>0</v>
      </c>
      <c r="L5577">
        <v>0</v>
      </c>
      <c r="M5577">
        <v>0</v>
      </c>
      <c r="N5577">
        <v>0</v>
      </c>
      <c r="O5577">
        <v>0</v>
      </c>
      <c r="P5577">
        <v>0</v>
      </c>
      <c r="Q5577">
        <v>0</v>
      </c>
      <c r="R5577">
        <v>0</v>
      </c>
      <c r="S5577">
        <v>0</v>
      </c>
      <c r="T5577" s="1">
        <v>45080.546875</v>
      </c>
    </row>
    <row r="5578" spans="1:20" x14ac:dyDescent="0.4">
      <c r="A5578">
        <v>229</v>
      </c>
      <c r="B5578">
        <v>1007</v>
      </c>
      <c r="C5578">
        <v>14</v>
      </c>
      <c r="D5578">
        <v>1</v>
      </c>
      <c r="E5578">
        <v>1007</v>
      </c>
      <c r="F5578" t="s">
        <v>804</v>
      </c>
      <c r="G5578">
        <v>605</v>
      </c>
      <c r="H5578">
        <v>0</v>
      </c>
      <c r="I5578">
        <v>0</v>
      </c>
      <c r="J5578">
        <v>0</v>
      </c>
      <c r="K5578">
        <v>0</v>
      </c>
      <c r="L5578">
        <v>0</v>
      </c>
      <c r="M5578">
        <v>0</v>
      </c>
      <c r="N5578">
        <v>0</v>
      </c>
      <c r="O5578">
        <v>0</v>
      </c>
      <c r="P5578">
        <v>0</v>
      </c>
      <c r="Q5578">
        <v>0</v>
      </c>
      <c r="R5578">
        <v>0</v>
      </c>
      <c r="S5578">
        <v>0</v>
      </c>
      <c r="T5578" s="1">
        <v>45080.546875</v>
      </c>
    </row>
    <row r="5579" spans="1:20" x14ac:dyDescent="0.4">
      <c r="A5579">
        <v>230</v>
      </c>
      <c r="B5579">
        <v>1009</v>
      </c>
      <c r="C5579">
        <v>14</v>
      </c>
      <c r="D5579">
        <v>1</v>
      </c>
      <c r="E5579">
        <v>1009</v>
      </c>
      <c r="F5579" t="s">
        <v>805</v>
      </c>
      <c r="G5579">
        <v>659</v>
      </c>
      <c r="H5579">
        <v>0</v>
      </c>
      <c r="I5579">
        <v>0</v>
      </c>
      <c r="J5579">
        <v>0</v>
      </c>
      <c r="K5579">
        <v>0</v>
      </c>
      <c r="L5579">
        <v>0</v>
      </c>
      <c r="M5579">
        <v>0</v>
      </c>
      <c r="N5579">
        <v>0</v>
      </c>
      <c r="O5579">
        <v>0</v>
      </c>
      <c r="P5579">
        <v>0</v>
      </c>
      <c r="Q5579">
        <v>0</v>
      </c>
      <c r="R5579">
        <v>0</v>
      </c>
      <c r="S5579">
        <v>0</v>
      </c>
      <c r="T5579" s="1">
        <v>45080.546875</v>
      </c>
    </row>
    <row r="5580" spans="1:20" x14ac:dyDescent="0.4">
      <c r="A5580">
        <v>231</v>
      </c>
      <c r="B5580">
        <v>1010</v>
      </c>
      <c r="C5580">
        <v>14</v>
      </c>
      <c r="D5580">
        <v>1</v>
      </c>
      <c r="E5580">
        <v>1010</v>
      </c>
      <c r="F5580" t="s">
        <v>806</v>
      </c>
      <c r="G5580">
        <v>539</v>
      </c>
      <c r="H5580">
        <v>0</v>
      </c>
      <c r="I5580">
        <v>0</v>
      </c>
      <c r="J5580">
        <v>0</v>
      </c>
      <c r="K5580">
        <v>0</v>
      </c>
      <c r="L5580">
        <v>0</v>
      </c>
      <c r="M5580">
        <v>0</v>
      </c>
      <c r="N5580">
        <v>0</v>
      </c>
      <c r="O5580">
        <v>0</v>
      </c>
      <c r="P5580">
        <v>0</v>
      </c>
      <c r="Q5580">
        <v>0</v>
      </c>
      <c r="R5580">
        <v>0</v>
      </c>
      <c r="S5580">
        <v>0</v>
      </c>
      <c r="T5580" s="1">
        <v>45080.546875</v>
      </c>
    </row>
    <row r="5581" spans="1:20" x14ac:dyDescent="0.4">
      <c r="A5581">
        <v>232</v>
      </c>
      <c r="B5581">
        <v>1011</v>
      </c>
      <c r="C5581">
        <v>14</v>
      </c>
      <c r="D5581">
        <v>1</v>
      </c>
      <c r="E5581">
        <v>1011</v>
      </c>
      <c r="F5581" t="s">
        <v>807</v>
      </c>
      <c r="G5581">
        <v>583</v>
      </c>
      <c r="H5581">
        <v>0</v>
      </c>
      <c r="I5581">
        <v>0</v>
      </c>
      <c r="J5581">
        <v>0</v>
      </c>
      <c r="K5581">
        <v>0</v>
      </c>
      <c r="L5581">
        <v>0</v>
      </c>
      <c r="M5581">
        <v>0</v>
      </c>
      <c r="N5581">
        <v>0</v>
      </c>
      <c r="O5581">
        <v>0</v>
      </c>
      <c r="P5581">
        <v>0</v>
      </c>
      <c r="Q5581">
        <v>0</v>
      </c>
      <c r="R5581">
        <v>0</v>
      </c>
      <c r="S5581">
        <v>0</v>
      </c>
      <c r="T5581" s="1">
        <v>45080.546875</v>
      </c>
    </row>
    <row r="5582" spans="1:20" x14ac:dyDescent="0.4">
      <c r="A5582">
        <v>233</v>
      </c>
      <c r="B5582">
        <v>1031</v>
      </c>
      <c r="C5582">
        <v>14</v>
      </c>
      <c r="D5582">
        <v>1</v>
      </c>
      <c r="E5582">
        <v>1031</v>
      </c>
      <c r="F5582" t="s">
        <v>808</v>
      </c>
      <c r="G5582">
        <v>641</v>
      </c>
      <c r="H5582">
        <v>0</v>
      </c>
      <c r="I5582">
        <v>0</v>
      </c>
      <c r="J5582">
        <v>0</v>
      </c>
      <c r="K5582">
        <v>0</v>
      </c>
      <c r="L5582">
        <v>0</v>
      </c>
      <c r="M5582">
        <v>0</v>
      </c>
      <c r="N5582">
        <v>0</v>
      </c>
      <c r="O5582">
        <v>0</v>
      </c>
      <c r="P5582">
        <v>0</v>
      </c>
      <c r="Q5582">
        <v>0</v>
      </c>
      <c r="R5582">
        <v>0</v>
      </c>
      <c r="S5582">
        <v>0</v>
      </c>
      <c r="T5582" s="1">
        <v>45080.546875</v>
      </c>
    </row>
    <row r="5583" spans="1:20" x14ac:dyDescent="0.4">
      <c r="A5583">
        <v>234</v>
      </c>
      <c r="B5583">
        <v>1033</v>
      </c>
      <c r="C5583">
        <v>14</v>
      </c>
      <c r="D5583">
        <v>1</v>
      </c>
      <c r="E5583">
        <v>1033</v>
      </c>
      <c r="F5583" t="s">
        <v>809</v>
      </c>
      <c r="G5583">
        <v>688</v>
      </c>
      <c r="H5583">
        <v>0</v>
      </c>
      <c r="I5583">
        <v>0</v>
      </c>
      <c r="J5583">
        <v>0</v>
      </c>
      <c r="K5583">
        <v>0</v>
      </c>
      <c r="L5583">
        <v>0</v>
      </c>
      <c r="M5583">
        <v>0</v>
      </c>
      <c r="N5583">
        <v>0</v>
      </c>
      <c r="O5583">
        <v>0</v>
      </c>
      <c r="P5583">
        <v>0</v>
      </c>
      <c r="Q5583">
        <v>0</v>
      </c>
      <c r="R5583">
        <v>0</v>
      </c>
      <c r="S5583">
        <v>0</v>
      </c>
      <c r="T5583" s="1">
        <v>45080.546875</v>
      </c>
    </row>
    <row r="5584" spans="1:20" x14ac:dyDescent="0.4">
      <c r="A5584">
        <v>235</v>
      </c>
      <c r="B5584">
        <v>1034</v>
      </c>
      <c r="C5584">
        <v>14</v>
      </c>
      <c r="D5584">
        <v>1</v>
      </c>
      <c r="E5584">
        <v>1034</v>
      </c>
      <c r="F5584" t="s">
        <v>810</v>
      </c>
      <c r="G5584">
        <v>1738</v>
      </c>
      <c r="H5584">
        <v>0</v>
      </c>
      <c r="I5584">
        <v>0</v>
      </c>
      <c r="J5584">
        <v>0</v>
      </c>
      <c r="K5584">
        <v>0</v>
      </c>
      <c r="L5584">
        <v>0</v>
      </c>
      <c r="M5584">
        <v>0</v>
      </c>
      <c r="N5584">
        <v>0</v>
      </c>
      <c r="O5584">
        <v>0</v>
      </c>
      <c r="P5584">
        <v>0</v>
      </c>
      <c r="Q5584">
        <v>0</v>
      </c>
      <c r="R5584">
        <v>0</v>
      </c>
      <c r="S5584">
        <v>0</v>
      </c>
      <c r="T5584" s="1">
        <v>45080.546875</v>
      </c>
    </row>
    <row r="5585" spans="1:20" x14ac:dyDescent="0.4">
      <c r="A5585">
        <v>236</v>
      </c>
      <c r="B5585">
        <v>1035</v>
      </c>
      <c r="C5585">
        <v>14</v>
      </c>
      <c r="D5585">
        <v>1</v>
      </c>
      <c r="E5585">
        <v>1035</v>
      </c>
      <c r="F5585" t="s">
        <v>811</v>
      </c>
      <c r="G5585">
        <v>605</v>
      </c>
      <c r="H5585">
        <v>0</v>
      </c>
      <c r="I5585">
        <v>0</v>
      </c>
      <c r="J5585">
        <v>0</v>
      </c>
      <c r="K5585">
        <v>0</v>
      </c>
      <c r="L5585">
        <v>0</v>
      </c>
      <c r="M5585">
        <v>0</v>
      </c>
      <c r="N5585">
        <v>0</v>
      </c>
      <c r="O5585">
        <v>0</v>
      </c>
      <c r="P5585">
        <v>0</v>
      </c>
      <c r="Q5585">
        <v>0</v>
      </c>
      <c r="R5585">
        <v>0</v>
      </c>
      <c r="S5585">
        <v>0</v>
      </c>
      <c r="T5585" s="1">
        <v>45080.546875</v>
      </c>
    </row>
    <row r="5586" spans="1:20" x14ac:dyDescent="0.4">
      <c r="A5586">
        <v>237</v>
      </c>
      <c r="B5586">
        <v>1036</v>
      </c>
      <c r="C5586">
        <v>14</v>
      </c>
      <c r="D5586">
        <v>1</v>
      </c>
      <c r="E5586">
        <v>1036</v>
      </c>
      <c r="F5586" t="s">
        <v>591</v>
      </c>
      <c r="G5586">
        <v>2418</v>
      </c>
      <c r="H5586">
        <v>0</v>
      </c>
      <c r="I5586">
        <v>0</v>
      </c>
      <c r="J5586">
        <v>0</v>
      </c>
      <c r="K5586">
        <v>0</v>
      </c>
      <c r="L5586">
        <v>0</v>
      </c>
      <c r="M5586">
        <v>0</v>
      </c>
      <c r="N5586">
        <v>0</v>
      </c>
      <c r="O5586">
        <v>0</v>
      </c>
      <c r="P5586">
        <v>0</v>
      </c>
      <c r="Q5586">
        <v>0</v>
      </c>
      <c r="R5586">
        <v>0</v>
      </c>
      <c r="S5586">
        <v>0</v>
      </c>
      <c r="T5586" s="1">
        <v>45080.546875</v>
      </c>
    </row>
    <row r="5587" spans="1:20" x14ac:dyDescent="0.4">
      <c r="A5587">
        <v>238</v>
      </c>
      <c r="B5587">
        <v>1156</v>
      </c>
      <c r="C5587">
        <v>14</v>
      </c>
      <c r="D5587">
        <v>1</v>
      </c>
      <c r="E5587">
        <v>1156</v>
      </c>
      <c r="F5587" t="s">
        <v>596</v>
      </c>
      <c r="G5587">
        <v>1023</v>
      </c>
      <c r="H5587">
        <v>0</v>
      </c>
      <c r="I5587">
        <v>0</v>
      </c>
      <c r="J5587">
        <v>0</v>
      </c>
      <c r="K5587">
        <v>0</v>
      </c>
      <c r="L5587">
        <v>0</v>
      </c>
      <c r="M5587">
        <v>0</v>
      </c>
      <c r="N5587">
        <v>0</v>
      </c>
      <c r="O5587">
        <v>0</v>
      </c>
      <c r="P5587">
        <v>0</v>
      </c>
      <c r="Q5587">
        <v>0</v>
      </c>
      <c r="R5587">
        <v>0</v>
      </c>
      <c r="S5587">
        <v>0</v>
      </c>
      <c r="T5587" s="1">
        <v>45080.546875</v>
      </c>
    </row>
    <row r="5588" spans="1:20" x14ac:dyDescent="0.4">
      <c r="A5588">
        <v>239</v>
      </c>
      <c r="B5588">
        <v>1160</v>
      </c>
      <c r="C5588">
        <v>14</v>
      </c>
      <c r="D5588">
        <v>1</v>
      </c>
      <c r="E5588">
        <v>1160</v>
      </c>
      <c r="F5588" t="s">
        <v>812</v>
      </c>
      <c r="G5588">
        <v>462</v>
      </c>
      <c r="H5588">
        <v>0</v>
      </c>
      <c r="I5588">
        <v>0</v>
      </c>
      <c r="J5588">
        <v>0</v>
      </c>
      <c r="K5588">
        <v>0</v>
      </c>
      <c r="L5588">
        <v>0</v>
      </c>
      <c r="M5588">
        <v>0</v>
      </c>
      <c r="N5588">
        <v>0</v>
      </c>
      <c r="O5588">
        <v>0</v>
      </c>
      <c r="P5588">
        <v>0</v>
      </c>
      <c r="Q5588">
        <v>0</v>
      </c>
      <c r="R5588">
        <v>0</v>
      </c>
      <c r="S5588">
        <v>0</v>
      </c>
      <c r="T5588" s="1">
        <v>45080.546875</v>
      </c>
    </row>
    <row r="5589" spans="1:20" x14ac:dyDescent="0.4">
      <c r="A5589">
        <v>240</v>
      </c>
      <c r="B5589">
        <v>1161</v>
      </c>
      <c r="C5589">
        <v>14</v>
      </c>
      <c r="D5589">
        <v>1</v>
      </c>
      <c r="E5589">
        <v>1161</v>
      </c>
      <c r="F5589" t="s">
        <v>813</v>
      </c>
      <c r="G5589">
        <v>592</v>
      </c>
      <c r="H5589">
        <v>0</v>
      </c>
      <c r="I5589">
        <v>0</v>
      </c>
      <c r="J5589">
        <v>0</v>
      </c>
      <c r="K5589">
        <v>0</v>
      </c>
      <c r="L5589">
        <v>0</v>
      </c>
      <c r="M5589">
        <v>0</v>
      </c>
      <c r="N5589">
        <v>0</v>
      </c>
      <c r="O5589">
        <v>0</v>
      </c>
      <c r="P5589">
        <v>0</v>
      </c>
      <c r="Q5589">
        <v>0</v>
      </c>
      <c r="R5589">
        <v>0</v>
      </c>
      <c r="S5589">
        <v>0</v>
      </c>
      <c r="T5589" s="1">
        <v>45080.546875</v>
      </c>
    </row>
    <row r="5590" spans="1:20" x14ac:dyDescent="0.4">
      <c r="A5590">
        <v>241</v>
      </c>
      <c r="B5590">
        <v>1162</v>
      </c>
      <c r="C5590">
        <v>14</v>
      </c>
      <c r="D5590">
        <v>1</v>
      </c>
      <c r="E5590">
        <v>1162</v>
      </c>
      <c r="F5590" t="s">
        <v>814</v>
      </c>
      <c r="G5590">
        <v>592</v>
      </c>
      <c r="H5590">
        <v>0</v>
      </c>
      <c r="I5590">
        <v>0</v>
      </c>
      <c r="J5590">
        <v>0</v>
      </c>
      <c r="K5590">
        <v>0</v>
      </c>
      <c r="L5590">
        <v>0</v>
      </c>
      <c r="M5590">
        <v>0</v>
      </c>
      <c r="N5590">
        <v>0</v>
      </c>
      <c r="O5590">
        <v>0</v>
      </c>
      <c r="P5590">
        <v>0</v>
      </c>
      <c r="Q5590">
        <v>0</v>
      </c>
      <c r="R5590">
        <v>0</v>
      </c>
      <c r="S5590">
        <v>0</v>
      </c>
      <c r="T5590" s="1">
        <v>45080.546875</v>
      </c>
    </row>
    <row r="5591" spans="1:20" x14ac:dyDescent="0.4">
      <c r="A5591">
        <v>242</v>
      </c>
      <c r="B5591">
        <v>1163</v>
      </c>
      <c r="C5591">
        <v>14</v>
      </c>
      <c r="D5591">
        <v>1</v>
      </c>
      <c r="E5591">
        <v>1163</v>
      </c>
      <c r="F5591" t="s">
        <v>815</v>
      </c>
      <c r="G5591">
        <v>592</v>
      </c>
      <c r="H5591">
        <v>0</v>
      </c>
      <c r="I5591">
        <v>0</v>
      </c>
      <c r="J5591">
        <v>0</v>
      </c>
      <c r="K5591">
        <v>0</v>
      </c>
      <c r="L5591">
        <v>0</v>
      </c>
      <c r="M5591">
        <v>0</v>
      </c>
      <c r="N5591">
        <v>0</v>
      </c>
      <c r="O5591">
        <v>0</v>
      </c>
      <c r="P5591">
        <v>0</v>
      </c>
      <c r="Q5591">
        <v>0</v>
      </c>
      <c r="R5591">
        <v>0</v>
      </c>
      <c r="S5591">
        <v>0</v>
      </c>
      <c r="T5591" s="1">
        <v>45080.546875</v>
      </c>
    </row>
    <row r="5592" spans="1:20" x14ac:dyDescent="0.4">
      <c r="A5592">
        <v>243</v>
      </c>
      <c r="B5592">
        <v>1051</v>
      </c>
      <c r="C5592">
        <v>15</v>
      </c>
      <c r="D5592">
        <v>1</v>
      </c>
      <c r="E5592">
        <v>1051</v>
      </c>
      <c r="F5592" t="s">
        <v>592</v>
      </c>
      <c r="G5592">
        <v>858</v>
      </c>
      <c r="H5592">
        <v>0</v>
      </c>
      <c r="I5592">
        <v>0</v>
      </c>
      <c r="J5592">
        <v>0</v>
      </c>
      <c r="K5592">
        <v>0</v>
      </c>
      <c r="L5592">
        <v>0</v>
      </c>
      <c r="M5592">
        <v>0</v>
      </c>
      <c r="N5592">
        <v>0</v>
      </c>
      <c r="O5592">
        <v>0</v>
      </c>
      <c r="P5592">
        <v>0</v>
      </c>
      <c r="Q5592">
        <v>0</v>
      </c>
      <c r="R5592">
        <v>0</v>
      </c>
      <c r="S5592">
        <v>0</v>
      </c>
      <c r="T5592" s="1">
        <v>45080.546875</v>
      </c>
    </row>
    <row r="5593" spans="1:20" x14ac:dyDescent="0.4">
      <c r="A5593">
        <v>244</v>
      </c>
      <c r="B5593">
        <v>1053</v>
      </c>
      <c r="C5593">
        <v>15</v>
      </c>
      <c r="D5593">
        <v>1</v>
      </c>
      <c r="E5593">
        <v>1053</v>
      </c>
      <c r="F5593" t="s">
        <v>816</v>
      </c>
      <c r="G5593">
        <v>858</v>
      </c>
      <c r="H5593">
        <v>0</v>
      </c>
      <c r="I5593">
        <v>0</v>
      </c>
      <c r="J5593">
        <v>0</v>
      </c>
      <c r="K5593">
        <v>0</v>
      </c>
      <c r="L5593">
        <v>0</v>
      </c>
      <c r="M5593">
        <v>0</v>
      </c>
      <c r="N5593">
        <v>0</v>
      </c>
      <c r="O5593">
        <v>0</v>
      </c>
      <c r="P5593">
        <v>0</v>
      </c>
      <c r="Q5593">
        <v>0</v>
      </c>
      <c r="R5593">
        <v>0</v>
      </c>
      <c r="S5593">
        <v>0</v>
      </c>
      <c r="T5593" s="1">
        <v>45080.546875</v>
      </c>
    </row>
    <row r="5594" spans="1:20" x14ac:dyDescent="0.4">
      <c r="A5594">
        <v>245</v>
      </c>
      <c r="B5594">
        <v>1054</v>
      </c>
      <c r="C5594">
        <v>15</v>
      </c>
      <c r="D5594">
        <v>1</v>
      </c>
      <c r="E5594">
        <v>1054</v>
      </c>
      <c r="F5594" t="s">
        <v>817</v>
      </c>
      <c r="G5594">
        <v>836</v>
      </c>
      <c r="H5594">
        <v>0</v>
      </c>
      <c r="I5594">
        <v>0</v>
      </c>
      <c r="J5594">
        <v>0</v>
      </c>
      <c r="K5594">
        <v>0</v>
      </c>
      <c r="L5594">
        <v>0</v>
      </c>
      <c r="M5594">
        <v>0</v>
      </c>
      <c r="N5594">
        <v>0</v>
      </c>
      <c r="O5594">
        <v>0</v>
      </c>
      <c r="P5594">
        <v>0</v>
      </c>
      <c r="Q5594">
        <v>0</v>
      </c>
      <c r="R5594">
        <v>0</v>
      </c>
      <c r="S5594">
        <v>0</v>
      </c>
      <c r="T5594" s="1">
        <v>45080.546875</v>
      </c>
    </row>
    <row r="5595" spans="1:20" x14ac:dyDescent="0.4">
      <c r="A5595">
        <v>246</v>
      </c>
      <c r="B5595">
        <v>1056</v>
      </c>
      <c r="C5595">
        <v>15</v>
      </c>
      <c r="D5595">
        <v>1</v>
      </c>
      <c r="E5595">
        <v>1056</v>
      </c>
      <c r="F5595" t="s">
        <v>818</v>
      </c>
      <c r="G5595">
        <v>869</v>
      </c>
      <c r="H5595">
        <v>0</v>
      </c>
      <c r="I5595">
        <v>0</v>
      </c>
      <c r="J5595">
        <v>0</v>
      </c>
      <c r="K5595">
        <v>0</v>
      </c>
      <c r="L5595">
        <v>0</v>
      </c>
      <c r="M5595">
        <v>0</v>
      </c>
      <c r="N5595">
        <v>0</v>
      </c>
      <c r="O5595">
        <v>0</v>
      </c>
      <c r="P5595">
        <v>0</v>
      </c>
      <c r="Q5595">
        <v>0</v>
      </c>
      <c r="R5595">
        <v>0</v>
      </c>
      <c r="S5595">
        <v>0</v>
      </c>
      <c r="T5595" s="1">
        <v>45080.546875</v>
      </c>
    </row>
    <row r="5596" spans="1:20" x14ac:dyDescent="0.4">
      <c r="A5596">
        <v>247</v>
      </c>
      <c r="B5596">
        <v>1057</v>
      </c>
      <c r="C5596">
        <v>15</v>
      </c>
      <c r="D5596">
        <v>1</v>
      </c>
      <c r="E5596">
        <v>1057</v>
      </c>
      <c r="F5596" t="s">
        <v>819</v>
      </c>
      <c r="G5596">
        <v>968</v>
      </c>
      <c r="H5596">
        <v>0</v>
      </c>
      <c r="I5596">
        <v>0</v>
      </c>
      <c r="J5596">
        <v>0</v>
      </c>
      <c r="K5596">
        <v>0</v>
      </c>
      <c r="L5596">
        <v>0</v>
      </c>
      <c r="M5596">
        <v>0</v>
      </c>
      <c r="N5596">
        <v>0</v>
      </c>
      <c r="O5596">
        <v>0</v>
      </c>
      <c r="P5596">
        <v>0</v>
      </c>
      <c r="Q5596">
        <v>0</v>
      </c>
      <c r="R5596">
        <v>0</v>
      </c>
      <c r="S5596">
        <v>0</v>
      </c>
      <c r="T5596" s="1">
        <v>45080.546875</v>
      </c>
    </row>
    <row r="5597" spans="1:20" x14ac:dyDescent="0.4">
      <c r="A5597">
        <v>248</v>
      </c>
      <c r="B5597">
        <v>1059</v>
      </c>
      <c r="C5597">
        <v>15</v>
      </c>
      <c r="D5597">
        <v>1</v>
      </c>
      <c r="E5597">
        <v>1059</v>
      </c>
      <c r="F5597" t="s">
        <v>820</v>
      </c>
      <c r="G5597">
        <v>869</v>
      </c>
      <c r="H5597">
        <v>0</v>
      </c>
      <c r="I5597">
        <v>0</v>
      </c>
      <c r="J5597">
        <v>0</v>
      </c>
      <c r="K5597">
        <v>0</v>
      </c>
      <c r="L5597">
        <v>0</v>
      </c>
      <c r="M5597">
        <v>0</v>
      </c>
      <c r="N5597">
        <v>0</v>
      </c>
      <c r="O5597">
        <v>0</v>
      </c>
      <c r="P5597">
        <v>0</v>
      </c>
      <c r="Q5597">
        <v>0</v>
      </c>
      <c r="R5597">
        <v>0</v>
      </c>
      <c r="S5597">
        <v>0</v>
      </c>
      <c r="T5597" s="1">
        <v>45080.546875</v>
      </c>
    </row>
    <row r="5598" spans="1:20" x14ac:dyDescent="0.4">
      <c r="A5598">
        <v>249</v>
      </c>
      <c r="B5598">
        <v>1060</v>
      </c>
      <c r="C5598">
        <v>15</v>
      </c>
      <c r="D5598">
        <v>1</v>
      </c>
      <c r="E5598">
        <v>1060</v>
      </c>
      <c r="F5598" t="s">
        <v>821</v>
      </c>
      <c r="G5598">
        <v>935</v>
      </c>
      <c r="H5598">
        <v>0</v>
      </c>
      <c r="I5598">
        <v>0</v>
      </c>
      <c r="J5598">
        <v>0</v>
      </c>
      <c r="K5598">
        <v>0</v>
      </c>
      <c r="L5598">
        <v>0</v>
      </c>
      <c r="M5598">
        <v>0</v>
      </c>
      <c r="N5598">
        <v>0</v>
      </c>
      <c r="O5598">
        <v>0</v>
      </c>
      <c r="P5598">
        <v>0</v>
      </c>
      <c r="Q5598">
        <v>0</v>
      </c>
      <c r="R5598">
        <v>0</v>
      </c>
      <c r="S5598">
        <v>0</v>
      </c>
      <c r="T5598" s="1">
        <v>45080.546875</v>
      </c>
    </row>
    <row r="5599" spans="1:20" x14ac:dyDescent="0.4">
      <c r="A5599">
        <v>250</v>
      </c>
      <c r="B5599">
        <v>1081</v>
      </c>
      <c r="C5599">
        <v>16</v>
      </c>
      <c r="D5599">
        <v>1</v>
      </c>
      <c r="E5599">
        <v>1081</v>
      </c>
      <c r="F5599" t="s">
        <v>822</v>
      </c>
      <c r="G5599">
        <v>935</v>
      </c>
      <c r="H5599">
        <v>0</v>
      </c>
      <c r="I5599">
        <v>0</v>
      </c>
      <c r="J5599">
        <v>0</v>
      </c>
      <c r="K5599">
        <v>0</v>
      </c>
      <c r="L5599">
        <v>0</v>
      </c>
      <c r="M5599">
        <v>0</v>
      </c>
      <c r="N5599">
        <v>0</v>
      </c>
      <c r="O5599">
        <v>0</v>
      </c>
      <c r="P5599">
        <v>0</v>
      </c>
      <c r="Q5599">
        <v>0</v>
      </c>
      <c r="R5599">
        <v>0</v>
      </c>
      <c r="S5599">
        <v>0</v>
      </c>
      <c r="T5599" s="1">
        <v>45080.546875</v>
      </c>
    </row>
    <row r="5600" spans="1:20" x14ac:dyDescent="0.4">
      <c r="A5600">
        <v>251</v>
      </c>
      <c r="B5600">
        <v>1084</v>
      </c>
      <c r="C5600">
        <v>16</v>
      </c>
      <c r="D5600">
        <v>1</v>
      </c>
      <c r="E5600">
        <v>1084</v>
      </c>
      <c r="F5600" t="s">
        <v>823</v>
      </c>
      <c r="G5600">
        <v>649</v>
      </c>
      <c r="H5600">
        <v>0</v>
      </c>
      <c r="I5600">
        <v>0</v>
      </c>
      <c r="J5600">
        <v>0</v>
      </c>
      <c r="K5600">
        <v>0</v>
      </c>
      <c r="L5600">
        <v>0</v>
      </c>
      <c r="M5600">
        <v>0</v>
      </c>
      <c r="N5600">
        <v>0</v>
      </c>
      <c r="O5600">
        <v>0</v>
      </c>
      <c r="P5600">
        <v>0</v>
      </c>
      <c r="Q5600">
        <v>0</v>
      </c>
      <c r="R5600">
        <v>0</v>
      </c>
      <c r="S5600">
        <v>0</v>
      </c>
      <c r="T5600" s="1">
        <v>45080.546875</v>
      </c>
    </row>
    <row r="5601" spans="1:20" x14ac:dyDescent="0.4">
      <c r="A5601">
        <v>252</v>
      </c>
      <c r="B5601">
        <v>1103</v>
      </c>
      <c r="C5601">
        <v>17</v>
      </c>
      <c r="D5601">
        <v>1</v>
      </c>
      <c r="E5601">
        <v>1103</v>
      </c>
      <c r="F5601" t="s">
        <v>824</v>
      </c>
      <c r="G5601">
        <v>759</v>
      </c>
      <c r="H5601">
        <v>0</v>
      </c>
      <c r="I5601">
        <v>0</v>
      </c>
      <c r="J5601">
        <v>0</v>
      </c>
      <c r="K5601">
        <v>0</v>
      </c>
      <c r="L5601">
        <v>0</v>
      </c>
      <c r="M5601">
        <v>0</v>
      </c>
      <c r="N5601">
        <v>0</v>
      </c>
      <c r="O5601">
        <v>0</v>
      </c>
      <c r="P5601">
        <v>0</v>
      </c>
      <c r="Q5601">
        <v>0</v>
      </c>
      <c r="R5601">
        <v>0</v>
      </c>
      <c r="S5601">
        <v>0</v>
      </c>
      <c r="T5601" s="1">
        <v>45080.546875</v>
      </c>
    </row>
    <row r="5602" spans="1:20" x14ac:dyDescent="0.4">
      <c r="A5602">
        <v>253</v>
      </c>
      <c r="B5602">
        <v>1106</v>
      </c>
      <c r="C5602">
        <v>17</v>
      </c>
      <c r="D5602">
        <v>1</v>
      </c>
      <c r="E5602">
        <v>1106</v>
      </c>
      <c r="F5602" t="s">
        <v>825</v>
      </c>
      <c r="G5602">
        <v>715</v>
      </c>
      <c r="H5602">
        <v>0</v>
      </c>
      <c r="I5602">
        <v>0</v>
      </c>
      <c r="J5602">
        <v>0</v>
      </c>
      <c r="K5602">
        <v>0</v>
      </c>
      <c r="L5602">
        <v>0</v>
      </c>
      <c r="M5602">
        <v>0</v>
      </c>
      <c r="N5602">
        <v>0</v>
      </c>
      <c r="O5602">
        <v>0</v>
      </c>
      <c r="P5602">
        <v>0</v>
      </c>
      <c r="Q5602">
        <v>0</v>
      </c>
      <c r="R5602">
        <v>0</v>
      </c>
      <c r="S5602">
        <v>0</v>
      </c>
      <c r="T5602" s="1">
        <v>45080.546875</v>
      </c>
    </row>
    <row r="5603" spans="1:20" x14ac:dyDescent="0.4">
      <c r="A5603">
        <v>254</v>
      </c>
      <c r="B5603">
        <v>1107</v>
      </c>
      <c r="C5603">
        <v>17</v>
      </c>
      <c r="D5603">
        <v>1</v>
      </c>
      <c r="E5603">
        <v>1107</v>
      </c>
      <c r="F5603" t="s">
        <v>826</v>
      </c>
      <c r="G5603">
        <v>768</v>
      </c>
      <c r="H5603">
        <v>0</v>
      </c>
      <c r="I5603">
        <v>0</v>
      </c>
      <c r="J5603">
        <v>0</v>
      </c>
      <c r="K5603">
        <v>0</v>
      </c>
      <c r="L5603">
        <v>0</v>
      </c>
      <c r="M5603">
        <v>0</v>
      </c>
      <c r="N5603">
        <v>0</v>
      </c>
      <c r="O5603">
        <v>0</v>
      </c>
      <c r="P5603">
        <v>0</v>
      </c>
      <c r="Q5603">
        <v>0</v>
      </c>
      <c r="R5603">
        <v>0</v>
      </c>
      <c r="S5603">
        <v>0</v>
      </c>
      <c r="T5603" s="1">
        <v>45080.546875</v>
      </c>
    </row>
    <row r="5604" spans="1:20" x14ac:dyDescent="0.4">
      <c r="A5604">
        <v>255</v>
      </c>
      <c r="B5604">
        <v>1108</v>
      </c>
      <c r="C5604">
        <v>17</v>
      </c>
      <c r="D5604">
        <v>1</v>
      </c>
      <c r="E5604">
        <v>1108</v>
      </c>
      <c r="F5604" t="s">
        <v>827</v>
      </c>
      <c r="G5604">
        <v>978</v>
      </c>
      <c r="H5604">
        <v>0</v>
      </c>
      <c r="I5604">
        <v>0</v>
      </c>
      <c r="J5604">
        <v>0</v>
      </c>
      <c r="K5604">
        <v>0</v>
      </c>
      <c r="L5604">
        <v>0</v>
      </c>
      <c r="M5604">
        <v>0</v>
      </c>
      <c r="N5604">
        <v>0</v>
      </c>
      <c r="O5604">
        <v>0</v>
      </c>
      <c r="P5604">
        <v>0</v>
      </c>
      <c r="Q5604">
        <v>0</v>
      </c>
      <c r="R5604">
        <v>0</v>
      </c>
      <c r="S5604">
        <v>0</v>
      </c>
      <c r="T5604" s="1">
        <v>45080.546875</v>
      </c>
    </row>
    <row r="5605" spans="1:20" x14ac:dyDescent="0.4">
      <c r="A5605">
        <v>256</v>
      </c>
      <c r="B5605">
        <v>1109</v>
      </c>
      <c r="C5605">
        <v>17</v>
      </c>
      <c r="D5605">
        <v>1</v>
      </c>
      <c r="E5605">
        <v>1109</v>
      </c>
      <c r="F5605" t="s">
        <v>828</v>
      </c>
      <c r="G5605">
        <v>759</v>
      </c>
      <c r="H5605">
        <v>0</v>
      </c>
      <c r="I5605">
        <v>0</v>
      </c>
      <c r="J5605">
        <v>0</v>
      </c>
      <c r="K5605">
        <v>0</v>
      </c>
      <c r="L5605">
        <v>0</v>
      </c>
      <c r="M5605">
        <v>0</v>
      </c>
      <c r="N5605">
        <v>0</v>
      </c>
      <c r="O5605">
        <v>0</v>
      </c>
      <c r="P5605">
        <v>0</v>
      </c>
      <c r="Q5605">
        <v>0</v>
      </c>
      <c r="R5605">
        <v>0</v>
      </c>
      <c r="S5605">
        <v>0</v>
      </c>
      <c r="T5605" s="1">
        <v>45080.546875</v>
      </c>
    </row>
    <row r="5606" spans="1:20" x14ac:dyDescent="0.4">
      <c r="A5606">
        <v>257</v>
      </c>
      <c r="B5606">
        <v>1111</v>
      </c>
      <c r="C5606">
        <v>18</v>
      </c>
      <c r="D5606">
        <v>1</v>
      </c>
      <c r="E5606">
        <v>1131</v>
      </c>
      <c r="F5606" t="s">
        <v>829</v>
      </c>
      <c r="G5606">
        <v>803</v>
      </c>
      <c r="H5606">
        <v>0</v>
      </c>
      <c r="I5606">
        <v>0</v>
      </c>
      <c r="J5606">
        <v>0</v>
      </c>
      <c r="K5606">
        <v>0</v>
      </c>
      <c r="L5606">
        <v>0</v>
      </c>
      <c r="M5606">
        <v>0</v>
      </c>
      <c r="N5606">
        <v>0</v>
      </c>
      <c r="O5606">
        <v>0</v>
      </c>
      <c r="P5606">
        <v>0</v>
      </c>
      <c r="Q5606">
        <v>0</v>
      </c>
      <c r="R5606">
        <v>0</v>
      </c>
      <c r="S5606">
        <v>0</v>
      </c>
      <c r="T5606" s="1">
        <v>45080.546875</v>
      </c>
    </row>
    <row r="5607" spans="1:20" x14ac:dyDescent="0.4">
      <c r="A5607">
        <v>258</v>
      </c>
      <c r="B5607">
        <v>1112</v>
      </c>
      <c r="C5607">
        <v>18</v>
      </c>
      <c r="D5607">
        <v>1</v>
      </c>
      <c r="E5607">
        <v>1131</v>
      </c>
      <c r="F5607" t="s">
        <v>830</v>
      </c>
      <c r="G5607">
        <v>803</v>
      </c>
      <c r="H5607">
        <v>0</v>
      </c>
      <c r="I5607">
        <v>0</v>
      </c>
      <c r="J5607">
        <v>0</v>
      </c>
      <c r="K5607">
        <v>0</v>
      </c>
      <c r="L5607">
        <v>0</v>
      </c>
      <c r="M5607">
        <v>0</v>
      </c>
      <c r="N5607">
        <v>0</v>
      </c>
      <c r="O5607">
        <v>0</v>
      </c>
      <c r="P5607">
        <v>0</v>
      </c>
      <c r="Q5607">
        <v>0</v>
      </c>
      <c r="R5607">
        <v>0</v>
      </c>
      <c r="S5607">
        <v>0</v>
      </c>
      <c r="T5607" s="1">
        <v>45080.546875</v>
      </c>
    </row>
    <row r="5608" spans="1:20" x14ac:dyDescent="0.4">
      <c r="A5608">
        <v>259</v>
      </c>
      <c r="B5608">
        <v>1113</v>
      </c>
      <c r="C5608">
        <v>18</v>
      </c>
      <c r="D5608">
        <v>1</v>
      </c>
      <c r="E5608">
        <v>1131</v>
      </c>
      <c r="F5608" t="s">
        <v>831</v>
      </c>
      <c r="G5608">
        <v>803</v>
      </c>
      <c r="H5608">
        <v>0</v>
      </c>
      <c r="I5608">
        <v>0</v>
      </c>
      <c r="J5608">
        <v>0</v>
      </c>
      <c r="K5608">
        <v>0</v>
      </c>
      <c r="L5608">
        <v>0</v>
      </c>
      <c r="M5608">
        <v>0</v>
      </c>
      <c r="N5608">
        <v>0</v>
      </c>
      <c r="O5608">
        <v>0</v>
      </c>
      <c r="P5608">
        <v>0</v>
      </c>
      <c r="Q5608">
        <v>0</v>
      </c>
      <c r="R5608">
        <v>0</v>
      </c>
      <c r="S5608">
        <v>0</v>
      </c>
      <c r="T5608" s="1">
        <v>45080.546875</v>
      </c>
    </row>
    <row r="5609" spans="1:20" x14ac:dyDescent="0.4">
      <c r="A5609">
        <v>260</v>
      </c>
      <c r="B5609">
        <v>1114</v>
      </c>
      <c r="C5609">
        <v>18</v>
      </c>
      <c r="D5609">
        <v>1</v>
      </c>
      <c r="E5609">
        <v>1131</v>
      </c>
      <c r="F5609" t="s">
        <v>832</v>
      </c>
      <c r="G5609">
        <v>803</v>
      </c>
      <c r="H5609">
        <v>0</v>
      </c>
      <c r="I5609">
        <v>0</v>
      </c>
      <c r="J5609">
        <v>0</v>
      </c>
      <c r="K5609">
        <v>0</v>
      </c>
      <c r="L5609">
        <v>0</v>
      </c>
      <c r="M5609">
        <v>0</v>
      </c>
      <c r="N5609">
        <v>0</v>
      </c>
      <c r="O5609">
        <v>0</v>
      </c>
      <c r="P5609">
        <v>0</v>
      </c>
      <c r="Q5609">
        <v>0</v>
      </c>
      <c r="R5609">
        <v>0</v>
      </c>
      <c r="S5609">
        <v>0</v>
      </c>
      <c r="T5609" s="1">
        <v>45080.546875</v>
      </c>
    </row>
    <row r="5610" spans="1:20" x14ac:dyDescent="0.4">
      <c r="A5610">
        <v>261</v>
      </c>
      <c r="B5610">
        <v>1121</v>
      </c>
      <c r="C5610">
        <v>18</v>
      </c>
      <c r="D5610">
        <v>1</v>
      </c>
      <c r="E5610">
        <v>1132</v>
      </c>
      <c r="F5610" t="s">
        <v>833</v>
      </c>
      <c r="G5610">
        <v>759</v>
      </c>
      <c r="H5610">
        <v>0</v>
      </c>
      <c r="I5610">
        <v>0</v>
      </c>
      <c r="J5610">
        <v>0</v>
      </c>
      <c r="K5610">
        <v>0</v>
      </c>
      <c r="L5610">
        <v>0</v>
      </c>
      <c r="M5610">
        <v>0</v>
      </c>
      <c r="N5610">
        <v>0</v>
      </c>
      <c r="O5610">
        <v>0</v>
      </c>
      <c r="P5610">
        <v>0</v>
      </c>
      <c r="Q5610">
        <v>0</v>
      </c>
      <c r="R5610">
        <v>0</v>
      </c>
      <c r="S5610">
        <v>0</v>
      </c>
      <c r="T5610" s="1">
        <v>45080.546875</v>
      </c>
    </row>
    <row r="5611" spans="1:20" x14ac:dyDescent="0.4">
      <c r="A5611">
        <v>262</v>
      </c>
      <c r="B5611">
        <v>1122</v>
      </c>
      <c r="C5611">
        <v>18</v>
      </c>
      <c r="D5611">
        <v>1</v>
      </c>
      <c r="E5611">
        <v>1132</v>
      </c>
      <c r="F5611" t="s">
        <v>834</v>
      </c>
      <c r="G5611">
        <v>759</v>
      </c>
      <c r="H5611">
        <v>0</v>
      </c>
      <c r="I5611">
        <v>0</v>
      </c>
      <c r="J5611">
        <v>0</v>
      </c>
      <c r="K5611">
        <v>0</v>
      </c>
      <c r="L5611">
        <v>0</v>
      </c>
      <c r="M5611">
        <v>0</v>
      </c>
      <c r="N5611">
        <v>0</v>
      </c>
      <c r="O5611">
        <v>0</v>
      </c>
      <c r="P5611">
        <v>0</v>
      </c>
      <c r="Q5611">
        <v>0</v>
      </c>
      <c r="R5611">
        <v>0</v>
      </c>
      <c r="S5611">
        <v>0</v>
      </c>
      <c r="T5611" s="1">
        <v>45080.546875</v>
      </c>
    </row>
    <row r="5612" spans="1:20" x14ac:dyDescent="0.4">
      <c r="A5612">
        <v>263</v>
      </c>
      <c r="B5612">
        <v>1123</v>
      </c>
      <c r="C5612">
        <v>18</v>
      </c>
      <c r="D5612">
        <v>1</v>
      </c>
      <c r="E5612">
        <v>1132</v>
      </c>
      <c r="F5612" t="s">
        <v>835</v>
      </c>
      <c r="G5612">
        <v>759</v>
      </c>
      <c r="H5612">
        <v>0</v>
      </c>
      <c r="I5612">
        <v>0</v>
      </c>
      <c r="J5612">
        <v>0</v>
      </c>
      <c r="K5612">
        <v>0</v>
      </c>
      <c r="L5612">
        <v>0</v>
      </c>
      <c r="M5612">
        <v>0</v>
      </c>
      <c r="N5612">
        <v>0</v>
      </c>
      <c r="O5612">
        <v>0</v>
      </c>
      <c r="P5612">
        <v>0</v>
      </c>
      <c r="Q5612">
        <v>0</v>
      </c>
      <c r="R5612">
        <v>0</v>
      </c>
      <c r="S5612">
        <v>0</v>
      </c>
      <c r="T5612" s="1">
        <v>45080.546875</v>
      </c>
    </row>
    <row r="5613" spans="1:20" x14ac:dyDescent="0.4">
      <c r="A5613">
        <v>264</v>
      </c>
      <c r="B5613">
        <v>1124</v>
      </c>
      <c r="C5613">
        <v>18</v>
      </c>
      <c r="D5613">
        <v>1</v>
      </c>
      <c r="E5613">
        <v>1132</v>
      </c>
      <c r="F5613" t="s">
        <v>836</v>
      </c>
      <c r="G5613">
        <v>759</v>
      </c>
      <c r="H5613">
        <v>0</v>
      </c>
      <c r="I5613">
        <v>0</v>
      </c>
      <c r="J5613">
        <v>0</v>
      </c>
      <c r="K5613">
        <v>0</v>
      </c>
      <c r="L5613">
        <v>0</v>
      </c>
      <c r="M5613">
        <v>0</v>
      </c>
      <c r="N5613">
        <v>0</v>
      </c>
      <c r="O5613">
        <v>0</v>
      </c>
      <c r="P5613">
        <v>0</v>
      </c>
      <c r="Q5613">
        <v>0</v>
      </c>
      <c r="R5613">
        <v>0</v>
      </c>
      <c r="S5613">
        <v>0</v>
      </c>
      <c r="T5613" s="1">
        <v>45080.546875</v>
      </c>
    </row>
    <row r="5614" spans="1:20" x14ac:dyDescent="0.4">
      <c r="A5614">
        <v>265</v>
      </c>
      <c r="B5614">
        <v>1131</v>
      </c>
      <c r="C5614">
        <v>18</v>
      </c>
      <c r="D5614">
        <v>1</v>
      </c>
      <c r="E5614">
        <v>1133</v>
      </c>
      <c r="F5614" t="s">
        <v>837</v>
      </c>
      <c r="G5614">
        <v>759</v>
      </c>
      <c r="H5614">
        <v>0</v>
      </c>
      <c r="I5614">
        <v>0</v>
      </c>
      <c r="J5614">
        <v>0</v>
      </c>
      <c r="K5614">
        <v>0</v>
      </c>
      <c r="L5614">
        <v>0</v>
      </c>
      <c r="M5614">
        <v>0</v>
      </c>
      <c r="N5614">
        <v>0</v>
      </c>
      <c r="O5614">
        <v>0</v>
      </c>
      <c r="P5614">
        <v>0</v>
      </c>
      <c r="Q5614">
        <v>0</v>
      </c>
      <c r="R5614">
        <v>0</v>
      </c>
      <c r="S5614">
        <v>0</v>
      </c>
      <c r="T5614" s="1">
        <v>45080.546875</v>
      </c>
    </row>
    <row r="5615" spans="1:20" x14ac:dyDescent="0.4">
      <c r="A5615">
        <v>266</v>
      </c>
      <c r="B5615">
        <v>1132</v>
      </c>
      <c r="C5615">
        <v>18</v>
      </c>
      <c r="D5615">
        <v>1</v>
      </c>
      <c r="E5615">
        <v>1133</v>
      </c>
      <c r="F5615" t="s">
        <v>838</v>
      </c>
      <c r="G5615">
        <v>759</v>
      </c>
      <c r="H5615">
        <v>0</v>
      </c>
      <c r="I5615">
        <v>0</v>
      </c>
      <c r="J5615">
        <v>0</v>
      </c>
      <c r="K5615">
        <v>0</v>
      </c>
      <c r="L5615">
        <v>0</v>
      </c>
      <c r="M5615">
        <v>0</v>
      </c>
      <c r="N5615">
        <v>0</v>
      </c>
      <c r="O5615">
        <v>0</v>
      </c>
      <c r="P5615">
        <v>0</v>
      </c>
      <c r="Q5615">
        <v>0</v>
      </c>
      <c r="R5615">
        <v>0</v>
      </c>
      <c r="S5615">
        <v>0</v>
      </c>
      <c r="T5615" s="1">
        <v>45080.546875</v>
      </c>
    </row>
    <row r="5616" spans="1:20" x14ac:dyDescent="0.4">
      <c r="A5616">
        <v>267</v>
      </c>
      <c r="B5616">
        <v>1133</v>
      </c>
      <c r="C5616">
        <v>18</v>
      </c>
      <c r="D5616">
        <v>1</v>
      </c>
      <c r="E5616">
        <v>1133</v>
      </c>
      <c r="F5616" t="s">
        <v>839</v>
      </c>
      <c r="G5616">
        <v>759</v>
      </c>
      <c r="H5616">
        <v>0</v>
      </c>
      <c r="I5616">
        <v>0</v>
      </c>
      <c r="J5616">
        <v>0</v>
      </c>
      <c r="K5616">
        <v>0</v>
      </c>
      <c r="L5616">
        <v>0</v>
      </c>
      <c r="M5616">
        <v>0</v>
      </c>
      <c r="N5616">
        <v>0</v>
      </c>
      <c r="O5616">
        <v>0</v>
      </c>
      <c r="P5616">
        <v>0</v>
      </c>
      <c r="Q5616">
        <v>0</v>
      </c>
      <c r="R5616">
        <v>0</v>
      </c>
      <c r="S5616">
        <v>0</v>
      </c>
      <c r="T5616" s="1">
        <v>45080.546875</v>
      </c>
    </row>
    <row r="5617" spans="1:20" x14ac:dyDescent="0.4">
      <c r="A5617">
        <v>268</v>
      </c>
      <c r="B5617">
        <v>1134</v>
      </c>
      <c r="C5617">
        <v>18</v>
      </c>
      <c r="D5617">
        <v>1</v>
      </c>
      <c r="E5617">
        <v>1133</v>
      </c>
      <c r="F5617" t="s">
        <v>840</v>
      </c>
      <c r="G5617">
        <v>759</v>
      </c>
      <c r="H5617">
        <v>0</v>
      </c>
      <c r="I5617">
        <v>0</v>
      </c>
      <c r="J5617">
        <v>0</v>
      </c>
      <c r="K5617">
        <v>0</v>
      </c>
      <c r="L5617">
        <v>0</v>
      </c>
      <c r="M5617">
        <v>0</v>
      </c>
      <c r="N5617">
        <v>0</v>
      </c>
      <c r="O5617">
        <v>0</v>
      </c>
      <c r="P5617">
        <v>0</v>
      </c>
      <c r="Q5617">
        <v>0</v>
      </c>
      <c r="R5617">
        <v>0</v>
      </c>
      <c r="S5617">
        <v>0</v>
      </c>
      <c r="T5617" s="1">
        <v>45080.546875</v>
      </c>
    </row>
    <row r="5618" spans="1:20" x14ac:dyDescent="0.4">
      <c r="A5618">
        <v>269</v>
      </c>
      <c r="B5618">
        <v>1137</v>
      </c>
      <c r="C5618">
        <v>18</v>
      </c>
      <c r="D5618">
        <v>1</v>
      </c>
      <c r="E5618">
        <v>1137</v>
      </c>
      <c r="F5618" t="s">
        <v>841</v>
      </c>
      <c r="G5618">
        <v>218</v>
      </c>
      <c r="H5618">
        <v>0</v>
      </c>
      <c r="I5618">
        <v>0</v>
      </c>
      <c r="J5618">
        <v>0</v>
      </c>
      <c r="K5618">
        <v>0</v>
      </c>
      <c r="L5618">
        <v>0</v>
      </c>
      <c r="M5618">
        <v>0</v>
      </c>
      <c r="N5618">
        <v>0</v>
      </c>
      <c r="O5618">
        <v>0</v>
      </c>
      <c r="P5618">
        <v>0</v>
      </c>
      <c r="Q5618">
        <v>0</v>
      </c>
      <c r="R5618">
        <v>0</v>
      </c>
      <c r="S5618">
        <v>0</v>
      </c>
      <c r="T5618" s="1">
        <v>45080.546875</v>
      </c>
    </row>
    <row r="5619" spans="1:20" x14ac:dyDescent="0.4">
      <c r="A5619">
        <v>270</v>
      </c>
      <c r="B5619">
        <v>1138</v>
      </c>
      <c r="C5619">
        <v>18</v>
      </c>
      <c r="D5619">
        <v>1</v>
      </c>
      <c r="E5619">
        <v>1138</v>
      </c>
      <c r="F5619" t="s">
        <v>842</v>
      </c>
      <c r="G5619">
        <v>328</v>
      </c>
      <c r="H5619">
        <v>0</v>
      </c>
      <c r="I5619">
        <v>0</v>
      </c>
      <c r="J5619">
        <v>0</v>
      </c>
      <c r="K5619">
        <v>0</v>
      </c>
      <c r="L5619">
        <v>0</v>
      </c>
      <c r="M5619">
        <v>0</v>
      </c>
      <c r="N5619">
        <v>0</v>
      </c>
      <c r="O5619">
        <v>0</v>
      </c>
      <c r="P5619">
        <v>0</v>
      </c>
      <c r="Q5619">
        <v>0</v>
      </c>
      <c r="R5619">
        <v>0</v>
      </c>
      <c r="S5619">
        <v>0</v>
      </c>
      <c r="T5619" s="1">
        <v>45080.546875</v>
      </c>
    </row>
    <row r="5620" spans="1:20" x14ac:dyDescent="0.4">
      <c r="A5620">
        <v>271</v>
      </c>
      <c r="B5620">
        <v>1139</v>
      </c>
      <c r="C5620">
        <v>18</v>
      </c>
      <c r="D5620">
        <v>1</v>
      </c>
      <c r="E5620">
        <v>1139</v>
      </c>
      <c r="F5620" t="s">
        <v>843</v>
      </c>
      <c r="G5620">
        <v>439</v>
      </c>
      <c r="H5620">
        <v>0</v>
      </c>
      <c r="I5620">
        <v>0</v>
      </c>
      <c r="J5620">
        <v>0</v>
      </c>
      <c r="K5620">
        <v>0</v>
      </c>
      <c r="L5620">
        <v>0</v>
      </c>
      <c r="M5620">
        <v>0</v>
      </c>
      <c r="N5620">
        <v>0</v>
      </c>
      <c r="O5620">
        <v>0</v>
      </c>
      <c r="P5620">
        <v>0</v>
      </c>
      <c r="Q5620">
        <v>0</v>
      </c>
      <c r="R5620">
        <v>0</v>
      </c>
      <c r="S5620">
        <v>0</v>
      </c>
      <c r="T5620" s="1">
        <v>45080.546875</v>
      </c>
    </row>
    <row r="5621" spans="1:20" x14ac:dyDescent="0.4">
      <c r="A5621">
        <v>272</v>
      </c>
      <c r="B5621">
        <v>1140</v>
      </c>
      <c r="C5621">
        <v>18</v>
      </c>
      <c r="D5621">
        <v>1</v>
      </c>
      <c r="E5621">
        <v>1140</v>
      </c>
      <c r="F5621" t="s">
        <v>844</v>
      </c>
      <c r="G5621">
        <v>218</v>
      </c>
      <c r="H5621">
        <v>0</v>
      </c>
      <c r="I5621">
        <v>0</v>
      </c>
      <c r="J5621">
        <v>0</v>
      </c>
      <c r="K5621">
        <v>0</v>
      </c>
      <c r="L5621">
        <v>0</v>
      </c>
      <c r="M5621">
        <v>0</v>
      </c>
      <c r="N5621">
        <v>0</v>
      </c>
      <c r="O5621">
        <v>0</v>
      </c>
      <c r="P5621">
        <v>0</v>
      </c>
      <c r="Q5621">
        <v>0</v>
      </c>
      <c r="R5621">
        <v>0</v>
      </c>
      <c r="S5621">
        <v>0</v>
      </c>
      <c r="T5621" s="1">
        <v>45080.546875</v>
      </c>
    </row>
    <row r="5622" spans="1:20" x14ac:dyDescent="0.4">
      <c r="A5622">
        <v>273</v>
      </c>
      <c r="B5622">
        <v>1141</v>
      </c>
      <c r="C5622">
        <v>18</v>
      </c>
      <c r="D5622">
        <v>1</v>
      </c>
      <c r="E5622">
        <v>1141</v>
      </c>
      <c r="F5622" t="s">
        <v>845</v>
      </c>
      <c r="G5622">
        <v>220</v>
      </c>
      <c r="H5622">
        <v>0</v>
      </c>
      <c r="I5622">
        <v>0</v>
      </c>
      <c r="J5622">
        <v>0</v>
      </c>
      <c r="K5622">
        <v>0</v>
      </c>
      <c r="L5622">
        <v>0</v>
      </c>
      <c r="M5622">
        <v>0</v>
      </c>
      <c r="N5622">
        <v>0</v>
      </c>
      <c r="O5622">
        <v>0</v>
      </c>
      <c r="P5622">
        <v>0</v>
      </c>
      <c r="Q5622">
        <v>0</v>
      </c>
      <c r="R5622">
        <v>0</v>
      </c>
      <c r="S5622">
        <v>0</v>
      </c>
      <c r="T5622" s="1">
        <v>45080.546875</v>
      </c>
    </row>
    <row r="5623" spans="1:20" x14ac:dyDescent="0.4">
      <c r="A5623">
        <v>274</v>
      </c>
      <c r="B5623">
        <v>1142</v>
      </c>
      <c r="C5623">
        <v>18</v>
      </c>
      <c r="D5623">
        <v>1</v>
      </c>
      <c r="E5623">
        <v>1142</v>
      </c>
      <c r="F5623" t="s">
        <v>846</v>
      </c>
      <c r="G5623">
        <v>438</v>
      </c>
      <c r="H5623">
        <v>0</v>
      </c>
      <c r="I5623">
        <v>0</v>
      </c>
      <c r="J5623">
        <v>0</v>
      </c>
      <c r="K5623">
        <v>0</v>
      </c>
      <c r="L5623">
        <v>0</v>
      </c>
      <c r="M5623">
        <v>0</v>
      </c>
      <c r="N5623">
        <v>0</v>
      </c>
      <c r="O5623">
        <v>0</v>
      </c>
      <c r="P5623">
        <v>0</v>
      </c>
      <c r="Q5623">
        <v>0</v>
      </c>
      <c r="R5623">
        <v>0</v>
      </c>
      <c r="S5623">
        <v>0</v>
      </c>
      <c r="T5623" s="1">
        <v>45080.546875</v>
      </c>
    </row>
    <row r="5624" spans="1:20" x14ac:dyDescent="0.4">
      <c r="A5624">
        <v>275</v>
      </c>
      <c r="B5624">
        <v>1143</v>
      </c>
      <c r="C5624">
        <v>18</v>
      </c>
      <c r="D5624">
        <v>1</v>
      </c>
      <c r="E5624">
        <v>1143</v>
      </c>
      <c r="F5624" t="s">
        <v>847</v>
      </c>
      <c r="G5624">
        <v>438</v>
      </c>
      <c r="H5624">
        <v>0</v>
      </c>
      <c r="I5624">
        <v>0</v>
      </c>
      <c r="J5624">
        <v>0</v>
      </c>
      <c r="K5624">
        <v>0</v>
      </c>
      <c r="L5624">
        <v>0</v>
      </c>
      <c r="M5624">
        <v>0</v>
      </c>
      <c r="N5624">
        <v>0</v>
      </c>
      <c r="O5624">
        <v>0</v>
      </c>
      <c r="P5624">
        <v>0</v>
      </c>
      <c r="Q5624">
        <v>0</v>
      </c>
      <c r="R5624">
        <v>0</v>
      </c>
      <c r="S5624">
        <v>0</v>
      </c>
      <c r="T5624" s="1">
        <v>45080.546875</v>
      </c>
    </row>
    <row r="5625" spans="1:20" x14ac:dyDescent="0.4">
      <c r="A5625">
        <v>276</v>
      </c>
      <c r="B5625">
        <v>1144</v>
      </c>
      <c r="C5625">
        <v>18</v>
      </c>
      <c r="D5625">
        <v>1</v>
      </c>
      <c r="E5625">
        <v>1144</v>
      </c>
      <c r="F5625" t="s">
        <v>848</v>
      </c>
      <c r="G5625">
        <v>438</v>
      </c>
      <c r="H5625">
        <v>0</v>
      </c>
      <c r="I5625">
        <v>0</v>
      </c>
      <c r="J5625">
        <v>0</v>
      </c>
      <c r="K5625">
        <v>0</v>
      </c>
      <c r="L5625">
        <v>0</v>
      </c>
      <c r="M5625">
        <v>0</v>
      </c>
      <c r="N5625">
        <v>0</v>
      </c>
      <c r="O5625">
        <v>0</v>
      </c>
      <c r="P5625">
        <v>0</v>
      </c>
      <c r="Q5625">
        <v>0</v>
      </c>
      <c r="R5625">
        <v>0</v>
      </c>
      <c r="S5625">
        <v>0</v>
      </c>
      <c r="T5625" s="1">
        <v>45080.546875</v>
      </c>
    </row>
    <row r="5626" spans="1:20" x14ac:dyDescent="0.4">
      <c r="A5626">
        <v>277</v>
      </c>
      <c r="B5626">
        <v>1145</v>
      </c>
      <c r="C5626">
        <v>18</v>
      </c>
      <c r="D5626">
        <v>1</v>
      </c>
      <c r="E5626">
        <v>1145</v>
      </c>
      <c r="F5626" t="s">
        <v>849</v>
      </c>
      <c r="G5626">
        <v>165</v>
      </c>
      <c r="H5626">
        <v>0</v>
      </c>
      <c r="I5626">
        <v>0</v>
      </c>
      <c r="J5626">
        <v>0</v>
      </c>
      <c r="K5626">
        <v>0</v>
      </c>
      <c r="L5626">
        <v>0</v>
      </c>
      <c r="M5626">
        <v>0</v>
      </c>
      <c r="N5626">
        <v>0</v>
      </c>
      <c r="O5626">
        <v>0</v>
      </c>
      <c r="P5626">
        <v>0</v>
      </c>
      <c r="Q5626">
        <v>0</v>
      </c>
      <c r="R5626">
        <v>0</v>
      </c>
      <c r="S5626">
        <v>0</v>
      </c>
      <c r="T5626" s="1">
        <v>45080.546875</v>
      </c>
    </row>
    <row r="5627" spans="1:20" x14ac:dyDescent="0.4">
      <c r="A5627">
        <v>278</v>
      </c>
      <c r="B5627">
        <v>1146</v>
      </c>
      <c r="C5627">
        <v>18</v>
      </c>
      <c r="D5627">
        <v>1</v>
      </c>
      <c r="E5627">
        <v>1146</v>
      </c>
      <c r="F5627" t="s">
        <v>850</v>
      </c>
      <c r="G5627">
        <v>165</v>
      </c>
      <c r="H5627">
        <v>0</v>
      </c>
      <c r="I5627">
        <v>0</v>
      </c>
      <c r="J5627">
        <v>0</v>
      </c>
      <c r="K5627">
        <v>0</v>
      </c>
      <c r="L5627">
        <v>0</v>
      </c>
      <c r="M5627">
        <v>0</v>
      </c>
      <c r="N5627">
        <v>0</v>
      </c>
      <c r="O5627">
        <v>0</v>
      </c>
      <c r="P5627">
        <v>0</v>
      </c>
      <c r="Q5627">
        <v>0</v>
      </c>
      <c r="R5627">
        <v>0</v>
      </c>
      <c r="S5627">
        <v>0</v>
      </c>
      <c r="T5627" s="1">
        <v>45080.546875</v>
      </c>
    </row>
    <row r="5628" spans="1:20" x14ac:dyDescent="0.4">
      <c r="A5628">
        <v>279</v>
      </c>
      <c r="B5628">
        <v>1147</v>
      </c>
      <c r="C5628">
        <v>18</v>
      </c>
      <c r="D5628">
        <v>1</v>
      </c>
      <c r="E5628">
        <v>1147</v>
      </c>
      <c r="F5628" t="s">
        <v>851</v>
      </c>
      <c r="G5628">
        <v>165</v>
      </c>
      <c r="H5628">
        <v>0</v>
      </c>
      <c r="I5628">
        <v>0</v>
      </c>
      <c r="J5628">
        <v>0</v>
      </c>
      <c r="K5628">
        <v>0</v>
      </c>
      <c r="L5628">
        <v>0</v>
      </c>
      <c r="M5628">
        <v>0</v>
      </c>
      <c r="N5628">
        <v>0</v>
      </c>
      <c r="O5628">
        <v>0</v>
      </c>
      <c r="P5628">
        <v>0</v>
      </c>
      <c r="Q5628">
        <v>0</v>
      </c>
      <c r="R5628">
        <v>0</v>
      </c>
      <c r="S5628">
        <v>0</v>
      </c>
      <c r="T5628" s="1">
        <v>45080.546875</v>
      </c>
    </row>
    <row r="5629" spans="1:20" x14ac:dyDescent="0.4">
      <c r="A5629">
        <v>280</v>
      </c>
      <c r="B5629">
        <v>1152</v>
      </c>
      <c r="C5629">
        <v>19</v>
      </c>
      <c r="D5629">
        <v>1</v>
      </c>
      <c r="E5629">
        <v>1152</v>
      </c>
      <c r="F5629" t="s">
        <v>593</v>
      </c>
      <c r="G5629">
        <v>979</v>
      </c>
      <c r="H5629">
        <v>0</v>
      </c>
      <c r="I5629">
        <v>0</v>
      </c>
      <c r="J5629">
        <v>0</v>
      </c>
      <c r="K5629">
        <v>0</v>
      </c>
      <c r="L5629">
        <v>0</v>
      </c>
      <c r="M5629">
        <v>0</v>
      </c>
      <c r="N5629">
        <v>0</v>
      </c>
      <c r="O5629">
        <v>0</v>
      </c>
      <c r="P5629">
        <v>0</v>
      </c>
      <c r="Q5629">
        <v>0</v>
      </c>
      <c r="R5629">
        <v>0</v>
      </c>
      <c r="S5629">
        <v>0</v>
      </c>
      <c r="T5629" s="1">
        <v>45080.546875</v>
      </c>
    </row>
    <row r="5630" spans="1:20" x14ac:dyDescent="0.4">
      <c r="A5630">
        <v>281</v>
      </c>
      <c r="B5630">
        <v>1153</v>
      </c>
      <c r="C5630">
        <v>19</v>
      </c>
      <c r="D5630">
        <v>1</v>
      </c>
      <c r="E5630">
        <v>1153</v>
      </c>
      <c r="F5630" t="s">
        <v>594</v>
      </c>
      <c r="G5630">
        <v>549</v>
      </c>
      <c r="H5630">
        <v>0</v>
      </c>
      <c r="I5630">
        <v>0</v>
      </c>
      <c r="J5630">
        <v>0</v>
      </c>
      <c r="K5630">
        <v>0</v>
      </c>
      <c r="L5630">
        <v>0</v>
      </c>
      <c r="M5630">
        <v>0</v>
      </c>
      <c r="N5630">
        <v>0</v>
      </c>
      <c r="O5630">
        <v>0</v>
      </c>
      <c r="P5630">
        <v>0</v>
      </c>
      <c r="Q5630">
        <v>0</v>
      </c>
      <c r="R5630">
        <v>0</v>
      </c>
      <c r="S5630">
        <v>0</v>
      </c>
      <c r="T5630" s="1">
        <v>45080.546875</v>
      </c>
    </row>
    <row r="5631" spans="1:20" x14ac:dyDescent="0.4">
      <c r="A5631">
        <v>282</v>
      </c>
      <c r="B5631">
        <v>1155</v>
      </c>
      <c r="C5631">
        <v>19</v>
      </c>
      <c r="D5631">
        <v>1</v>
      </c>
      <c r="E5631">
        <v>1155</v>
      </c>
      <c r="F5631" t="s">
        <v>595</v>
      </c>
      <c r="G5631">
        <v>462</v>
      </c>
      <c r="H5631">
        <v>0</v>
      </c>
      <c r="I5631">
        <v>0</v>
      </c>
      <c r="J5631">
        <v>0</v>
      </c>
      <c r="K5631">
        <v>0</v>
      </c>
      <c r="L5631">
        <v>0</v>
      </c>
      <c r="M5631">
        <v>0</v>
      </c>
      <c r="N5631">
        <v>0</v>
      </c>
      <c r="O5631">
        <v>0</v>
      </c>
      <c r="P5631">
        <v>0</v>
      </c>
      <c r="Q5631">
        <v>0</v>
      </c>
      <c r="R5631">
        <v>0</v>
      </c>
      <c r="S5631">
        <v>0</v>
      </c>
      <c r="T5631" s="1">
        <v>45080.546875</v>
      </c>
    </row>
    <row r="5632" spans="1:20" x14ac:dyDescent="0.4">
      <c r="A5632">
        <v>283</v>
      </c>
      <c r="B5632">
        <v>1157</v>
      </c>
      <c r="C5632">
        <v>19</v>
      </c>
      <c r="D5632">
        <v>1</v>
      </c>
      <c r="E5632">
        <v>1157</v>
      </c>
      <c r="F5632" t="s">
        <v>852</v>
      </c>
      <c r="G5632">
        <v>869</v>
      </c>
      <c r="H5632">
        <v>0</v>
      </c>
      <c r="I5632">
        <v>0</v>
      </c>
      <c r="J5632">
        <v>0</v>
      </c>
      <c r="K5632">
        <v>0</v>
      </c>
      <c r="L5632">
        <v>0</v>
      </c>
      <c r="M5632">
        <v>0</v>
      </c>
      <c r="N5632">
        <v>0</v>
      </c>
      <c r="O5632">
        <v>0</v>
      </c>
      <c r="P5632">
        <v>0</v>
      </c>
      <c r="Q5632">
        <v>0</v>
      </c>
      <c r="R5632">
        <v>0</v>
      </c>
      <c r="S5632">
        <v>0</v>
      </c>
      <c r="T5632" s="1">
        <v>45080.546875</v>
      </c>
    </row>
    <row r="5633" spans="1:20" x14ac:dyDescent="0.4">
      <c r="A5633">
        <v>284</v>
      </c>
      <c r="B5633">
        <v>1164</v>
      </c>
      <c r="C5633">
        <v>19</v>
      </c>
      <c r="D5633">
        <v>1</v>
      </c>
      <c r="E5633">
        <v>2017</v>
      </c>
      <c r="F5633" t="s">
        <v>853</v>
      </c>
      <c r="G5633">
        <v>724</v>
      </c>
      <c r="H5633">
        <v>0</v>
      </c>
      <c r="I5633">
        <v>0</v>
      </c>
      <c r="J5633">
        <v>0</v>
      </c>
      <c r="K5633">
        <v>0</v>
      </c>
      <c r="L5633">
        <v>0</v>
      </c>
      <c r="M5633">
        <v>0</v>
      </c>
      <c r="N5633">
        <v>0</v>
      </c>
      <c r="O5633">
        <v>0</v>
      </c>
      <c r="P5633">
        <v>0</v>
      </c>
      <c r="Q5633">
        <v>0</v>
      </c>
      <c r="R5633">
        <v>0</v>
      </c>
      <c r="S5633">
        <v>0</v>
      </c>
      <c r="T5633" s="1">
        <v>45080.546875</v>
      </c>
    </row>
    <row r="5634" spans="1:20" x14ac:dyDescent="0.4">
      <c r="A5634">
        <v>285</v>
      </c>
      <c r="B5634">
        <v>1165</v>
      </c>
      <c r="C5634">
        <v>19</v>
      </c>
      <c r="D5634">
        <v>1</v>
      </c>
      <c r="E5634">
        <v>2016</v>
      </c>
      <c r="F5634" t="s">
        <v>854</v>
      </c>
      <c r="G5634">
        <v>625</v>
      </c>
      <c r="H5634">
        <v>0</v>
      </c>
      <c r="I5634">
        <v>0</v>
      </c>
      <c r="J5634">
        <v>0</v>
      </c>
      <c r="K5634">
        <v>0</v>
      </c>
      <c r="L5634">
        <v>0</v>
      </c>
      <c r="M5634">
        <v>0</v>
      </c>
      <c r="N5634">
        <v>0</v>
      </c>
      <c r="O5634">
        <v>0</v>
      </c>
      <c r="P5634">
        <v>0</v>
      </c>
      <c r="Q5634">
        <v>0</v>
      </c>
      <c r="R5634">
        <v>0</v>
      </c>
      <c r="S5634">
        <v>0</v>
      </c>
      <c r="T5634" s="1">
        <v>45080.546875</v>
      </c>
    </row>
    <row r="5635" spans="1:20" x14ac:dyDescent="0.4">
      <c r="A5635">
        <v>286</v>
      </c>
      <c r="B5635">
        <v>1166</v>
      </c>
      <c r="C5635">
        <v>19</v>
      </c>
      <c r="D5635">
        <v>1</v>
      </c>
      <c r="E5635">
        <v>1167</v>
      </c>
      <c r="F5635" t="s">
        <v>855</v>
      </c>
      <c r="G5635">
        <v>495</v>
      </c>
      <c r="H5635">
        <v>0</v>
      </c>
      <c r="I5635">
        <v>0</v>
      </c>
      <c r="J5635">
        <v>0</v>
      </c>
      <c r="K5635">
        <v>0</v>
      </c>
      <c r="L5635">
        <v>0</v>
      </c>
      <c r="M5635">
        <v>0</v>
      </c>
      <c r="N5635">
        <v>0</v>
      </c>
      <c r="O5635">
        <v>0</v>
      </c>
      <c r="P5635">
        <v>0</v>
      </c>
      <c r="Q5635">
        <v>0</v>
      </c>
      <c r="R5635">
        <v>0</v>
      </c>
      <c r="S5635">
        <v>0</v>
      </c>
      <c r="T5635" s="1">
        <v>45080.546875</v>
      </c>
    </row>
    <row r="5636" spans="1:20" x14ac:dyDescent="0.4">
      <c r="A5636">
        <v>287</v>
      </c>
      <c r="B5636">
        <v>1198</v>
      </c>
      <c r="C5636">
        <v>20</v>
      </c>
      <c r="D5636">
        <v>1</v>
      </c>
      <c r="E5636">
        <v>1198</v>
      </c>
      <c r="F5636" t="s">
        <v>597</v>
      </c>
      <c r="G5636">
        <v>680</v>
      </c>
      <c r="H5636">
        <v>0</v>
      </c>
      <c r="I5636">
        <v>0</v>
      </c>
      <c r="J5636">
        <v>0</v>
      </c>
      <c r="K5636">
        <v>0</v>
      </c>
      <c r="L5636">
        <v>0</v>
      </c>
      <c r="M5636">
        <v>0</v>
      </c>
      <c r="N5636">
        <v>0</v>
      </c>
      <c r="O5636">
        <v>0</v>
      </c>
      <c r="P5636">
        <v>0</v>
      </c>
      <c r="Q5636">
        <v>0</v>
      </c>
      <c r="R5636">
        <v>0</v>
      </c>
      <c r="S5636">
        <v>0</v>
      </c>
      <c r="T5636" s="1">
        <v>45080.546875</v>
      </c>
    </row>
    <row r="5637" spans="1:20" x14ac:dyDescent="0.4">
      <c r="A5637">
        <v>288</v>
      </c>
      <c r="B5637">
        <v>1199</v>
      </c>
      <c r="C5637">
        <v>20</v>
      </c>
      <c r="D5637">
        <v>1</v>
      </c>
      <c r="E5637">
        <v>1199</v>
      </c>
      <c r="F5637" t="s">
        <v>598</v>
      </c>
      <c r="G5637">
        <v>769</v>
      </c>
      <c r="H5637">
        <v>0</v>
      </c>
      <c r="I5637">
        <v>0</v>
      </c>
      <c r="J5637">
        <v>0</v>
      </c>
      <c r="K5637">
        <v>0</v>
      </c>
      <c r="L5637">
        <v>0</v>
      </c>
      <c r="M5637">
        <v>0</v>
      </c>
      <c r="N5637">
        <v>0</v>
      </c>
      <c r="O5637">
        <v>0</v>
      </c>
      <c r="P5637">
        <v>0</v>
      </c>
      <c r="Q5637">
        <v>0</v>
      </c>
      <c r="R5637">
        <v>0</v>
      </c>
      <c r="S5637">
        <v>0</v>
      </c>
      <c r="T5637" s="1">
        <v>45080.546875</v>
      </c>
    </row>
    <row r="5638" spans="1:20" x14ac:dyDescent="0.4">
      <c r="A5638">
        <v>289</v>
      </c>
      <c r="B5638">
        <v>1200</v>
      </c>
      <c r="C5638">
        <v>20</v>
      </c>
      <c r="D5638">
        <v>1</v>
      </c>
      <c r="E5638">
        <v>1200</v>
      </c>
      <c r="F5638" t="s">
        <v>856</v>
      </c>
      <c r="G5638">
        <v>384</v>
      </c>
      <c r="H5638">
        <v>0</v>
      </c>
      <c r="I5638">
        <v>0</v>
      </c>
      <c r="J5638">
        <v>0</v>
      </c>
      <c r="K5638">
        <v>0</v>
      </c>
      <c r="L5638">
        <v>0</v>
      </c>
      <c r="M5638">
        <v>0</v>
      </c>
      <c r="N5638">
        <v>0</v>
      </c>
      <c r="O5638">
        <v>0</v>
      </c>
      <c r="P5638">
        <v>0</v>
      </c>
      <c r="Q5638">
        <v>0</v>
      </c>
      <c r="R5638">
        <v>0</v>
      </c>
      <c r="S5638">
        <v>0</v>
      </c>
      <c r="T5638" s="1">
        <v>45080.546875</v>
      </c>
    </row>
    <row r="5639" spans="1:20" x14ac:dyDescent="0.4">
      <c r="A5639">
        <v>290</v>
      </c>
      <c r="B5639">
        <v>1201</v>
      </c>
      <c r="C5639">
        <v>20</v>
      </c>
      <c r="D5639">
        <v>1</v>
      </c>
      <c r="E5639">
        <v>1201</v>
      </c>
      <c r="F5639" t="s">
        <v>857</v>
      </c>
      <c r="G5639">
        <v>329</v>
      </c>
      <c r="H5639">
        <v>0</v>
      </c>
      <c r="I5639">
        <v>0</v>
      </c>
      <c r="J5639">
        <v>0</v>
      </c>
      <c r="K5639">
        <v>0</v>
      </c>
      <c r="L5639">
        <v>0</v>
      </c>
      <c r="M5639">
        <v>0</v>
      </c>
      <c r="N5639">
        <v>0</v>
      </c>
      <c r="O5639">
        <v>0</v>
      </c>
      <c r="P5639">
        <v>0</v>
      </c>
      <c r="Q5639">
        <v>0</v>
      </c>
      <c r="R5639">
        <v>0</v>
      </c>
      <c r="S5639">
        <v>0</v>
      </c>
      <c r="T5639" s="1">
        <v>45080.546875</v>
      </c>
    </row>
    <row r="5640" spans="1:20" x14ac:dyDescent="0.4">
      <c r="A5640">
        <v>291</v>
      </c>
      <c r="B5640">
        <v>1202</v>
      </c>
      <c r="C5640">
        <v>20</v>
      </c>
      <c r="D5640">
        <v>1</v>
      </c>
      <c r="E5640">
        <v>1202</v>
      </c>
      <c r="F5640" t="s">
        <v>858</v>
      </c>
      <c r="G5640">
        <v>329</v>
      </c>
      <c r="H5640">
        <v>0</v>
      </c>
      <c r="I5640">
        <v>0</v>
      </c>
      <c r="J5640">
        <v>0</v>
      </c>
      <c r="K5640">
        <v>0</v>
      </c>
      <c r="L5640">
        <v>0</v>
      </c>
      <c r="M5640">
        <v>0</v>
      </c>
      <c r="N5640">
        <v>0</v>
      </c>
      <c r="O5640">
        <v>0</v>
      </c>
      <c r="P5640">
        <v>0</v>
      </c>
      <c r="Q5640">
        <v>0</v>
      </c>
      <c r="R5640">
        <v>0</v>
      </c>
      <c r="S5640">
        <v>0</v>
      </c>
      <c r="T5640" s="1">
        <v>45080.546875</v>
      </c>
    </row>
    <row r="5641" spans="1:20" x14ac:dyDescent="0.4">
      <c r="A5641">
        <v>292</v>
      </c>
      <c r="B5641">
        <v>1203</v>
      </c>
      <c r="C5641">
        <v>20</v>
      </c>
      <c r="D5641">
        <v>1</v>
      </c>
      <c r="E5641">
        <v>1203</v>
      </c>
      <c r="F5641" t="s">
        <v>859</v>
      </c>
      <c r="G5641">
        <v>329</v>
      </c>
      <c r="H5641">
        <v>0</v>
      </c>
      <c r="I5641">
        <v>0</v>
      </c>
      <c r="J5641">
        <v>0</v>
      </c>
      <c r="K5641">
        <v>0</v>
      </c>
      <c r="L5641">
        <v>0</v>
      </c>
      <c r="M5641">
        <v>0</v>
      </c>
      <c r="N5641">
        <v>0</v>
      </c>
      <c r="O5641">
        <v>0</v>
      </c>
      <c r="P5641">
        <v>0</v>
      </c>
      <c r="Q5641">
        <v>0</v>
      </c>
      <c r="R5641">
        <v>0</v>
      </c>
      <c r="S5641">
        <v>0</v>
      </c>
      <c r="T5641" s="1">
        <v>45080.546875</v>
      </c>
    </row>
    <row r="5642" spans="1:20" x14ac:dyDescent="0.4">
      <c r="A5642">
        <v>293</v>
      </c>
      <c r="B5642">
        <v>1204</v>
      </c>
      <c r="C5642">
        <v>20</v>
      </c>
      <c r="D5642">
        <v>1</v>
      </c>
      <c r="E5642">
        <v>1204</v>
      </c>
      <c r="F5642" t="s">
        <v>860</v>
      </c>
      <c r="G5642">
        <v>495</v>
      </c>
      <c r="H5642">
        <v>0</v>
      </c>
      <c r="I5642">
        <v>0</v>
      </c>
      <c r="J5642">
        <v>0</v>
      </c>
      <c r="K5642">
        <v>0</v>
      </c>
      <c r="L5642">
        <v>0</v>
      </c>
      <c r="M5642">
        <v>0</v>
      </c>
      <c r="N5642">
        <v>0</v>
      </c>
      <c r="O5642">
        <v>0</v>
      </c>
      <c r="P5642">
        <v>0</v>
      </c>
      <c r="Q5642">
        <v>0</v>
      </c>
      <c r="R5642">
        <v>0</v>
      </c>
      <c r="S5642">
        <v>0</v>
      </c>
      <c r="T5642" s="1">
        <v>45080.546875</v>
      </c>
    </row>
    <row r="5643" spans="1:20" x14ac:dyDescent="0.4">
      <c r="A5643">
        <v>294</v>
      </c>
      <c r="B5643">
        <v>1205</v>
      </c>
      <c r="C5643">
        <v>20</v>
      </c>
      <c r="D5643">
        <v>1</v>
      </c>
      <c r="E5643">
        <v>2498</v>
      </c>
      <c r="F5643" t="s">
        <v>861</v>
      </c>
      <c r="G5643">
        <v>691</v>
      </c>
      <c r="H5643">
        <v>0</v>
      </c>
      <c r="I5643">
        <v>0</v>
      </c>
      <c r="J5643">
        <v>0</v>
      </c>
      <c r="K5643">
        <v>0</v>
      </c>
      <c r="L5643">
        <v>0</v>
      </c>
      <c r="M5643">
        <v>0</v>
      </c>
      <c r="N5643">
        <v>0</v>
      </c>
      <c r="O5643">
        <v>0</v>
      </c>
      <c r="P5643">
        <v>0</v>
      </c>
      <c r="Q5643">
        <v>0</v>
      </c>
      <c r="R5643">
        <v>0</v>
      </c>
      <c r="S5643">
        <v>0</v>
      </c>
      <c r="T5643" s="1">
        <v>45080.546875</v>
      </c>
    </row>
    <row r="5644" spans="1:20" x14ac:dyDescent="0.4">
      <c r="A5644">
        <v>295</v>
      </c>
      <c r="B5644">
        <v>1206</v>
      </c>
      <c r="C5644">
        <v>20</v>
      </c>
      <c r="D5644">
        <v>1</v>
      </c>
      <c r="E5644">
        <v>1206</v>
      </c>
      <c r="F5644" t="s">
        <v>862</v>
      </c>
      <c r="G5644">
        <v>869</v>
      </c>
      <c r="H5644">
        <v>0</v>
      </c>
      <c r="I5644">
        <v>0</v>
      </c>
      <c r="J5644">
        <v>0</v>
      </c>
      <c r="K5644">
        <v>0</v>
      </c>
      <c r="L5644">
        <v>0</v>
      </c>
      <c r="M5644">
        <v>0</v>
      </c>
      <c r="N5644">
        <v>0</v>
      </c>
      <c r="O5644">
        <v>0</v>
      </c>
      <c r="P5644">
        <v>0</v>
      </c>
      <c r="Q5644">
        <v>0</v>
      </c>
      <c r="R5644">
        <v>0</v>
      </c>
      <c r="S5644">
        <v>0</v>
      </c>
      <c r="T5644" s="1">
        <v>45080.546875</v>
      </c>
    </row>
    <row r="5645" spans="1:20" x14ac:dyDescent="0.4">
      <c r="A5645">
        <v>296</v>
      </c>
      <c r="B5645">
        <v>1207</v>
      </c>
      <c r="C5645">
        <v>20</v>
      </c>
      <c r="D5645">
        <v>1</v>
      </c>
      <c r="E5645">
        <v>1207</v>
      </c>
      <c r="F5645" t="s">
        <v>863</v>
      </c>
      <c r="G5645">
        <v>526</v>
      </c>
      <c r="H5645">
        <v>0</v>
      </c>
      <c r="I5645">
        <v>0</v>
      </c>
      <c r="J5645">
        <v>0</v>
      </c>
      <c r="K5645">
        <v>0</v>
      </c>
      <c r="L5645">
        <v>0</v>
      </c>
      <c r="M5645">
        <v>0</v>
      </c>
      <c r="N5645">
        <v>0</v>
      </c>
      <c r="O5645">
        <v>0</v>
      </c>
      <c r="P5645">
        <v>0</v>
      </c>
      <c r="Q5645">
        <v>0</v>
      </c>
      <c r="R5645">
        <v>0</v>
      </c>
      <c r="S5645">
        <v>0</v>
      </c>
      <c r="T5645" s="1">
        <v>45080.546875</v>
      </c>
    </row>
    <row r="5646" spans="1:20" x14ac:dyDescent="0.4">
      <c r="A5646">
        <v>297</v>
      </c>
      <c r="B5646">
        <v>1208</v>
      </c>
      <c r="C5646">
        <v>20</v>
      </c>
      <c r="D5646">
        <v>1</v>
      </c>
      <c r="E5646">
        <v>1208</v>
      </c>
      <c r="F5646" t="s">
        <v>864</v>
      </c>
      <c r="G5646">
        <v>495</v>
      </c>
      <c r="H5646">
        <v>0</v>
      </c>
      <c r="I5646">
        <v>0</v>
      </c>
      <c r="J5646">
        <v>0</v>
      </c>
      <c r="K5646">
        <v>0</v>
      </c>
      <c r="L5646">
        <v>0</v>
      </c>
      <c r="M5646">
        <v>0</v>
      </c>
      <c r="N5646">
        <v>0</v>
      </c>
      <c r="O5646">
        <v>0</v>
      </c>
      <c r="P5646">
        <v>0</v>
      </c>
      <c r="Q5646">
        <v>0</v>
      </c>
      <c r="R5646">
        <v>0</v>
      </c>
      <c r="S5646">
        <v>0</v>
      </c>
      <c r="T5646" s="1">
        <v>45080.546875</v>
      </c>
    </row>
    <row r="5647" spans="1:20" x14ac:dyDescent="0.4">
      <c r="A5647">
        <v>298</v>
      </c>
      <c r="B5647">
        <v>1209</v>
      </c>
      <c r="C5647">
        <v>20</v>
      </c>
      <c r="D5647">
        <v>1</v>
      </c>
      <c r="E5647">
        <v>1209</v>
      </c>
      <c r="F5647" t="s">
        <v>865</v>
      </c>
      <c r="G5647">
        <v>691</v>
      </c>
      <c r="H5647">
        <v>0</v>
      </c>
      <c r="I5647">
        <v>0</v>
      </c>
      <c r="J5647">
        <v>0</v>
      </c>
      <c r="K5647">
        <v>0</v>
      </c>
      <c r="L5647">
        <v>0</v>
      </c>
      <c r="M5647">
        <v>0</v>
      </c>
      <c r="N5647">
        <v>0</v>
      </c>
      <c r="O5647">
        <v>0</v>
      </c>
      <c r="P5647">
        <v>0</v>
      </c>
      <c r="Q5647">
        <v>0</v>
      </c>
      <c r="R5647">
        <v>0</v>
      </c>
      <c r="S5647">
        <v>0</v>
      </c>
      <c r="T5647" s="1">
        <v>45080.546875</v>
      </c>
    </row>
    <row r="5648" spans="1:20" x14ac:dyDescent="0.4">
      <c r="A5648">
        <v>299</v>
      </c>
      <c r="B5648">
        <v>1210</v>
      </c>
      <c r="C5648">
        <v>20</v>
      </c>
      <c r="D5648">
        <v>1</v>
      </c>
      <c r="E5648">
        <v>1210</v>
      </c>
      <c r="F5648" t="s">
        <v>866</v>
      </c>
      <c r="G5648">
        <v>614</v>
      </c>
      <c r="H5648">
        <v>0</v>
      </c>
      <c r="I5648">
        <v>0</v>
      </c>
      <c r="J5648">
        <v>0</v>
      </c>
      <c r="K5648">
        <v>0</v>
      </c>
      <c r="L5648">
        <v>0</v>
      </c>
      <c r="M5648">
        <v>0</v>
      </c>
      <c r="N5648">
        <v>0</v>
      </c>
      <c r="O5648">
        <v>0</v>
      </c>
      <c r="P5648">
        <v>0</v>
      </c>
      <c r="Q5648">
        <v>0</v>
      </c>
      <c r="R5648">
        <v>0</v>
      </c>
      <c r="S5648">
        <v>0</v>
      </c>
      <c r="T5648" s="1">
        <v>45080.546875</v>
      </c>
    </row>
    <row r="5649" spans="1:20" x14ac:dyDescent="0.4">
      <c r="A5649">
        <v>300</v>
      </c>
      <c r="B5649">
        <v>2492</v>
      </c>
      <c r="C5649">
        <v>20</v>
      </c>
      <c r="D5649">
        <v>1</v>
      </c>
      <c r="E5649">
        <v>2492</v>
      </c>
      <c r="F5649" t="s">
        <v>867</v>
      </c>
      <c r="G5649">
        <v>495</v>
      </c>
      <c r="H5649">
        <v>580</v>
      </c>
      <c r="I5649">
        <v>580</v>
      </c>
      <c r="J5649">
        <v>580</v>
      </c>
      <c r="K5649">
        <v>580</v>
      </c>
      <c r="L5649">
        <v>580</v>
      </c>
      <c r="M5649">
        <v>580</v>
      </c>
      <c r="N5649">
        <v>580</v>
      </c>
      <c r="O5649">
        <v>580</v>
      </c>
      <c r="P5649">
        <v>580</v>
      </c>
      <c r="Q5649">
        <v>0</v>
      </c>
      <c r="R5649">
        <v>0</v>
      </c>
      <c r="S5649">
        <v>0</v>
      </c>
      <c r="T5649" s="1">
        <v>45080.546875</v>
      </c>
    </row>
    <row r="5650" spans="1:20" x14ac:dyDescent="0.4">
      <c r="A5650">
        <v>301</v>
      </c>
      <c r="B5650">
        <v>2001</v>
      </c>
      <c r="C5650">
        <v>21</v>
      </c>
      <c r="D5650">
        <v>1</v>
      </c>
      <c r="E5650">
        <v>2001</v>
      </c>
      <c r="F5650" t="s">
        <v>594</v>
      </c>
      <c r="G5650">
        <v>549</v>
      </c>
      <c r="H5650">
        <v>0</v>
      </c>
      <c r="I5650">
        <v>0</v>
      </c>
      <c r="J5650">
        <v>0</v>
      </c>
      <c r="K5650">
        <v>0</v>
      </c>
      <c r="L5650">
        <v>0</v>
      </c>
      <c r="M5650">
        <v>0</v>
      </c>
      <c r="N5650">
        <v>0</v>
      </c>
      <c r="O5650">
        <v>0</v>
      </c>
      <c r="P5650">
        <v>0</v>
      </c>
      <c r="Q5650">
        <v>0</v>
      </c>
      <c r="R5650">
        <v>0</v>
      </c>
      <c r="S5650">
        <v>0</v>
      </c>
      <c r="T5650" s="1">
        <v>45080.546875</v>
      </c>
    </row>
    <row r="5651" spans="1:20" x14ac:dyDescent="0.4">
      <c r="A5651">
        <v>302</v>
      </c>
      <c r="B5651">
        <v>2002</v>
      </c>
      <c r="C5651">
        <v>21</v>
      </c>
      <c r="D5651">
        <v>1</v>
      </c>
      <c r="E5651">
        <v>2002</v>
      </c>
      <c r="F5651" t="s">
        <v>868</v>
      </c>
      <c r="G5651">
        <v>549</v>
      </c>
      <c r="H5651">
        <v>0</v>
      </c>
      <c r="I5651">
        <v>0</v>
      </c>
      <c r="J5651">
        <v>0</v>
      </c>
      <c r="K5651">
        <v>0</v>
      </c>
      <c r="L5651">
        <v>0</v>
      </c>
      <c r="M5651">
        <v>0</v>
      </c>
      <c r="N5651">
        <v>0</v>
      </c>
      <c r="O5651">
        <v>0</v>
      </c>
      <c r="P5651">
        <v>0</v>
      </c>
      <c r="Q5651">
        <v>0</v>
      </c>
      <c r="R5651">
        <v>0</v>
      </c>
      <c r="S5651">
        <v>0</v>
      </c>
      <c r="T5651" s="1">
        <v>45080.546875</v>
      </c>
    </row>
    <row r="5652" spans="1:20" x14ac:dyDescent="0.4">
      <c r="A5652">
        <v>303</v>
      </c>
      <c r="B5652">
        <v>2005</v>
      </c>
      <c r="C5652">
        <v>21</v>
      </c>
      <c r="D5652">
        <v>1</v>
      </c>
      <c r="E5652">
        <v>2005</v>
      </c>
      <c r="F5652" t="s">
        <v>869</v>
      </c>
      <c r="G5652">
        <v>537</v>
      </c>
      <c r="H5652">
        <v>0</v>
      </c>
      <c r="I5652">
        <v>0</v>
      </c>
      <c r="J5652">
        <v>0</v>
      </c>
      <c r="K5652">
        <v>0</v>
      </c>
      <c r="L5652">
        <v>0</v>
      </c>
      <c r="M5652">
        <v>0</v>
      </c>
      <c r="N5652">
        <v>0</v>
      </c>
      <c r="O5652">
        <v>0</v>
      </c>
      <c r="P5652">
        <v>0</v>
      </c>
      <c r="Q5652">
        <v>0</v>
      </c>
      <c r="R5652">
        <v>0</v>
      </c>
      <c r="S5652">
        <v>0</v>
      </c>
      <c r="T5652" s="1">
        <v>45080.546875</v>
      </c>
    </row>
    <row r="5653" spans="1:20" x14ac:dyDescent="0.4">
      <c r="A5653">
        <v>304</v>
      </c>
      <c r="B5653">
        <v>2006</v>
      </c>
      <c r="C5653">
        <v>21</v>
      </c>
      <c r="D5653">
        <v>1</v>
      </c>
      <c r="E5653">
        <v>2006</v>
      </c>
      <c r="F5653" t="s">
        <v>870</v>
      </c>
      <c r="G5653">
        <v>504</v>
      </c>
      <c r="H5653">
        <v>0</v>
      </c>
      <c r="I5653">
        <v>0</v>
      </c>
      <c r="J5653">
        <v>0</v>
      </c>
      <c r="K5653">
        <v>0</v>
      </c>
      <c r="L5653">
        <v>0</v>
      </c>
      <c r="M5653">
        <v>0</v>
      </c>
      <c r="N5653">
        <v>0</v>
      </c>
      <c r="O5653">
        <v>0</v>
      </c>
      <c r="P5653">
        <v>0</v>
      </c>
      <c r="Q5653">
        <v>0</v>
      </c>
      <c r="R5653">
        <v>0</v>
      </c>
      <c r="S5653">
        <v>0</v>
      </c>
      <c r="T5653" s="1">
        <v>45080.546875</v>
      </c>
    </row>
    <row r="5654" spans="1:20" x14ac:dyDescent="0.4">
      <c r="A5654">
        <v>305</v>
      </c>
      <c r="B5654">
        <v>2007</v>
      </c>
      <c r="C5654">
        <v>21</v>
      </c>
      <c r="D5654">
        <v>1</v>
      </c>
      <c r="E5654">
        <v>2007</v>
      </c>
      <c r="F5654" t="s">
        <v>871</v>
      </c>
      <c r="G5654">
        <v>515</v>
      </c>
      <c r="H5654">
        <v>0</v>
      </c>
      <c r="I5654">
        <v>0</v>
      </c>
      <c r="J5654">
        <v>0</v>
      </c>
      <c r="K5654">
        <v>0</v>
      </c>
      <c r="L5654">
        <v>0</v>
      </c>
      <c r="M5654">
        <v>0</v>
      </c>
      <c r="N5654">
        <v>0</v>
      </c>
      <c r="O5654">
        <v>0</v>
      </c>
      <c r="P5654">
        <v>0</v>
      </c>
      <c r="Q5654">
        <v>0</v>
      </c>
      <c r="R5654">
        <v>0</v>
      </c>
      <c r="S5654">
        <v>0</v>
      </c>
      <c r="T5654" s="1">
        <v>45080.546875</v>
      </c>
    </row>
    <row r="5655" spans="1:20" x14ac:dyDescent="0.4">
      <c r="A5655">
        <v>306</v>
      </c>
      <c r="B5655">
        <v>2008</v>
      </c>
      <c r="C5655">
        <v>21</v>
      </c>
      <c r="D5655">
        <v>1</v>
      </c>
      <c r="E5655">
        <v>2008</v>
      </c>
      <c r="F5655" t="s">
        <v>872</v>
      </c>
      <c r="G5655">
        <v>504</v>
      </c>
      <c r="H5655">
        <v>0</v>
      </c>
      <c r="I5655">
        <v>0</v>
      </c>
      <c r="J5655">
        <v>0</v>
      </c>
      <c r="K5655">
        <v>0</v>
      </c>
      <c r="L5655">
        <v>0</v>
      </c>
      <c r="M5655">
        <v>0</v>
      </c>
      <c r="N5655">
        <v>0</v>
      </c>
      <c r="O5655">
        <v>0</v>
      </c>
      <c r="P5655">
        <v>0</v>
      </c>
      <c r="Q5655">
        <v>0</v>
      </c>
      <c r="R5655">
        <v>0</v>
      </c>
      <c r="S5655">
        <v>0</v>
      </c>
      <c r="T5655" s="1">
        <v>45080.546875</v>
      </c>
    </row>
    <row r="5656" spans="1:20" x14ac:dyDescent="0.4">
      <c r="A5656">
        <v>307</v>
      </c>
      <c r="B5656">
        <v>2009</v>
      </c>
      <c r="C5656">
        <v>21</v>
      </c>
      <c r="D5656">
        <v>1</v>
      </c>
      <c r="E5656">
        <v>2009</v>
      </c>
      <c r="F5656" t="s">
        <v>873</v>
      </c>
      <c r="G5656">
        <v>647</v>
      </c>
      <c r="H5656">
        <v>0</v>
      </c>
      <c r="I5656">
        <v>0</v>
      </c>
      <c r="J5656">
        <v>0</v>
      </c>
      <c r="K5656">
        <v>0</v>
      </c>
      <c r="L5656">
        <v>0</v>
      </c>
      <c r="M5656">
        <v>0</v>
      </c>
      <c r="N5656">
        <v>0</v>
      </c>
      <c r="O5656">
        <v>0</v>
      </c>
      <c r="P5656">
        <v>0</v>
      </c>
      <c r="Q5656">
        <v>0</v>
      </c>
      <c r="R5656">
        <v>0</v>
      </c>
      <c r="S5656">
        <v>0</v>
      </c>
      <c r="T5656" s="1">
        <v>45080.546875</v>
      </c>
    </row>
    <row r="5657" spans="1:20" x14ac:dyDescent="0.4">
      <c r="A5657">
        <v>308</v>
      </c>
      <c r="B5657">
        <v>2010</v>
      </c>
      <c r="C5657">
        <v>21</v>
      </c>
      <c r="D5657">
        <v>1</v>
      </c>
      <c r="E5657">
        <v>2010</v>
      </c>
      <c r="F5657" t="s">
        <v>874</v>
      </c>
      <c r="G5657">
        <v>592</v>
      </c>
      <c r="H5657">
        <v>0</v>
      </c>
      <c r="I5657">
        <v>0</v>
      </c>
      <c r="J5657">
        <v>0</v>
      </c>
      <c r="K5657">
        <v>0</v>
      </c>
      <c r="L5657">
        <v>0</v>
      </c>
      <c r="M5657">
        <v>0</v>
      </c>
      <c r="N5657">
        <v>0</v>
      </c>
      <c r="O5657">
        <v>0</v>
      </c>
      <c r="P5657">
        <v>0</v>
      </c>
      <c r="Q5657">
        <v>0</v>
      </c>
      <c r="R5657">
        <v>0</v>
      </c>
      <c r="S5657">
        <v>0</v>
      </c>
      <c r="T5657" s="1">
        <v>45080.546875</v>
      </c>
    </row>
    <row r="5658" spans="1:20" x14ac:dyDescent="0.4">
      <c r="A5658">
        <v>309</v>
      </c>
      <c r="B5658">
        <v>2011</v>
      </c>
      <c r="C5658">
        <v>21</v>
      </c>
      <c r="D5658">
        <v>1</v>
      </c>
      <c r="E5658">
        <v>2011</v>
      </c>
      <c r="F5658" t="s">
        <v>875</v>
      </c>
      <c r="G5658">
        <v>614</v>
      </c>
      <c r="H5658">
        <v>0</v>
      </c>
      <c r="I5658">
        <v>0</v>
      </c>
      <c r="J5658">
        <v>0</v>
      </c>
      <c r="K5658">
        <v>0</v>
      </c>
      <c r="L5658">
        <v>0</v>
      </c>
      <c r="M5658">
        <v>0</v>
      </c>
      <c r="N5658">
        <v>0</v>
      </c>
      <c r="O5658">
        <v>0</v>
      </c>
      <c r="P5658">
        <v>0</v>
      </c>
      <c r="Q5658">
        <v>0</v>
      </c>
      <c r="R5658">
        <v>0</v>
      </c>
      <c r="S5658">
        <v>0</v>
      </c>
      <c r="T5658" s="1">
        <v>45080.546875</v>
      </c>
    </row>
    <row r="5659" spans="1:20" x14ac:dyDescent="0.4">
      <c r="A5659">
        <v>310</v>
      </c>
      <c r="B5659">
        <v>2012</v>
      </c>
      <c r="C5659">
        <v>21</v>
      </c>
      <c r="D5659">
        <v>1</v>
      </c>
      <c r="E5659">
        <v>2012</v>
      </c>
      <c r="F5659" t="s">
        <v>876</v>
      </c>
      <c r="G5659">
        <v>482</v>
      </c>
      <c r="H5659">
        <v>0</v>
      </c>
      <c r="I5659">
        <v>0</v>
      </c>
      <c r="J5659">
        <v>0</v>
      </c>
      <c r="K5659">
        <v>0</v>
      </c>
      <c r="L5659">
        <v>0</v>
      </c>
      <c r="M5659">
        <v>0</v>
      </c>
      <c r="N5659">
        <v>0</v>
      </c>
      <c r="O5659">
        <v>0</v>
      </c>
      <c r="P5659">
        <v>0</v>
      </c>
      <c r="Q5659">
        <v>0</v>
      </c>
      <c r="R5659">
        <v>0</v>
      </c>
      <c r="S5659">
        <v>0</v>
      </c>
      <c r="T5659" s="1">
        <v>45080.546875</v>
      </c>
    </row>
    <row r="5660" spans="1:20" x14ac:dyDescent="0.4">
      <c r="A5660">
        <v>311</v>
      </c>
      <c r="B5660">
        <v>2013</v>
      </c>
      <c r="C5660">
        <v>21</v>
      </c>
      <c r="D5660">
        <v>1</v>
      </c>
      <c r="E5660">
        <v>2013</v>
      </c>
      <c r="F5660" t="s">
        <v>877</v>
      </c>
      <c r="G5660">
        <v>515</v>
      </c>
      <c r="H5660">
        <v>0</v>
      </c>
      <c r="I5660">
        <v>0</v>
      </c>
      <c r="J5660">
        <v>0</v>
      </c>
      <c r="K5660">
        <v>0</v>
      </c>
      <c r="L5660">
        <v>0</v>
      </c>
      <c r="M5660">
        <v>0</v>
      </c>
      <c r="N5660">
        <v>0</v>
      </c>
      <c r="O5660">
        <v>0</v>
      </c>
      <c r="P5660">
        <v>0</v>
      </c>
      <c r="Q5660">
        <v>0</v>
      </c>
      <c r="R5660">
        <v>0</v>
      </c>
      <c r="S5660">
        <v>0</v>
      </c>
      <c r="T5660" s="1">
        <v>45080.546875</v>
      </c>
    </row>
    <row r="5661" spans="1:20" x14ac:dyDescent="0.4">
      <c r="A5661">
        <v>312</v>
      </c>
      <c r="B5661">
        <v>2015</v>
      </c>
      <c r="C5661">
        <v>21</v>
      </c>
      <c r="D5661">
        <v>1</v>
      </c>
      <c r="E5661">
        <v>2015</v>
      </c>
      <c r="F5661" t="s">
        <v>878</v>
      </c>
      <c r="G5661">
        <v>549</v>
      </c>
      <c r="H5661">
        <v>0</v>
      </c>
      <c r="I5661">
        <v>0</v>
      </c>
      <c r="J5661">
        <v>0</v>
      </c>
      <c r="K5661">
        <v>0</v>
      </c>
      <c r="L5661">
        <v>0</v>
      </c>
      <c r="M5661">
        <v>0</v>
      </c>
      <c r="N5661">
        <v>0</v>
      </c>
      <c r="O5661">
        <v>0</v>
      </c>
      <c r="P5661">
        <v>0</v>
      </c>
      <c r="Q5661">
        <v>0</v>
      </c>
      <c r="R5661">
        <v>0</v>
      </c>
      <c r="S5661">
        <v>0</v>
      </c>
      <c r="T5661" s="1">
        <v>45080.546875</v>
      </c>
    </row>
    <row r="5662" spans="1:20" x14ac:dyDescent="0.4">
      <c r="A5662">
        <v>313</v>
      </c>
      <c r="B5662">
        <v>2016</v>
      </c>
      <c r="C5662">
        <v>21</v>
      </c>
      <c r="D5662">
        <v>1</v>
      </c>
      <c r="E5662">
        <v>2016</v>
      </c>
      <c r="F5662" t="s">
        <v>854</v>
      </c>
      <c r="G5662">
        <v>625</v>
      </c>
      <c r="H5662">
        <v>0</v>
      </c>
      <c r="I5662">
        <v>0</v>
      </c>
      <c r="J5662">
        <v>0</v>
      </c>
      <c r="K5662">
        <v>0</v>
      </c>
      <c r="L5662">
        <v>0</v>
      </c>
      <c r="M5662">
        <v>0</v>
      </c>
      <c r="N5662">
        <v>0</v>
      </c>
      <c r="O5662">
        <v>0</v>
      </c>
      <c r="P5662">
        <v>0</v>
      </c>
      <c r="Q5662">
        <v>0</v>
      </c>
      <c r="R5662">
        <v>0</v>
      </c>
      <c r="S5662">
        <v>0</v>
      </c>
      <c r="T5662" s="1">
        <v>45080.546875</v>
      </c>
    </row>
    <row r="5663" spans="1:20" x14ac:dyDescent="0.4">
      <c r="A5663">
        <v>314</v>
      </c>
      <c r="B5663">
        <v>2017</v>
      </c>
      <c r="C5663">
        <v>21</v>
      </c>
      <c r="D5663">
        <v>1</v>
      </c>
      <c r="E5663">
        <v>2017</v>
      </c>
      <c r="F5663" t="s">
        <v>853</v>
      </c>
      <c r="G5663">
        <v>724</v>
      </c>
      <c r="H5663">
        <v>0</v>
      </c>
      <c r="I5663">
        <v>0</v>
      </c>
      <c r="J5663">
        <v>0</v>
      </c>
      <c r="K5663">
        <v>0</v>
      </c>
      <c r="L5663">
        <v>0</v>
      </c>
      <c r="M5663">
        <v>0</v>
      </c>
      <c r="N5663">
        <v>0</v>
      </c>
      <c r="O5663">
        <v>0</v>
      </c>
      <c r="P5663">
        <v>0</v>
      </c>
      <c r="Q5663">
        <v>0</v>
      </c>
      <c r="R5663">
        <v>0</v>
      </c>
      <c r="S5663">
        <v>0</v>
      </c>
      <c r="T5663" s="1">
        <v>45080.546875</v>
      </c>
    </row>
    <row r="5664" spans="1:20" x14ac:dyDescent="0.4">
      <c r="A5664">
        <v>315</v>
      </c>
      <c r="B5664">
        <v>2018</v>
      </c>
      <c r="C5664">
        <v>21</v>
      </c>
      <c r="D5664">
        <v>1</v>
      </c>
      <c r="E5664">
        <v>2018</v>
      </c>
      <c r="F5664" t="s">
        <v>879</v>
      </c>
      <c r="G5664">
        <v>757</v>
      </c>
      <c r="H5664">
        <v>0</v>
      </c>
      <c r="I5664">
        <v>0</v>
      </c>
      <c r="J5664">
        <v>0</v>
      </c>
      <c r="K5664">
        <v>0</v>
      </c>
      <c r="L5664">
        <v>0</v>
      </c>
      <c r="M5664">
        <v>0</v>
      </c>
      <c r="N5664">
        <v>0</v>
      </c>
      <c r="O5664">
        <v>0</v>
      </c>
      <c r="P5664">
        <v>0</v>
      </c>
      <c r="Q5664">
        <v>0</v>
      </c>
      <c r="R5664">
        <v>0</v>
      </c>
      <c r="S5664">
        <v>0</v>
      </c>
      <c r="T5664" s="1">
        <v>45080.546875</v>
      </c>
    </row>
    <row r="5665" spans="1:20" x14ac:dyDescent="0.4">
      <c r="A5665">
        <v>316</v>
      </c>
      <c r="B5665">
        <v>2031</v>
      </c>
      <c r="C5665">
        <v>22</v>
      </c>
      <c r="D5665">
        <v>1</v>
      </c>
      <c r="E5665">
        <v>2031</v>
      </c>
      <c r="F5665" t="s">
        <v>880</v>
      </c>
      <c r="G5665">
        <v>625</v>
      </c>
      <c r="H5665">
        <v>0</v>
      </c>
      <c r="I5665">
        <v>0</v>
      </c>
      <c r="J5665">
        <v>0</v>
      </c>
      <c r="K5665">
        <v>0</v>
      </c>
      <c r="L5665">
        <v>0</v>
      </c>
      <c r="M5665">
        <v>0</v>
      </c>
      <c r="N5665">
        <v>0</v>
      </c>
      <c r="O5665">
        <v>0</v>
      </c>
      <c r="P5665">
        <v>0</v>
      </c>
      <c r="Q5665">
        <v>0</v>
      </c>
      <c r="R5665">
        <v>0</v>
      </c>
      <c r="S5665">
        <v>0</v>
      </c>
      <c r="T5665" s="1">
        <v>45080.546875</v>
      </c>
    </row>
    <row r="5666" spans="1:20" x14ac:dyDescent="0.4">
      <c r="A5666">
        <v>317</v>
      </c>
      <c r="B5666">
        <v>2032</v>
      </c>
      <c r="C5666">
        <v>22</v>
      </c>
      <c r="D5666">
        <v>1</v>
      </c>
      <c r="E5666">
        <v>2032</v>
      </c>
      <c r="F5666" t="s">
        <v>881</v>
      </c>
      <c r="G5666">
        <v>692</v>
      </c>
      <c r="H5666">
        <v>0</v>
      </c>
      <c r="I5666">
        <v>0</v>
      </c>
      <c r="J5666">
        <v>0</v>
      </c>
      <c r="K5666">
        <v>0</v>
      </c>
      <c r="L5666">
        <v>0</v>
      </c>
      <c r="M5666">
        <v>0</v>
      </c>
      <c r="N5666">
        <v>0</v>
      </c>
      <c r="O5666">
        <v>0</v>
      </c>
      <c r="P5666">
        <v>0</v>
      </c>
      <c r="Q5666">
        <v>0</v>
      </c>
      <c r="R5666">
        <v>0</v>
      </c>
      <c r="S5666">
        <v>0</v>
      </c>
      <c r="T5666" s="1">
        <v>45080.546875</v>
      </c>
    </row>
    <row r="5667" spans="1:20" x14ac:dyDescent="0.4">
      <c r="A5667">
        <v>318</v>
      </c>
      <c r="B5667">
        <v>2035</v>
      </c>
      <c r="C5667">
        <v>22</v>
      </c>
      <c r="D5667">
        <v>1</v>
      </c>
      <c r="E5667">
        <v>2035</v>
      </c>
      <c r="F5667" t="s">
        <v>882</v>
      </c>
      <c r="G5667">
        <v>548</v>
      </c>
      <c r="H5667">
        <v>0</v>
      </c>
      <c r="I5667">
        <v>0</v>
      </c>
      <c r="J5667">
        <v>0</v>
      </c>
      <c r="K5667">
        <v>0</v>
      </c>
      <c r="L5667">
        <v>0</v>
      </c>
      <c r="M5667">
        <v>0</v>
      </c>
      <c r="N5667">
        <v>0</v>
      </c>
      <c r="O5667">
        <v>0</v>
      </c>
      <c r="P5667">
        <v>0</v>
      </c>
      <c r="Q5667">
        <v>0</v>
      </c>
      <c r="R5667">
        <v>0</v>
      </c>
      <c r="S5667">
        <v>0</v>
      </c>
      <c r="T5667" s="1">
        <v>45080.546875</v>
      </c>
    </row>
    <row r="5668" spans="1:20" x14ac:dyDescent="0.4">
      <c r="A5668">
        <v>319</v>
      </c>
      <c r="B5668">
        <v>2036</v>
      </c>
      <c r="C5668">
        <v>22</v>
      </c>
      <c r="D5668">
        <v>1</v>
      </c>
      <c r="E5668">
        <v>2036</v>
      </c>
      <c r="F5668" t="s">
        <v>883</v>
      </c>
      <c r="G5668">
        <v>724</v>
      </c>
      <c r="H5668">
        <v>0</v>
      </c>
      <c r="I5668">
        <v>0</v>
      </c>
      <c r="J5668">
        <v>0</v>
      </c>
      <c r="K5668">
        <v>0</v>
      </c>
      <c r="L5668">
        <v>0</v>
      </c>
      <c r="M5668">
        <v>0</v>
      </c>
      <c r="N5668">
        <v>0</v>
      </c>
      <c r="O5668">
        <v>0</v>
      </c>
      <c r="P5668">
        <v>0</v>
      </c>
      <c r="Q5668">
        <v>0</v>
      </c>
      <c r="R5668">
        <v>0</v>
      </c>
      <c r="S5668">
        <v>0</v>
      </c>
      <c r="T5668" s="1">
        <v>45080.546875</v>
      </c>
    </row>
    <row r="5669" spans="1:20" x14ac:dyDescent="0.4">
      <c r="A5669">
        <v>320</v>
      </c>
      <c r="B5669">
        <v>2037</v>
      </c>
      <c r="C5669">
        <v>22</v>
      </c>
      <c r="D5669">
        <v>1</v>
      </c>
      <c r="E5669">
        <v>2037</v>
      </c>
      <c r="F5669" t="s">
        <v>884</v>
      </c>
      <c r="G5669">
        <v>581</v>
      </c>
      <c r="H5669">
        <v>0</v>
      </c>
      <c r="I5669">
        <v>0</v>
      </c>
      <c r="J5669">
        <v>0</v>
      </c>
      <c r="K5669">
        <v>0</v>
      </c>
      <c r="L5669">
        <v>0</v>
      </c>
      <c r="M5669">
        <v>0</v>
      </c>
      <c r="N5669">
        <v>0</v>
      </c>
      <c r="O5669">
        <v>0</v>
      </c>
      <c r="P5669">
        <v>0</v>
      </c>
      <c r="Q5669">
        <v>0</v>
      </c>
      <c r="R5669">
        <v>0</v>
      </c>
      <c r="S5669">
        <v>0</v>
      </c>
      <c r="T5669" s="1">
        <v>45080.546875</v>
      </c>
    </row>
    <row r="5670" spans="1:20" x14ac:dyDescent="0.4">
      <c r="A5670">
        <v>321</v>
      </c>
      <c r="B5670">
        <v>2039</v>
      </c>
      <c r="C5670">
        <v>22</v>
      </c>
      <c r="D5670">
        <v>1</v>
      </c>
      <c r="E5670">
        <v>2039</v>
      </c>
      <c r="F5670" t="s">
        <v>885</v>
      </c>
      <c r="G5670">
        <v>581</v>
      </c>
      <c r="H5670">
        <v>0</v>
      </c>
      <c r="I5670">
        <v>0</v>
      </c>
      <c r="J5670">
        <v>0</v>
      </c>
      <c r="K5670">
        <v>0</v>
      </c>
      <c r="L5670">
        <v>0</v>
      </c>
      <c r="M5670">
        <v>0</v>
      </c>
      <c r="N5670">
        <v>0</v>
      </c>
      <c r="O5670">
        <v>0</v>
      </c>
      <c r="P5670">
        <v>0</v>
      </c>
      <c r="Q5670">
        <v>0</v>
      </c>
      <c r="R5670">
        <v>0</v>
      </c>
      <c r="S5670">
        <v>0</v>
      </c>
      <c r="T5670" s="1">
        <v>45080.546875</v>
      </c>
    </row>
    <row r="5671" spans="1:20" x14ac:dyDescent="0.4">
      <c r="A5671">
        <v>322</v>
      </c>
      <c r="B5671">
        <v>2040</v>
      </c>
      <c r="C5671">
        <v>22</v>
      </c>
      <c r="D5671">
        <v>1</v>
      </c>
      <c r="E5671">
        <v>2040</v>
      </c>
      <c r="F5671" t="s">
        <v>886</v>
      </c>
      <c r="G5671">
        <v>603</v>
      </c>
      <c r="H5671">
        <v>0</v>
      </c>
      <c r="I5671">
        <v>0</v>
      </c>
      <c r="J5671">
        <v>0</v>
      </c>
      <c r="K5671">
        <v>0</v>
      </c>
      <c r="L5671">
        <v>0</v>
      </c>
      <c r="M5671">
        <v>0</v>
      </c>
      <c r="N5671">
        <v>0</v>
      </c>
      <c r="O5671">
        <v>0</v>
      </c>
      <c r="P5671">
        <v>0</v>
      </c>
      <c r="Q5671">
        <v>0</v>
      </c>
      <c r="R5671">
        <v>0</v>
      </c>
      <c r="S5671">
        <v>0</v>
      </c>
      <c r="T5671" s="1">
        <v>45080.546875</v>
      </c>
    </row>
    <row r="5672" spans="1:20" x14ac:dyDescent="0.4">
      <c r="A5672">
        <v>323</v>
      </c>
      <c r="B5672">
        <v>2041</v>
      </c>
      <c r="C5672">
        <v>22</v>
      </c>
      <c r="D5672">
        <v>1</v>
      </c>
      <c r="E5672">
        <v>2041</v>
      </c>
      <c r="F5672" t="s">
        <v>887</v>
      </c>
      <c r="G5672">
        <v>581</v>
      </c>
      <c r="H5672">
        <v>0</v>
      </c>
      <c r="I5672">
        <v>0</v>
      </c>
      <c r="J5672">
        <v>0</v>
      </c>
      <c r="K5672">
        <v>0</v>
      </c>
      <c r="L5672">
        <v>0</v>
      </c>
      <c r="M5672">
        <v>0</v>
      </c>
      <c r="N5672">
        <v>0</v>
      </c>
      <c r="O5672">
        <v>0</v>
      </c>
      <c r="P5672">
        <v>0</v>
      </c>
      <c r="Q5672">
        <v>0</v>
      </c>
      <c r="R5672">
        <v>0</v>
      </c>
      <c r="S5672">
        <v>0</v>
      </c>
      <c r="T5672" s="1">
        <v>45080.546875</v>
      </c>
    </row>
    <row r="5673" spans="1:20" x14ac:dyDescent="0.4">
      <c r="A5673">
        <v>324</v>
      </c>
      <c r="B5673">
        <v>2042</v>
      </c>
      <c r="C5673">
        <v>22</v>
      </c>
      <c r="D5673">
        <v>1</v>
      </c>
      <c r="E5673">
        <v>2042</v>
      </c>
      <c r="F5673" t="s">
        <v>888</v>
      </c>
      <c r="G5673">
        <v>979</v>
      </c>
      <c r="H5673">
        <v>0</v>
      </c>
      <c r="I5673">
        <v>0</v>
      </c>
      <c r="J5673">
        <v>0</v>
      </c>
      <c r="K5673">
        <v>0</v>
      </c>
      <c r="L5673">
        <v>0</v>
      </c>
      <c r="M5673">
        <v>0</v>
      </c>
      <c r="N5673">
        <v>0</v>
      </c>
      <c r="O5673">
        <v>0</v>
      </c>
      <c r="P5673">
        <v>0</v>
      </c>
      <c r="Q5673">
        <v>0</v>
      </c>
      <c r="R5673">
        <v>0</v>
      </c>
      <c r="S5673">
        <v>0</v>
      </c>
      <c r="T5673" s="1">
        <v>45080.546875</v>
      </c>
    </row>
    <row r="5674" spans="1:20" x14ac:dyDescent="0.4">
      <c r="A5674">
        <v>325</v>
      </c>
      <c r="B5674">
        <v>2366</v>
      </c>
      <c r="C5674">
        <v>23</v>
      </c>
      <c r="D5674">
        <v>1</v>
      </c>
      <c r="E5674">
        <v>2366</v>
      </c>
      <c r="F5674" t="s">
        <v>889</v>
      </c>
      <c r="G5674">
        <v>790</v>
      </c>
      <c r="H5674">
        <v>0</v>
      </c>
      <c r="I5674">
        <v>0</v>
      </c>
      <c r="J5674">
        <v>0</v>
      </c>
      <c r="K5674">
        <v>0</v>
      </c>
      <c r="L5674">
        <v>0</v>
      </c>
      <c r="M5674">
        <v>0</v>
      </c>
      <c r="N5674">
        <v>0</v>
      </c>
      <c r="O5674">
        <v>0</v>
      </c>
      <c r="P5674">
        <v>0</v>
      </c>
      <c r="Q5674">
        <v>0</v>
      </c>
      <c r="R5674">
        <v>0</v>
      </c>
      <c r="S5674">
        <v>0</v>
      </c>
      <c r="T5674" s="1">
        <v>45080.546875</v>
      </c>
    </row>
    <row r="5675" spans="1:20" x14ac:dyDescent="0.4">
      <c r="A5675">
        <v>326</v>
      </c>
      <c r="B5675">
        <v>2367</v>
      </c>
      <c r="C5675">
        <v>23</v>
      </c>
      <c r="D5675">
        <v>1</v>
      </c>
      <c r="E5675">
        <v>2367</v>
      </c>
      <c r="F5675" t="s">
        <v>890</v>
      </c>
      <c r="G5675">
        <v>769</v>
      </c>
      <c r="H5675">
        <v>0</v>
      </c>
      <c r="I5675">
        <v>0</v>
      </c>
      <c r="J5675">
        <v>0</v>
      </c>
      <c r="K5675">
        <v>0</v>
      </c>
      <c r="L5675">
        <v>0</v>
      </c>
      <c r="M5675">
        <v>0</v>
      </c>
      <c r="N5675">
        <v>0</v>
      </c>
      <c r="O5675">
        <v>0</v>
      </c>
      <c r="P5675">
        <v>0</v>
      </c>
      <c r="Q5675">
        <v>0</v>
      </c>
      <c r="R5675">
        <v>0</v>
      </c>
      <c r="S5675">
        <v>0</v>
      </c>
      <c r="T5675" s="1">
        <v>45080.546875</v>
      </c>
    </row>
    <row r="5676" spans="1:20" x14ac:dyDescent="0.4">
      <c r="A5676">
        <v>327</v>
      </c>
      <c r="B5676">
        <v>2295</v>
      </c>
      <c r="C5676">
        <v>23</v>
      </c>
      <c r="D5676">
        <v>1</v>
      </c>
      <c r="E5676">
        <v>2295</v>
      </c>
      <c r="F5676" t="s">
        <v>891</v>
      </c>
      <c r="G5676">
        <v>691</v>
      </c>
      <c r="H5676">
        <v>0</v>
      </c>
      <c r="I5676">
        <v>0</v>
      </c>
      <c r="J5676">
        <v>0</v>
      </c>
      <c r="K5676">
        <v>0</v>
      </c>
      <c r="L5676">
        <v>0</v>
      </c>
      <c r="M5676">
        <v>0</v>
      </c>
      <c r="N5676">
        <v>0</v>
      </c>
      <c r="O5676">
        <v>0</v>
      </c>
      <c r="P5676">
        <v>0</v>
      </c>
      <c r="Q5676">
        <v>0</v>
      </c>
      <c r="R5676">
        <v>0</v>
      </c>
      <c r="S5676">
        <v>0</v>
      </c>
      <c r="T5676" s="1">
        <v>45080.546875</v>
      </c>
    </row>
    <row r="5677" spans="1:20" x14ac:dyDescent="0.4">
      <c r="A5677">
        <v>328</v>
      </c>
      <c r="B5677">
        <v>2369</v>
      </c>
      <c r="C5677">
        <v>23</v>
      </c>
      <c r="D5677">
        <v>1</v>
      </c>
      <c r="E5677">
        <v>2369</v>
      </c>
      <c r="F5677" t="s">
        <v>892</v>
      </c>
      <c r="G5677">
        <v>482</v>
      </c>
      <c r="H5677">
        <v>0</v>
      </c>
      <c r="I5677">
        <v>0</v>
      </c>
      <c r="J5677">
        <v>0</v>
      </c>
      <c r="K5677">
        <v>0</v>
      </c>
      <c r="L5677">
        <v>0</v>
      </c>
      <c r="M5677">
        <v>0</v>
      </c>
      <c r="N5677">
        <v>0</v>
      </c>
      <c r="O5677">
        <v>0</v>
      </c>
      <c r="P5677">
        <v>0</v>
      </c>
      <c r="Q5677">
        <v>0</v>
      </c>
      <c r="R5677">
        <v>0</v>
      </c>
      <c r="S5677">
        <v>0</v>
      </c>
      <c r="T5677" s="1">
        <v>45080.546875</v>
      </c>
    </row>
    <row r="5678" spans="1:20" x14ac:dyDescent="0.4">
      <c r="A5678">
        <v>329</v>
      </c>
      <c r="B5678">
        <v>2291</v>
      </c>
      <c r="C5678">
        <v>23</v>
      </c>
      <c r="D5678">
        <v>1</v>
      </c>
      <c r="E5678">
        <v>2291</v>
      </c>
      <c r="F5678" t="s">
        <v>893</v>
      </c>
      <c r="G5678">
        <v>625</v>
      </c>
      <c r="H5678">
        <v>0</v>
      </c>
      <c r="I5678">
        <v>0</v>
      </c>
      <c r="J5678">
        <v>0</v>
      </c>
      <c r="K5678">
        <v>0</v>
      </c>
      <c r="L5678">
        <v>0</v>
      </c>
      <c r="M5678">
        <v>0</v>
      </c>
      <c r="N5678">
        <v>0</v>
      </c>
      <c r="O5678">
        <v>0</v>
      </c>
      <c r="P5678">
        <v>0</v>
      </c>
      <c r="Q5678">
        <v>0</v>
      </c>
      <c r="R5678">
        <v>0</v>
      </c>
      <c r="S5678">
        <v>0</v>
      </c>
      <c r="T5678" s="1">
        <v>45080.546875</v>
      </c>
    </row>
    <row r="5679" spans="1:20" x14ac:dyDescent="0.4">
      <c r="A5679">
        <v>330</v>
      </c>
      <c r="B5679">
        <v>2451</v>
      </c>
      <c r="C5679">
        <v>23</v>
      </c>
      <c r="D5679">
        <v>1</v>
      </c>
      <c r="E5679">
        <v>2451</v>
      </c>
      <c r="F5679" t="s">
        <v>894</v>
      </c>
      <c r="G5679">
        <v>1868</v>
      </c>
      <c r="H5679">
        <v>0</v>
      </c>
      <c r="I5679">
        <v>0</v>
      </c>
      <c r="J5679">
        <v>0</v>
      </c>
      <c r="K5679">
        <v>0</v>
      </c>
      <c r="L5679">
        <v>0</v>
      </c>
      <c r="M5679">
        <v>0</v>
      </c>
      <c r="N5679">
        <v>0</v>
      </c>
      <c r="O5679">
        <v>0</v>
      </c>
      <c r="P5679">
        <v>0</v>
      </c>
      <c r="Q5679">
        <v>0</v>
      </c>
      <c r="R5679">
        <v>0</v>
      </c>
      <c r="S5679">
        <v>0</v>
      </c>
      <c r="T5679" s="1">
        <v>45080.546875</v>
      </c>
    </row>
    <row r="5680" spans="1:20" x14ac:dyDescent="0.4">
      <c r="A5680">
        <v>331</v>
      </c>
      <c r="B5680">
        <v>2031</v>
      </c>
      <c r="C5680">
        <v>23</v>
      </c>
      <c r="D5680">
        <v>1</v>
      </c>
      <c r="E5680">
        <v>2031</v>
      </c>
      <c r="F5680" t="s">
        <v>895</v>
      </c>
      <c r="G5680">
        <v>625</v>
      </c>
      <c r="H5680">
        <v>0</v>
      </c>
      <c r="I5680">
        <v>0</v>
      </c>
      <c r="J5680">
        <v>0</v>
      </c>
      <c r="K5680">
        <v>0</v>
      </c>
      <c r="L5680">
        <v>0</v>
      </c>
      <c r="M5680">
        <v>0</v>
      </c>
      <c r="N5680">
        <v>0</v>
      </c>
      <c r="O5680">
        <v>0</v>
      </c>
      <c r="P5680">
        <v>0</v>
      </c>
      <c r="Q5680">
        <v>0</v>
      </c>
      <c r="R5680">
        <v>0</v>
      </c>
      <c r="S5680">
        <v>0</v>
      </c>
      <c r="T5680" s="1">
        <v>45080.546875</v>
      </c>
    </row>
    <row r="5681" spans="1:20" x14ac:dyDescent="0.4">
      <c r="A5681">
        <v>332</v>
      </c>
      <c r="B5681">
        <v>2261</v>
      </c>
      <c r="C5681">
        <v>24</v>
      </c>
      <c r="D5681">
        <v>1</v>
      </c>
      <c r="E5681">
        <v>2261</v>
      </c>
      <c r="F5681" t="s">
        <v>896</v>
      </c>
      <c r="G5681">
        <v>979</v>
      </c>
      <c r="H5681">
        <v>0</v>
      </c>
      <c r="I5681">
        <v>0</v>
      </c>
      <c r="J5681">
        <v>0</v>
      </c>
      <c r="K5681">
        <v>0</v>
      </c>
      <c r="L5681">
        <v>0</v>
      </c>
      <c r="M5681">
        <v>0</v>
      </c>
      <c r="N5681">
        <v>0</v>
      </c>
      <c r="O5681">
        <v>0</v>
      </c>
      <c r="P5681">
        <v>0</v>
      </c>
      <c r="Q5681">
        <v>0</v>
      </c>
      <c r="R5681">
        <v>0</v>
      </c>
      <c r="S5681">
        <v>0</v>
      </c>
      <c r="T5681" s="1">
        <v>45080.546875</v>
      </c>
    </row>
    <row r="5682" spans="1:20" x14ac:dyDescent="0.4">
      <c r="A5682">
        <v>333</v>
      </c>
      <c r="B5682">
        <v>2269</v>
      </c>
      <c r="C5682">
        <v>24</v>
      </c>
      <c r="D5682">
        <v>1</v>
      </c>
      <c r="E5682">
        <v>2269</v>
      </c>
      <c r="F5682" t="s">
        <v>897</v>
      </c>
      <c r="G5682">
        <v>1098</v>
      </c>
      <c r="H5682">
        <v>0</v>
      </c>
      <c r="I5682">
        <v>0</v>
      </c>
      <c r="J5682">
        <v>0</v>
      </c>
      <c r="K5682">
        <v>0</v>
      </c>
      <c r="L5682">
        <v>0</v>
      </c>
      <c r="M5682">
        <v>0</v>
      </c>
      <c r="N5682">
        <v>0</v>
      </c>
      <c r="O5682">
        <v>0</v>
      </c>
      <c r="P5682">
        <v>0</v>
      </c>
      <c r="Q5682">
        <v>0</v>
      </c>
      <c r="R5682">
        <v>0</v>
      </c>
      <c r="S5682">
        <v>0</v>
      </c>
      <c r="T5682" s="1">
        <v>45080.546875</v>
      </c>
    </row>
    <row r="5683" spans="1:20" x14ac:dyDescent="0.4">
      <c r="A5683">
        <v>334</v>
      </c>
      <c r="B5683">
        <v>2270</v>
      </c>
      <c r="C5683">
        <v>24</v>
      </c>
      <c r="D5683">
        <v>1</v>
      </c>
      <c r="E5683">
        <v>2270</v>
      </c>
      <c r="F5683" t="s">
        <v>898</v>
      </c>
      <c r="G5683">
        <v>648</v>
      </c>
      <c r="H5683">
        <v>0</v>
      </c>
      <c r="I5683">
        <v>0</v>
      </c>
      <c r="J5683">
        <v>0</v>
      </c>
      <c r="K5683">
        <v>0</v>
      </c>
      <c r="L5683">
        <v>0</v>
      </c>
      <c r="M5683">
        <v>0</v>
      </c>
      <c r="N5683">
        <v>0</v>
      </c>
      <c r="O5683">
        <v>0</v>
      </c>
      <c r="P5683">
        <v>0</v>
      </c>
      <c r="Q5683">
        <v>0</v>
      </c>
      <c r="R5683">
        <v>0</v>
      </c>
      <c r="S5683">
        <v>0</v>
      </c>
      <c r="T5683" s="1">
        <v>45080.546875</v>
      </c>
    </row>
    <row r="5684" spans="1:20" x14ac:dyDescent="0.4">
      <c r="A5684">
        <v>335</v>
      </c>
      <c r="B5684">
        <v>2207</v>
      </c>
      <c r="C5684">
        <v>24</v>
      </c>
      <c r="D5684">
        <v>1</v>
      </c>
      <c r="E5684">
        <v>2207</v>
      </c>
      <c r="F5684" t="s">
        <v>899</v>
      </c>
      <c r="G5684">
        <v>307</v>
      </c>
      <c r="H5684">
        <v>0</v>
      </c>
      <c r="I5684">
        <v>0</v>
      </c>
      <c r="J5684">
        <v>0</v>
      </c>
      <c r="K5684">
        <v>0</v>
      </c>
      <c r="L5684">
        <v>0</v>
      </c>
      <c r="M5684">
        <v>0</v>
      </c>
      <c r="N5684">
        <v>0</v>
      </c>
      <c r="O5684">
        <v>0</v>
      </c>
      <c r="P5684">
        <v>0</v>
      </c>
      <c r="Q5684">
        <v>0</v>
      </c>
      <c r="R5684">
        <v>0</v>
      </c>
      <c r="S5684">
        <v>0</v>
      </c>
      <c r="T5684" s="1">
        <v>45080.546875</v>
      </c>
    </row>
    <row r="5685" spans="1:20" x14ac:dyDescent="0.4">
      <c r="A5685">
        <v>336</v>
      </c>
      <c r="B5685">
        <v>2202</v>
      </c>
      <c r="C5685">
        <v>24</v>
      </c>
      <c r="D5685">
        <v>1</v>
      </c>
      <c r="E5685">
        <v>2202</v>
      </c>
      <c r="F5685" t="s">
        <v>900</v>
      </c>
      <c r="G5685">
        <v>512</v>
      </c>
      <c r="H5685">
        <v>0</v>
      </c>
      <c r="I5685">
        <v>0</v>
      </c>
      <c r="J5685">
        <v>0</v>
      </c>
      <c r="K5685">
        <v>0</v>
      </c>
      <c r="L5685">
        <v>0</v>
      </c>
      <c r="M5685">
        <v>0</v>
      </c>
      <c r="N5685">
        <v>0</v>
      </c>
      <c r="O5685">
        <v>0</v>
      </c>
      <c r="P5685">
        <v>0</v>
      </c>
      <c r="Q5685">
        <v>0</v>
      </c>
      <c r="R5685">
        <v>0</v>
      </c>
      <c r="S5685">
        <v>0</v>
      </c>
      <c r="T5685" s="1">
        <v>45080.546875</v>
      </c>
    </row>
    <row r="5686" spans="1:20" x14ac:dyDescent="0.4">
      <c r="A5686">
        <v>337</v>
      </c>
      <c r="B5686">
        <v>2203</v>
      </c>
      <c r="C5686">
        <v>24</v>
      </c>
      <c r="D5686">
        <v>1</v>
      </c>
      <c r="E5686">
        <v>2203</v>
      </c>
      <c r="F5686" t="s">
        <v>901</v>
      </c>
      <c r="G5686">
        <v>317</v>
      </c>
      <c r="H5686">
        <v>0</v>
      </c>
      <c r="I5686">
        <v>0</v>
      </c>
      <c r="J5686">
        <v>0</v>
      </c>
      <c r="K5686">
        <v>0</v>
      </c>
      <c r="L5686">
        <v>0</v>
      </c>
      <c r="M5686">
        <v>0</v>
      </c>
      <c r="N5686">
        <v>0</v>
      </c>
      <c r="O5686">
        <v>0</v>
      </c>
      <c r="P5686">
        <v>0</v>
      </c>
      <c r="Q5686">
        <v>0</v>
      </c>
      <c r="R5686">
        <v>0</v>
      </c>
      <c r="S5686">
        <v>0</v>
      </c>
      <c r="T5686" s="1">
        <v>45080.546875</v>
      </c>
    </row>
    <row r="5687" spans="1:20" x14ac:dyDescent="0.4">
      <c r="A5687">
        <v>338</v>
      </c>
      <c r="B5687">
        <v>2266</v>
      </c>
      <c r="C5687">
        <v>24</v>
      </c>
      <c r="D5687">
        <v>1</v>
      </c>
      <c r="E5687">
        <v>2266</v>
      </c>
      <c r="F5687" t="s">
        <v>902</v>
      </c>
      <c r="G5687">
        <v>746</v>
      </c>
      <c r="H5687">
        <v>0</v>
      </c>
      <c r="I5687">
        <v>0</v>
      </c>
      <c r="J5687">
        <v>0</v>
      </c>
      <c r="K5687">
        <v>0</v>
      </c>
      <c r="L5687">
        <v>0</v>
      </c>
      <c r="M5687">
        <v>0</v>
      </c>
      <c r="N5687">
        <v>0</v>
      </c>
      <c r="O5687">
        <v>0</v>
      </c>
      <c r="P5687">
        <v>0</v>
      </c>
      <c r="Q5687">
        <v>0</v>
      </c>
      <c r="R5687">
        <v>0</v>
      </c>
      <c r="S5687">
        <v>0</v>
      </c>
      <c r="T5687" s="1">
        <v>45080.546875</v>
      </c>
    </row>
    <row r="5688" spans="1:20" x14ac:dyDescent="0.4">
      <c r="A5688">
        <v>339</v>
      </c>
      <c r="B5688">
        <v>2265</v>
      </c>
      <c r="C5688">
        <v>24</v>
      </c>
      <c r="D5688">
        <v>1</v>
      </c>
      <c r="E5688">
        <v>2265</v>
      </c>
      <c r="F5688" t="s">
        <v>903</v>
      </c>
      <c r="G5688">
        <v>879</v>
      </c>
      <c r="H5688">
        <v>0</v>
      </c>
      <c r="I5688">
        <v>0</v>
      </c>
      <c r="J5688">
        <v>0</v>
      </c>
      <c r="K5688">
        <v>0</v>
      </c>
      <c r="L5688">
        <v>0</v>
      </c>
      <c r="M5688">
        <v>0</v>
      </c>
      <c r="N5688">
        <v>0</v>
      </c>
      <c r="O5688">
        <v>0</v>
      </c>
      <c r="P5688">
        <v>0</v>
      </c>
      <c r="Q5688">
        <v>0</v>
      </c>
      <c r="R5688">
        <v>0</v>
      </c>
      <c r="S5688">
        <v>0</v>
      </c>
      <c r="T5688" s="1">
        <v>45080.546875</v>
      </c>
    </row>
    <row r="5689" spans="1:20" x14ac:dyDescent="0.4">
      <c r="A5689">
        <v>340</v>
      </c>
      <c r="B5689">
        <v>2421</v>
      </c>
      <c r="C5689">
        <v>25</v>
      </c>
      <c r="D5689">
        <v>1</v>
      </c>
      <c r="E5689">
        <v>2421</v>
      </c>
      <c r="F5689" t="s">
        <v>904</v>
      </c>
      <c r="G5689">
        <v>1099</v>
      </c>
      <c r="H5689">
        <v>0</v>
      </c>
      <c r="I5689">
        <v>0</v>
      </c>
      <c r="J5689">
        <v>0</v>
      </c>
      <c r="K5689">
        <v>0</v>
      </c>
      <c r="L5689">
        <v>0</v>
      </c>
      <c r="M5689">
        <v>0</v>
      </c>
      <c r="N5689">
        <v>0</v>
      </c>
      <c r="O5689">
        <v>0</v>
      </c>
      <c r="P5689">
        <v>0</v>
      </c>
      <c r="Q5689">
        <v>0</v>
      </c>
      <c r="R5689">
        <v>0</v>
      </c>
      <c r="S5689">
        <v>0</v>
      </c>
      <c r="T5689" s="1">
        <v>45080.546875</v>
      </c>
    </row>
    <row r="5690" spans="1:20" x14ac:dyDescent="0.4">
      <c r="A5690">
        <v>341</v>
      </c>
      <c r="B5690">
        <v>2422</v>
      </c>
      <c r="C5690">
        <v>25</v>
      </c>
      <c r="D5690">
        <v>1</v>
      </c>
      <c r="E5690">
        <v>2422</v>
      </c>
      <c r="F5690" t="s">
        <v>905</v>
      </c>
      <c r="G5690">
        <v>890</v>
      </c>
      <c r="H5690">
        <v>0</v>
      </c>
      <c r="I5690">
        <v>0</v>
      </c>
      <c r="J5690">
        <v>0</v>
      </c>
      <c r="K5690">
        <v>0</v>
      </c>
      <c r="L5690">
        <v>0</v>
      </c>
      <c r="M5690">
        <v>0</v>
      </c>
      <c r="N5690">
        <v>0</v>
      </c>
      <c r="O5690">
        <v>0</v>
      </c>
      <c r="P5690">
        <v>0</v>
      </c>
      <c r="Q5690">
        <v>0</v>
      </c>
      <c r="R5690">
        <v>0</v>
      </c>
      <c r="S5690">
        <v>0</v>
      </c>
      <c r="T5690" s="1">
        <v>45080.546875</v>
      </c>
    </row>
    <row r="5691" spans="1:20" x14ac:dyDescent="0.4">
      <c r="A5691">
        <v>342</v>
      </c>
      <c r="B5691">
        <v>2152</v>
      </c>
      <c r="C5691">
        <v>26</v>
      </c>
      <c r="D5691">
        <v>1</v>
      </c>
      <c r="E5691">
        <v>2152</v>
      </c>
      <c r="F5691" t="s">
        <v>906</v>
      </c>
      <c r="G5691">
        <v>691</v>
      </c>
      <c r="H5691">
        <v>0</v>
      </c>
      <c r="I5691">
        <v>0</v>
      </c>
      <c r="J5691">
        <v>0</v>
      </c>
      <c r="K5691">
        <v>0</v>
      </c>
      <c r="L5691">
        <v>0</v>
      </c>
      <c r="M5691">
        <v>0</v>
      </c>
      <c r="N5691">
        <v>0</v>
      </c>
      <c r="O5691">
        <v>0</v>
      </c>
      <c r="P5691">
        <v>0</v>
      </c>
      <c r="Q5691">
        <v>0</v>
      </c>
      <c r="R5691">
        <v>0</v>
      </c>
      <c r="S5691">
        <v>0</v>
      </c>
      <c r="T5691" s="1">
        <v>45080.546875</v>
      </c>
    </row>
    <row r="5692" spans="1:20" x14ac:dyDescent="0.4">
      <c r="A5692">
        <v>343</v>
      </c>
      <c r="B5692">
        <v>2153</v>
      </c>
      <c r="C5692">
        <v>26</v>
      </c>
      <c r="D5692">
        <v>1</v>
      </c>
      <c r="E5692">
        <v>2153</v>
      </c>
      <c r="F5692" t="s">
        <v>907</v>
      </c>
      <c r="G5692">
        <v>549</v>
      </c>
      <c r="H5692">
        <v>0</v>
      </c>
      <c r="I5692">
        <v>0</v>
      </c>
      <c r="J5692">
        <v>0</v>
      </c>
      <c r="K5692">
        <v>0</v>
      </c>
      <c r="L5692">
        <v>0</v>
      </c>
      <c r="M5692">
        <v>0</v>
      </c>
      <c r="N5692">
        <v>0</v>
      </c>
      <c r="O5692">
        <v>0</v>
      </c>
      <c r="P5692">
        <v>0</v>
      </c>
      <c r="Q5692">
        <v>0</v>
      </c>
      <c r="R5692">
        <v>0</v>
      </c>
      <c r="S5692">
        <v>0</v>
      </c>
      <c r="T5692" s="1">
        <v>45080.546875</v>
      </c>
    </row>
    <row r="5693" spans="1:20" x14ac:dyDescent="0.4">
      <c r="A5693">
        <v>344</v>
      </c>
      <c r="B5693">
        <v>2154</v>
      </c>
      <c r="C5693">
        <v>26</v>
      </c>
      <c r="D5693">
        <v>1</v>
      </c>
      <c r="E5693">
        <v>2154</v>
      </c>
      <c r="F5693" t="s">
        <v>908</v>
      </c>
      <c r="G5693">
        <v>768</v>
      </c>
      <c r="H5693">
        <v>0</v>
      </c>
      <c r="I5693">
        <v>0</v>
      </c>
      <c r="J5693">
        <v>0</v>
      </c>
      <c r="K5693">
        <v>0</v>
      </c>
      <c r="L5693">
        <v>0</v>
      </c>
      <c r="M5693">
        <v>0</v>
      </c>
      <c r="N5693">
        <v>0</v>
      </c>
      <c r="O5693">
        <v>0</v>
      </c>
      <c r="P5693">
        <v>0</v>
      </c>
      <c r="Q5693">
        <v>0</v>
      </c>
      <c r="R5693">
        <v>0</v>
      </c>
      <c r="S5693">
        <v>0</v>
      </c>
      <c r="T5693" s="1">
        <v>45080.546875</v>
      </c>
    </row>
    <row r="5694" spans="1:20" x14ac:dyDescent="0.4">
      <c r="A5694">
        <v>345</v>
      </c>
      <c r="B5694">
        <v>2155</v>
      </c>
      <c r="C5694">
        <v>26</v>
      </c>
      <c r="D5694">
        <v>1</v>
      </c>
      <c r="E5694">
        <v>2155</v>
      </c>
      <c r="F5694" t="s">
        <v>909</v>
      </c>
      <c r="G5694">
        <v>911</v>
      </c>
      <c r="H5694">
        <v>0</v>
      </c>
      <c r="I5694">
        <v>0</v>
      </c>
      <c r="J5694">
        <v>0</v>
      </c>
      <c r="K5694">
        <v>0</v>
      </c>
      <c r="L5694">
        <v>0</v>
      </c>
      <c r="M5694">
        <v>0</v>
      </c>
      <c r="N5694">
        <v>0</v>
      </c>
      <c r="O5694">
        <v>0</v>
      </c>
      <c r="P5694">
        <v>0</v>
      </c>
      <c r="Q5694">
        <v>0</v>
      </c>
      <c r="R5694">
        <v>0</v>
      </c>
      <c r="S5694">
        <v>0</v>
      </c>
      <c r="T5694" s="1">
        <v>45080.546875</v>
      </c>
    </row>
    <row r="5695" spans="1:20" x14ac:dyDescent="0.4">
      <c r="A5695">
        <v>346</v>
      </c>
      <c r="B5695">
        <v>2156</v>
      </c>
      <c r="C5695">
        <v>26</v>
      </c>
      <c r="D5695">
        <v>1</v>
      </c>
      <c r="E5695">
        <v>2156</v>
      </c>
      <c r="F5695" t="s">
        <v>910</v>
      </c>
      <c r="G5695">
        <v>658</v>
      </c>
      <c r="H5695">
        <v>0</v>
      </c>
      <c r="I5695">
        <v>0</v>
      </c>
      <c r="J5695">
        <v>0</v>
      </c>
      <c r="K5695">
        <v>0</v>
      </c>
      <c r="L5695">
        <v>0</v>
      </c>
      <c r="M5695">
        <v>0</v>
      </c>
      <c r="N5695">
        <v>0</v>
      </c>
      <c r="O5695">
        <v>0</v>
      </c>
      <c r="P5695">
        <v>0</v>
      </c>
      <c r="Q5695">
        <v>0</v>
      </c>
      <c r="R5695">
        <v>0</v>
      </c>
      <c r="S5695">
        <v>0</v>
      </c>
      <c r="T5695" s="1">
        <v>45080.546875</v>
      </c>
    </row>
    <row r="5696" spans="1:20" x14ac:dyDescent="0.4">
      <c r="A5696">
        <v>347</v>
      </c>
      <c r="B5696">
        <v>2171</v>
      </c>
      <c r="C5696">
        <v>27</v>
      </c>
      <c r="D5696">
        <v>1</v>
      </c>
      <c r="E5696">
        <v>2171</v>
      </c>
      <c r="F5696" t="s">
        <v>911</v>
      </c>
      <c r="G5696">
        <v>757</v>
      </c>
      <c r="H5696">
        <v>0</v>
      </c>
      <c r="I5696">
        <v>0</v>
      </c>
      <c r="J5696">
        <v>0</v>
      </c>
      <c r="K5696">
        <v>0</v>
      </c>
      <c r="L5696">
        <v>0</v>
      </c>
      <c r="M5696">
        <v>0</v>
      </c>
      <c r="N5696">
        <v>0</v>
      </c>
      <c r="O5696">
        <v>0</v>
      </c>
      <c r="P5696">
        <v>0</v>
      </c>
      <c r="Q5696">
        <v>0</v>
      </c>
      <c r="R5696">
        <v>0</v>
      </c>
      <c r="S5696">
        <v>0</v>
      </c>
      <c r="T5696" s="1">
        <v>45080.546875</v>
      </c>
    </row>
    <row r="5697" spans="1:20" x14ac:dyDescent="0.4">
      <c r="A5697">
        <v>348</v>
      </c>
      <c r="B5697">
        <v>2172</v>
      </c>
      <c r="C5697">
        <v>27</v>
      </c>
      <c r="D5697">
        <v>1</v>
      </c>
      <c r="E5697">
        <v>2172</v>
      </c>
      <c r="F5697" t="s">
        <v>912</v>
      </c>
      <c r="G5697">
        <v>768</v>
      </c>
      <c r="H5697">
        <v>0</v>
      </c>
      <c r="I5697">
        <v>0</v>
      </c>
      <c r="J5697">
        <v>0</v>
      </c>
      <c r="K5697">
        <v>0</v>
      </c>
      <c r="L5697">
        <v>0</v>
      </c>
      <c r="M5697">
        <v>0</v>
      </c>
      <c r="N5697">
        <v>0</v>
      </c>
      <c r="O5697">
        <v>0</v>
      </c>
      <c r="P5697">
        <v>0</v>
      </c>
      <c r="Q5697">
        <v>0</v>
      </c>
      <c r="R5697">
        <v>0</v>
      </c>
      <c r="S5697">
        <v>0</v>
      </c>
      <c r="T5697" s="1">
        <v>45080.546875</v>
      </c>
    </row>
    <row r="5698" spans="1:20" x14ac:dyDescent="0.4">
      <c r="A5698">
        <v>349</v>
      </c>
      <c r="B5698">
        <v>2173</v>
      </c>
      <c r="C5698">
        <v>27</v>
      </c>
      <c r="D5698">
        <v>1</v>
      </c>
      <c r="E5698">
        <v>2173</v>
      </c>
      <c r="F5698" t="s">
        <v>913</v>
      </c>
      <c r="G5698">
        <v>845</v>
      </c>
      <c r="H5698">
        <v>0</v>
      </c>
      <c r="I5698">
        <v>0</v>
      </c>
      <c r="J5698">
        <v>0</v>
      </c>
      <c r="K5698">
        <v>0</v>
      </c>
      <c r="L5698">
        <v>0</v>
      </c>
      <c r="M5698">
        <v>0</v>
      </c>
      <c r="N5698">
        <v>0</v>
      </c>
      <c r="O5698">
        <v>0</v>
      </c>
      <c r="P5698">
        <v>0</v>
      </c>
      <c r="Q5698">
        <v>0</v>
      </c>
      <c r="R5698">
        <v>0</v>
      </c>
      <c r="S5698">
        <v>0</v>
      </c>
      <c r="T5698" s="1">
        <v>45080.546875</v>
      </c>
    </row>
    <row r="5699" spans="1:20" x14ac:dyDescent="0.4">
      <c r="A5699">
        <v>350</v>
      </c>
      <c r="B5699">
        <v>2174</v>
      </c>
      <c r="C5699">
        <v>27</v>
      </c>
      <c r="D5699">
        <v>1</v>
      </c>
      <c r="E5699">
        <v>2174</v>
      </c>
      <c r="F5699" t="s">
        <v>914</v>
      </c>
      <c r="G5699">
        <v>658</v>
      </c>
      <c r="H5699">
        <v>0</v>
      </c>
      <c r="I5699">
        <v>0</v>
      </c>
      <c r="J5699">
        <v>0</v>
      </c>
      <c r="K5699">
        <v>0</v>
      </c>
      <c r="L5699">
        <v>0</v>
      </c>
      <c r="M5699">
        <v>0</v>
      </c>
      <c r="N5699">
        <v>0</v>
      </c>
      <c r="O5699">
        <v>0</v>
      </c>
      <c r="P5699">
        <v>0</v>
      </c>
      <c r="Q5699">
        <v>0</v>
      </c>
      <c r="R5699">
        <v>0</v>
      </c>
      <c r="S5699">
        <v>0</v>
      </c>
      <c r="T5699" s="1">
        <v>45080.546875</v>
      </c>
    </row>
    <row r="5700" spans="1:20" x14ac:dyDescent="0.4">
      <c r="A5700">
        <v>351</v>
      </c>
      <c r="B5700">
        <v>2175</v>
      </c>
      <c r="C5700">
        <v>27</v>
      </c>
      <c r="D5700">
        <v>1</v>
      </c>
      <c r="E5700">
        <v>2175</v>
      </c>
      <c r="F5700" t="s">
        <v>915</v>
      </c>
      <c r="G5700">
        <v>691</v>
      </c>
      <c r="H5700">
        <v>0</v>
      </c>
      <c r="I5700">
        <v>0</v>
      </c>
      <c r="J5700">
        <v>0</v>
      </c>
      <c r="K5700">
        <v>0</v>
      </c>
      <c r="L5700">
        <v>0</v>
      </c>
      <c r="M5700">
        <v>0</v>
      </c>
      <c r="N5700">
        <v>0</v>
      </c>
      <c r="O5700">
        <v>0</v>
      </c>
      <c r="P5700">
        <v>0</v>
      </c>
      <c r="Q5700">
        <v>0</v>
      </c>
      <c r="R5700">
        <v>0</v>
      </c>
      <c r="S5700">
        <v>0</v>
      </c>
      <c r="T5700" s="1">
        <v>45080.546875</v>
      </c>
    </row>
    <row r="5701" spans="1:20" x14ac:dyDescent="0.4">
      <c r="A5701">
        <v>352</v>
      </c>
      <c r="B5701">
        <v>2176</v>
      </c>
      <c r="C5701">
        <v>27</v>
      </c>
      <c r="D5701">
        <v>1</v>
      </c>
      <c r="E5701">
        <v>2176</v>
      </c>
      <c r="F5701" t="s">
        <v>916</v>
      </c>
      <c r="G5701">
        <v>911</v>
      </c>
      <c r="H5701">
        <v>0</v>
      </c>
      <c r="I5701">
        <v>0</v>
      </c>
      <c r="J5701">
        <v>0</v>
      </c>
      <c r="K5701">
        <v>0</v>
      </c>
      <c r="L5701">
        <v>0</v>
      </c>
      <c r="M5701">
        <v>0</v>
      </c>
      <c r="N5701">
        <v>0</v>
      </c>
      <c r="O5701">
        <v>0</v>
      </c>
      <c r="P5701">
        <v>0</v>
      </c>
      <c r="Q5701">
        <v>0</v>
      </c>
      <c r="R5701">
        <v>0</v>
      </c>
      <c r="S5701">
        <v>0</v>
      </c>
      <c r="T5701" s="1">
        <v>45080.546875</v>
      </c>
    </row>
    <row r="5702" spans="1:20" x14ac:dyDescent="0.4">
      <c r="A5702">
        <v>353</v>
      </c>
      <c r="B5702">
        <v>2177</v>
      </c>
      <c r="C5702">
        <v>27</v>
      </c>
      <c r="D5702">
        <v>1</v>
      </c>
      <c r="E5702">
        <v>2177</v>
      </c>
      <c r="F5702" t="s">
        <v>917</v>
      </c>
      <c r="G5702">
        <v>1309</v>
      </c>
      <c r="H5702">
        <v>0</v>
      </c>
      <c r="I5702">
        <v>0</v>
      </c>
      <c r="J5702">
        <v>0</v>
      </c>
      <c r="K5702">
        <v>0</v>
      </c>
      <c r="L5702">
        <v>0</v>
      </c>
      <c r="M5702">
        <v>0</v>
      </c>
      <c r="N5702">
        <v>0</v>
      </c>
      <c r="O5702">
        <v>0</v>
      </c>
      <c r="P5702">
        <v>0</v>
      </c>
      <c r="Q5702">
        <v>0</v>
      </c>
      <c r="R5702">
        <v>0</v>
      </c>
      <c r="S5702">
        <v>0</v>
      </c>
      <c r="T5702" s="1">
        <v>45080.546875</v>
      </c>
    </row>
    <row r="5703" spans="1:20" x14ac:dyDescent="0.4">
      <c r="A5703">
        <v>354</v>
      </c>
      <c r="B5703">
        <v>2178</v>
      </c>
      <c r="C5703">
        <v>27</v>
      </c>
      <c r="D5703">
        <v>1</v>
      </c>
      <c r="E5703">
        <v>2178</v>
      </c>
      <c r="F5703" t="s">
        <v>918</v>
      </c>
      <c r="G5703">
        <v>1848</v>
      </c>
      <c r="H5703">
        <v>0</v>
      </c>
      <c r="I5703">
        <v>0</v>
      </c>
      <c r="J5703">
        <v>0</v>
      </c>
      <c r="K5703">
        <v>0</v>
      </c>
      <c r="L5703">
        <v>0</v>
      </c>
      <c r="M5703">
        <v>0</v>
      </c>
      <c r="N5703">
        <v>0</v>
      </c>
      <c r="O5703">
        <v>0</v>
      </c>
      <c r="P5703">
        <v>0</v>
      </c>
      <c r="Q5703">
        <v>0</v>
      </c>
      <c r="R5703">
        <v>0</v>
      </c>
      <c r="S5703">
        <v>0</v>
      </c>
      <c r="T5703" s="1">
        <v>45080.546875</v>
      </c>
    </row>
    <row r="5704" spans="1:20" x14ac:dyDescent="0.4">
      <c r="A5704">
        <v>355</v>
      </c>
      <c r="B5704">
        <v>2179</v>
      </c>
      <c r="C5704">
        <v>27</v>
      </c>
      <c r="D5704">
        <v>1</v>
      </c>
      <c r="E5704">
        <v>2179</v>
      </c>
      <c r="F5704" t="s">
        <v>919</v>
      </c>
      <c r="G5704">
        <v>2618</v>
      </c>
      <c r="H5704">
        <v>0</v>
      </c>
      <c r="I5704">
        <v>0</v>
      </c>
      <c r="J5704">
        <v>0</v>
      </c>
      <c r="K5704">
        <v>0</v>
      </c>
      <c r="L5704">
        <v>0</v>
      </c>
      <c r="M5704">
        <v>0</v>
      </c>
      <c r="N5704">
        <v>0</v>
      </c>
      <c r="O5704">
        <v>0</v>
      </c>
      <c r="P5704">
        <v>0</v>
      </c>
      <c r="Q5704">
        <v>0</v>
      </c>
      <c r="R5704">
        <v>0</v>
      </c>
      <c r="S5704">
        <v>0</v>
      </c>
      <c r="T5704" s="1">
        <v>45080.546875</v>
      </c>
    </row>
    <row r="5705" spans="1:20" x14ac:dyDescent="0.4">
      <c r="A5705">
        <v>356</v>
      </c>
      <c r="B5705">
        <v>2180</v>
      </c>
      <c r="C5705">
        <v>27</v>
      </c>
      <c r="D5705">
        <v>1</v>
      </c>
      <c r="E5705">
        <v>2180</v>
      </c>
      <c r="F5705" t="s">
        <v>920</v>
      </c>
      <c r="G5705">
        <v>825</v>
      </c>
      <c r="H5705">
        <v>0</v>
      </c>
      <c r="I5705">
        <v>0</v>
      </c>
      <c r="J5705">
        <v>0</v>
      </c>
      <c r="K5705">
        <v>0</v>
      </c>
      <c r="L5705">
        <v>0</v>
      </c>
      <c r="M5705">
        <v>0</v>
      </c>
      <c r="N5705">
        <v>0</v>
      </c>
      <c r="O5705">
        <v>0</v>
      </c>
      <c r="P5705">
        <v>0</v>
      </c>
      <c r="Q5705">
        <v>0</v>
      </c>
      <c r="R5705">
        <v>0</v>
      </c>
      <c r="S5705">
        <v>0</v>
      </c>
      <c r="T5705" s="1">
        <v>45080.546875</v>
      </c>
    </row>
    <row r="5706" spans="1:20" x14ac:dyDescent="0.4">
      <c r="A5706">
        <v>357</v>
      </c>
      <c r="B5706">
        <v>2201</v>
      </c>
      <c r="C5706">
        <v>28</v>
      </c>
      <c r="D5706">
        <v>1</v>
      </c>
      <c r="E5706">
        <v>2201</v>
      </c>
      <c r="F5706" t="s">
        <v>921</v>
      </c>
      <c r="G5706">
        <v>900</v>
      </c>
      <c r="H5706">
        <v>0</v>
      </c>
      <c r="I5706">
        <v>0</v>
      </c>
      <c r="J5706">
        <v>0</v>
      </c>
      <c r="K5706">
        <v>0</v>
      </c>
      <c r="L5706">
        <v>0</v>
      </c>
      <c r="M5706">
        <v>0</v>
      </c>
      <c r="N5706">
        <v>0</v>
      </c>
      <c r="O5706">
        <v>0</v>
      </c>
      <c r="P5706">
        <v>0</v>
      </c>
      <c r="Q5706">
        <v>0</v>
      </c>
      <c r="R5706">
        <v>0</v>
      </c>
      <c r="S5706">
        <v>0</v>
      </c>
      <c r="T5706" s="1">
        <v>45080.546875</v>
      </c>
    </row>
    <row r="5707" spans="1:20" x14ac:dyDescent="0.4">
      <c r="A5707">
        <v>358</v>
      </c>
      <c r="B5707">
        <v>2202</v>
      </c>
      <c r="C5707">
        <v>28</v>
      </c>
      <c r="D5707">
        <v>1</v>
      </c>
      <c r="E5707">
        <v>2202</v>
      </c>
      <c r="F5707" t="s">
        <v>900</v>
      </c>
      <c r="G5707">
        <v>512</v>
      </c>
      <c r="H5707">
        <v>0</v>
      </c>
      <c r="I5707">
        <v>0</v>
      </c>
      <c r="J5707">
        <v>0</v>
      </c>
      <c r="K5707">
        <v>0</v>
      </c>
      <c r="L5707">
        <v>0</v>
      </c>
      <c r="M5707">
        <v>0</v>
      </c>
      <c r="N5707">
        <v>0</v>
      </c>
      <c r="O5707">
        <v>0</v>
      </c>
      <c r="P5707">
        <v>0</v>
      </c>
      <c r="Q5707">
        <v>0</v>
      </c>
      <c r="R5707">
        <v>0</v>
      </c>
      <c r="S5707">
        <v>0</v>
      </c>
      <c r="T5707" s="1">
        <v>45080.546875</v>
      </c>
    </row>
    <row r="5708" spans="1:20" x14ac:dyDescent="0.4">
      <c r="A5708">
        <v>359</v>
      </c>
      <c r="B5708">
        <v>2203</v>
      </c>
      <c r="C5708">
        <v>28</v>
      </c>
      <c r="D5708">
        <v>1</v>
      </c>
      <c r="E5708">
        <v>2203</v>
      </c>
      <c r="F5708" t="s">
        <v>901</v>
      </c>
      <c r="G5708">
        <v>317</v>
      </c>
      <c r="H5708">
        <v>0</v>
      </c>
      <c r="I5708">
        <v>0</v>
      </c>
      <c r="J5708">
        <v>0</v>
      </c>
      <c r="K5708">
        <v>0</v>
      </c>
      <c r="L5708">
        <v>0</v>
      </c>
      <c r="M5708">
        <v>0</v>
      </c>
      <c r="N5708">
        <v>0</v>
      </c>
      <c r="O5708">
        <v>0</v>
      </c>
      <c r="P5708">
        <v>0</v>
      </c>
      <c r="Q5708">
        <v>0</v>
      </c>
      <c r="R5708">
        <v>0</v>
      </c>
      <c r="S5708">
        <v>0</v>
      </c>
      <c r="T5708" s="1">
        <v>45080.546875</v>
      </c>
    </row>
    <row r="5709" spans="1:20" x14ac:dyDescent="0.4">
      <c r="A5709">
        <v>360</v>
      </c>
      <c r="B5709">
        <v>2204</v>
      </c>
      <c r="C5709">
        <v>28</v>
      </c>
      <c r="D5709">
        <v>1</v>
      </c>
      <c r="E5709">
        <v>2204</v>
      </c>
      <c r="F5709" t="s">
        <v>922</v>
      </c>
      <c r="G5709">
        <v>460</v>
      </c>
      <c r="H5709">
        <v>0</v>
      </c>
      <c r="I5709">
        <v>0</v>
      </c>
      <c r="J5709">
        <v>0</v>
      </c>
      <c r="K5709">
        <v>0</v>
      </c>
      <c r="L5709">
        <v>0</v>
      </c>
      <c r="M5709">
        <v>0</v>
      </c>
      <c r="N5709">
        <v>0</v>
      </c>
      <c r="O5709">
        <v>0</v>
      </c>
      <c r="P5709">
        <v>0</v>
      </c>
      <c r="Q5709">
        <v>0</v>
      </c>
      <c r="R5709">
        <v>0</v>
      </c>
      <c r="S5709">
        <v>0</v>
      </c>
      <c r="T5709" s="1">
        <v>45080.546875</v>
      </c>
    </row>
    <row r="5710" spans="1:20" x14ac:dyDescent="0.4">
      <c r="A5710">
        <v>361</v>
      </c>
      <c r="B5710">
        <v>2205</v>
      </c>
      <c r="C5710">
        <v>28</v>
      </c>
      <c r="D5710">
        <v>1</v>
      </c>
      <c r="E5710">
        <v>2205</v>
      </c>
      <c r="F5710" t="s">
        <v>923</v>
      </c>
      <c r="G5710">
        <v>512</v>
      </c>
      <c r="H5710">
        <v>0</v>
      </c>
      <c r="I5710">
        <v>0</v>
      </c>
      <c r="J5710">
        <v>0</v>
      </c>
      <c r="K5710">
        <v>0</v>
      </c>
      <c r="L5710">
        <v>0</v>
      </c>
      <c r="M5710">
        <v>0</v>
      </c>
      <c r="N5710">
        <v>0</v>
      </c>
      <c r="O5710">
        <v>0</v>
      </c>
      <c r="P5710">
        <v>0</v>
      </c>
      <c r="Q5710">
        <v>0</v>
      </c>
      <c r="R5710">
        <v>0</v>
      </c>
      <c r="S5710">
        <v>0</v>
      </c>
      <c r="T5710" s="1">
        <v>45080.546875</v>
      </c>
    </row>
    <row r="5711" spans="1:20" x14ac:dyDescent="0.4">
      <c r="A5711">
        <v>362</v>
      </c>
      <c r="B5711">
        <v>2206</v>
      </c>
      <c r="C5711">
        <v>28</v>
      </c>
      <c r="D5711">
        <v>1</v>
      </c>
      <c r="E5711">
        <v>2206</v>
      </c>
      <c r="F5711" t="s">
        <v>924</v>
      </c>
      <c r="G5711">
        <v>449</v>
      </c>
      <c r="H5711">
        <v>0</v>
      </c>
      <c r="I5711">
        <v>0</v>
      </c>
      <c r="J5711">
        <v>0</v>
      </c>
      <c r="K5711">
        <v>0</v>
      </c>
      <c r="L5711">
        <v>0</v>
      </c>
      <c r="M5711">
        <v>0</v>
      </c>
      <c r="N5711">
        <v>0</v>
      </c>
      <c r="O5711">
        <v>0</v>
      </c>
      <c r="P5711">
        <v>0</v>
      </c>
      <c r="Q5711">
        <v>0</v>
      </c>
      <c r="R5711">
        <v>0</v>
      </c>
      <c r="S5711">
        <v>0</v>
      </c>
      <c r="T5711" s="1">
        <v>45080.546875</v>
      </c>
    </row>
    <row r="5712" spans="1:20" x14ac:dyDescent="0.4">
      <c r="A5712">
        <v>363</v>
      </c>
      <c r="B5712">
        <v>2207</v>
      </c>
      <c r="C5712">
        <v>28</v>
      </c>
      <c r="D5712">
        <v>1</v>
      </c>
      <c r="E5712">
        <v>2207</v>
      </c>
      <c r="F5712" t="s">
        <v>899</v>
      </c>
      <c r="G5712">
        <v>307</v>
      </c>
      <c r="H5712">
        <v>0</v>
      </c>
      <c r="I5712">
        <v>0</v>
      </c>
      <c r="J5712">
        <v>0</v>
      </c>
      <c r="K5712">
        <v>0</v>
      </c>
      <c r="L5712">
        <v>0</v>
      </c>
      <c r="M5712">
        <v>0</v>
      </c>
      <c r="N5712">
        <v>0</v>
      </c>
      <c r="O5712">
        <v>0</v>
      </c>
      <c r="P5712">
        <v>0</v>
      </c>
      <c r="Q5712">
        <v>0</v>
      </c>
      <c r="R5712">
        <v>0</v>
      </c>
      <c r="S5712">
        <v>0</v>
      </c>
      <c r="T5712" s="1">
        <v>45080.546875</v>
      </c>
    </row>
    <row r="5713" spans="1:20" x14ac:dyDescent="0.4">
      <c r="A5713">
        <v>364</v>
      </c>
      <c r="B5713">
        <v>2208</v>
      </c>
      <c r="C5713">
        <v>28</v>
      </c>
      <c r="D5713">
        <v>1</v>
      </c>
      <c r="E5713">
        <v>2208</v>
      </c>
      <c r="F5713" t="s">
        <v>925</v>
      </c>
      <c r="G5713">
        <v>1098</v>
      </c>
      <c r="H5713">
        <v>0</v>
      </c>
      <c r="I5713">
        <v>0</v>
      </c>
      <c r="J5713">
        <v>0</v>
      </c>
      <c r="K5713">
        <v>0</v>
      </c>
      <c r="L5713">
        <v>0</v>
      </c>
      <c r="M5713">
        <v>0</v>
      </c>
      <c r="N5713">
        <v>0</v>
      </c>
      <c r="O5713">
        <v>0</v>
      </c>
      <c r="P5713">
        <v>0</v>
      </c>
      <c r="Q5713">
        <v>0</v>
      </c>
      <c r="R5713">
        <v>0</v>
      </c>
      <c r="S5713">
        <v>0</v>
      </c>
      <c r="T5713" s="1">
        <v>45080.546875</v>
      </c>
    </row>
    <row r="5714" spans="1:20" x14ac:dyDescent="0.4">
      <c r="A5714">
        <v>365</v>
      </c>
      <c r="B5714">
        <v>2209</v>
      </c>
      <c r="C5714">
        <v>28</v>
      </c>
      <c r="D5714">
        <v>1</v>
      </c>
      <c r="E5714">
        <v>2209</v>
      </c>
      <c r="F5714" t="s">
        <v>926</v>
      </c>
      <c r="G5714">
        <v>1098</v>
      </c>
      <c r="H5714">
        <v>0</v>
      </c>
      <c r="I5714">
        <v>0</v>
      </c>
      <c r="J5714">
        <v>0</v>
      </c>
      <c r="K5714">
        <v>0</v>
      </c>
      <c r="L5714">
        <v>0</v>
      </c>
      <c r="M5714">
        <v>0</v>
      </c>
      <c r="N5714">
        <v>0</v>
      </c>
      <c r="O5714">
        <v>0</v>
      </c>
      <c r="P5714">
        <v>0</v>
      </c>
      <c r="Q5714">
        <v>0</v>
      </c>
      <c r="R5714">
        <v>0</v>
      </c>
      <c r="S5714">
        <v>0</v>
      </c>
      <c r="T5714" s="1">
        <v>45080.546875</v>
      </c>
    </row>
    <row r="5715" spans="1:20" x14ac:dyDescent="0.4">
      <c r="A5715">
        <v>366</v>
      </c>
      <c r="B5715">
        <v>2210</v>
      </c>
      <c r="C5715">
        <v>28</v>
      </c>
      <c r="D5715">
        <v>1</v>
      </c>
      <c r="E5715">
        <v>2210</v>
      </c>
      <c r="F5715" t="s">
        <v>927</v>
      </c>
      <c r="G5715">
        <v>504</v>
      </c>
      <c r="H5715">
        <v>0</v>
      </c>
      <c r="I5715">
        <v>0</v>
      </c>
      <c r="J5715">
        <v>0</v>
      </c>
      <c r="K5715">
        <v>0</v>
      </c>
      <c r="L5715">
        <v>0</v>
      </c>
      <c r="M5715">
        <v>0</v>
      </c>
      <c r="N5715">
        <v>0</v>
      </c>
      <c r="O5715">
        <v>0</v>
      </c>
      <c r="P5715">
        <v>0</v>
      </c>
      <c r="Q5715">
        <v>0</v>
      </c>
      <c r="R5715">
        <v>0</v>
      </c>
      <c r="S5715">
        <v>0</v>
      </c>
      <c r="T5715" s="1">
        <v>45080.546875</v>
      </c>
    </row>
    <row r="5716" spans="1:20" x14ac:dyDescent="0.4">
      <c r="A5716">
        <v>367</v>
      </c>
      <c r="B5716">
        <v>2211</v>
      </c>
      <c r="C5716">
        <v>28</v>
      </c>
      <c r="D5716">
        <v>1</v>
      </c>
      <c r="E5716">
        <v>2211</v>
      </c>
      <c r="F5716" t="s">
        <v>928</v>
      </c>
      <c r="G5716">
        <v>196</v>
      </c>
      <c r="H5716">
        <v>0</v>
      </c>
      <c r="I5716">
        <v>0</v>
      </c>
      <c r="J5716">
        <v>0</v>
      </c>
      <c r="K5716">
        <v>0</v>
      </c>
      <c r="L5716">
        <v>0</v>
      </c>
      <c r="M5716">
        <v>0</v>
      </c>
      <c r="N5716">
        <v>0</v>
      </c>
      <c r="O5716">
        <v>0</v>
      </c>
      <c r="P5716">
        <v>0</v>
      </c>
      <c r="Q5716">
        <v>0</v>
      </c>
      <c r="R5716">
        <v>0</v>
      </c>
      <c r="S5716">
        <v>0</v>
      </c>
      <c r="T5716" s="1">
        <v>45080.546875</v>
      </c>
    </row>
    <row r="5717" spans="1:20" x14ac:dyDescent="0.4">
      <c r="A5717">
        <v>368</v>
      </c>
      <c r="B5717">
        <v>2212</v>
      </c>
      <c r="C5717">
        <v>28</v>
      </c>
      <c r="D5717">
        <v>1</v>
      </c>
      <c r="E5717">
        <v>2212</v>
      </c>
      <c r="F5717" t="s">
        <v>929</v>
      </c>
      <c r="G5717">
        <v>196</v>
      </c>
      <c r="H5717">
        <v>0</v>
      </c>
      <c r="I5717">
        <v>0</v>
      </c>
      <c r="J5717">
        <v>0</v>
      </c>
      <c r="K5717">
        <v>0</v>
      </c>
      <c r="L5717">
        <v>0</v>
      </c>
      <c r="M5717">
        <v>0</v>
      </c>
      <c r="N5717">
        <v>0</v>
      </c>
      <c r="O5717">
        <v>0</v>
      </c>
      <c r="P5717">
        <v>0</v>
      </c>
      <c r="Q5717">
        <v>0</v>
      </c>
      <c r="R5717">
        <v>0</v>
      </c>
      <c r="S5717">
        <v>0</v>
      </c>
      <c r="T5717" s="1">
        <v>45080.546875</v>
      </c>
    </row>
    <row r="5718" spans="1:20" x14ac:dyDescent="0.4">
      <c r="A5718">
        <v>369</v>
      </c>
      <c r="B5718">
        <v>2213</v>
      </c>
      <c r="C5718">
        <v>28</v>
      </c>
      <c r="D5718">
        <v>1</v>
      </c>
      <c r="E5718">
        <v>2213</v>
      </c>
      <c r="F5718" t="s">
        <v>930</v>
      </c>
      <c r="G5718">
        <v>185</v>
      </c>
      <c r="H5718">
        <v>0</v>
      </c>
      <c r="I5718">
        <v>0</v>
      </c>
      <c r="J5718">
        <v>0</v>
      </c>
      <c r="K5718">
        <v>0</v>
      </c>
      <c r="L5718">
        <v>0</v>
      </c>
      <c r="M5718">
        <v>0</v>
      </c>
      <c r="N5718">
        <v>0</v>
      </c>
      <c r="O5718">
        <v>0</v>
      </c>
      <c r="P5718">
        <v>0</v>
      </c>
      <c r="Q5718">
        <v>0</v>
      </c>
      <c r="R5718">
        <v>0</v>
      </c>
      <c r="S5718">
        <v>0</v>
      </c>
      <c r="T5718" s="1">
        <v>45080.546875</v>
      </c>
    </row>
    <row r="5719" spans="1:20" x14ac:dyDescent="0.4">
      <c r="A5719">
        <v>370</v>
      </c>
      <c r="B5719">
        <v>2214</v>
      </c>
      <c r="C5719">
        <v>28</v>
      </c>
      <c r="D5719">
        <v>1</v>
      </c>
      <c r="E5719">
        <v>2214</v>
      </c>
      <c r="F5719" t="s">
        <v>931</v>
      </c>
      <c r="G5719">
        <v>185</v>
      </c>
      <c r="H5719">
        <v>0</v>
      </c>
      <c r="I5719">
        <v>0</v>
      </c>
      <c r="J5719">
        <v>0</v>
      </c>
      <c r="K5719">
        <v>0</v>
      </c>
      <c r="L5719">
        <v>0</v>
      </c>
      <c r="M5719">
        <v>0</v>
      </c>
      <c r="N5719">
        <v>0</v>
      </c>
      <c r="O5719">
        <v>0</v>
      </c>
      <c r="P5719">
        <v>0</v>
      </c>
      <c r="Q5719">
        <v>0</v>
      </c>
      <c r="R5719">
        <v>0</v>
      </c>
      <c r="S5719">
        <v>0</v>
      </c>
      <c r="T5719" s="1">
        <v>45080.546875</v>
      </c>
    </row>
    <row r="5720" spans="1:20" x14ac:dyDescent="0.4">
      <c r="A5720">
        <v>371</v>
      </c>
      <c r="B5720">
        <v>2215</v>
      </c>
      <c r="C5720">
        <v>28</v>
      </c>
      <c r="D5720">
        <v>1</v>
      </c>
      <c r="E5720">
        <v>2215</v>
      </c>
      <c r="F5720" t="s">
        <v>932</v>
      </c>
      <c r="G5720">
        <v>240</v>
      </c>
      <c r="H5720">
        <v>0</v>
      </c>
      <c r="I5720">
        <v>0</v>
      </c>
      <c r="J5720">
        <v>0</v>
      </c>
      <c r="K5720">
        <v>0</v>
      </c>
      <c r="L5720">
        <v>0</v>
      </c>
      <c r="M5720">
        <v>0</v>
      </c>
      <c r="N5720">
        <v>0</v>
      </c>
      <c r="O5720">
        <v>0</v>
      </c>
      <c r="P5720">
        <v>0</v>
      </c>
      <c r="Q5720">
        <v>0</v>
      </c>
      <c r="R5720">
        <v>0</v>
      </c>
      <c r="S5720">
        <v>0</v>
      </c>
      <c r="T5720" s="1">
        <v>45080.546875</v>
      </c>
    </row>
    <row r="5721" spans="1:20" x14ac:dyDescent="0.4">
      <c r="A5721">
        <v>372</v>
      </c>
      <c r="B5721">
        <v>2216</v>
      </c>
      <c r="C5721">
        <v>28</v>
      </c>
      <c r="D5721">
        <v>1</v>
      </c>
      <c r="E5721">
        <v>2216</v>
      </c>
      <c r="F5721" t="s">
        <v>933</v>
      </c>
      <c r="G5721">
        <v>240</v>
      </c>
      <c r="H5721">
        <v>0</v>
      </c>
      <c r="I5721">
        <v>0</v>
      </c>
      <c r="J5721">
        <v>0</v>
      </c>
      <c r="K5721">
        <v>0</v>
      </c>
      <c r="L5721">
        <v>0</v>
      </c>
      <c r="M5721">
        <v>0</v>
      </c>
      <c r="N5721">
        <v>0</v>
      </c>
      <c r="O5721">
        <v>0</v>
      </c>
      <c r="P5721">
        <v>0</v>
      </c>
      <c r="Q5721">
        <v>0</v>
      </c>
      <c r="R5721">
        <v>0</v>
      </c>
      <c r="S5721">
        <v>0</v>
      </c>
      <c r="T5721" s="1">
        <v>45080.546875</v>
      </c>
    </row>
    <row r="5722" spans="1:20" x14ac:dyDescent="0.4">
      <c r="A5722">
        <v>373</v>
      </c>
      <c r="B5722">
        <v>2217</v>
      </c>
      <c r="C5722">
        <v>28</v>
      </c>
      <c r="D5722">
        <v>1</v>
      </c>
      <c r="E5722">
        <v>2217</v>
      </c>
      <c r="F5722" t="s">
        <v>934</v>
      </c>
      <c r="G5722">
        <v>240</v>
      </c>
      <c r="H5722">
        <v>0</v>
      </c>
      <c r="I5722">
        <v>0</v>
      </c>
      <c r="J5722">
        <v>0</v>
      </c>
      <c r="K5722">
        <v>0</v>
      </c>
      <c r="L5722">
        <v>0</v>
      </c>
      <c r="M5722">
        <v>0</v>
      </c>
      <c r="N5722">
        <v>0</v>
      </c>
      <c r="O5722">
        <v>0</v>
      </c>
      <c r="P5722">
        <v>0</v>
      </c>
      <c r="Q5722">
        <v>0</v>
      </c>
      <c r="R5722">
        <v>0</v>
      </c>
      <c r="S5722">
        <v>0</v>
      </c>
      <c r="T5722" s="1">
        <v>45080.546875</v>
      </c>
    </row>
    <row r="5723" spans="1:20" x14ac:dyDescent="0.4">
      <c r="A5723">
        <v>374</v>
      </c>
      <c r="B5723">
        <v>2218</v>
      </c>
      <c r="C5723">
        <v>28</v>
      </c>
      <c r="D5723">
        <v>1</v>
      </c>
      <c r="E5723">
        <v>2218</v>
      </c>
      <c r="F5723" t="s">
        <v>935</v>
      </c>
      <c r="G5723">
        <v>253</v>
      </c>
      <c r="H5723">
        <v>0</v>
      </c>
      <c r="I5723">
        <v>0</v>
      </c>
      <c r="J5723">
        <v>0</v>
      </c>
      <c r="K5723">
        <v>0</v>
      </c>
      <c r="L5723">
        <v>0</v>
      </c>
      <c r="M5723">
        <v>0</v>
      </c>
      <c r="N5723">
        <v>0</v>
      </c>
      <c r="O5723">
        <v>0</v>
      </c>
      <c r="P5723">
        <v>0</v>
      </c>
      <c r="Q5723">
        <v>0</v>
      </c>
      <c r="R5723">
        <v>0</v>
      </c>
      <c r="S5723">
        <v>0</v>
      </c>
      <c r="T5723" s="1">
        <v>45080.546875</v>
      </c>
    </row>
    <row r="5724" spans="1:20" x14ac:dyDescent="0.4">
      <c r="A5724">
        <v>375</v>
      </c>
      <c r="B5724">
        <v>2219</v>
      </c>
      <c r="C5724">
        <v>28</v>
      </c>
      <c r="D5724">
        <v>1</v>
      </c>
      <c r="E5724">
        <v>2219</v>
      </c>
      <c r="F5724" t="s">
        <v>936</v>
      </c>
      <c r="G5724">
        <v>218</v>
      </c>
      <c r="H5724">
        <v>0</v>
      </c>
      <c r="I5724">
        <v>0</v>
      </c>
      <c r="J5724">
        <v>0</v>
      </c>
      <c r="K5724">
        <v>0</v>
      </c>
      <c r="L5724">
        <v>0</v>
      </c>
      <c r="M5724">
        <v>0</v>
      </c>
      <c r="N5724">
        <v>0</v>
      </c>
      <c r="O5724">
        <v>0</v>
      </c>
      <c r="P5724">
        <v>0</v>
      </c>
      <c r="Q5724">
        <v>0</v>
      </c>
      <c r="R5724">
        <v>0</v>
      </c>
      <c r="S5724">
        <v>0</v>
      </c>
      <c r="T5724" s="1">
        <v>45080.546875</v>
      </c>
    </row>
    <row r="5725" spans="1:20" x14ac:dyDescent="0.4">
      <c r="A5725">
        <v>376</v>
      </c>
      <c r="B5725">
        <v>2220</v>
      </c>
      <c r="C5725">
        <v>28</v>
      </c>
      <c r="D5725">
        <v>1</v>
      </c>
      <c r="E5725">
        <v>2220</v>
      </c>
      <c r="F5725" t="s">
        <v>937</v>
      </c>
      <c r="G5725">
        <v>229</v>
      </c>
      <c r="H5725">
        <v>0</v>
      </c>
      <c r="I5725">
        <v>0</v>
      </c>
      <c r="J5725">
        <v>0</v>
      </c>
      <c r="K5725">
        <v>0</v>
      </c>
      <c r="L5725">
        <v>0</v>
      </c>
      <c r="M5725">
        <v>0</v>
      </c>
      <c r="N5725">
        <v>0</v>
      </c>
      <c r="O5725">
        <v>0</v>
      </c>
      <c r="P5725">
        <v>0</v>
      </c>
      <c r="Q5725">
        <v>0</v>
      </c>
      <c r="R5725">
        <v>0</v>
      </c>
      <c r="S5725">
        <v>0</v>
      </c>
      <c r="T5725" s="1">
        <v>45080.546875</v>
      </c>
    </row>
    <row r="5726" spans="1:20" x14ac:dyDescent="0.4">
      <c r="A5726">
        <v>377</v>
      </c>
      <c r="B5726">
        <v>2221</v>
      </c>
      <c r="C5726">
        <v>28</v>
      </c>
      <c r="D5726">
        <v>1</v>
      </c>
      <c r="E5726">
        <v>2221</v>
      </c>
      <c r="F5726" t="s">
        <v>938</v>
      </c>
      <c r="G5726">
        <v>229</v>
      </c>
      <c r="H5726">
        <v>0</v>
      </c>
      <c r="I5726">
        <v>0</v>
      </c>
      <c r="J5726">
        <v>0</v>
      </c>
      <c r="K5726">
        <v>0</v>
      </c>
      <c r="L5726">
        <v>0</v>
      </c>
      <c r="M5726">
        <v>0</v>
      </c>
      <c r="N5726">
        <v>0</v>
      </c>
      <c r="O5726">
        <v>0</v>
      </c>
      <c r="P5726">
        <v>0</v>
      </c>
      <c r="Q5726">
        <v>0</v>
      </c>
      <c r="R5726">
        <v>0</v>
      </c>
      <c r="S5726">
        <v>0</v>
      </c>
      <c r="T5726" s="1">
        <v>45080.546875</v>
      </c>
    </row>
    <row r="5727" spans="1:20" x14ac:dyDescent="0.4">
      <c r="A5727">
        <v>378</v>
      </c>
      <c r="B5727">
        <v>2222</v>
      </c>
      <c r="C5727">
        <v>28</v>
      </c>
      <c r="D5727">
        <v>1</v>
      </c>
      <c r="E5727">
        <v>2222</v>
      </c>
      <c r="F5727" t="s">
        <v>939</v>
      </c>
      <c r="G5727">
        <v>182</v>
      </c>
      <c r="H5727">
        <v>0</v>
      </c>
      <c r="I5727">
        <v>0</v>
      </c>
      <c r="J5727">
        <v>0</v>
      </c>
      <c r="K5727">
        <v>0</v>
      </c>
      <c r="L5727">
        <v>0</v>
      </c>
      <c r="M5727">
        <v>0</v>
      </c>
      <c r="N5727">
        <v>0</v>
      </c>
      <c r="O5727">
        <v>0</v>
      </c>
      <c r="P5727">
        <v>0</v>
      </c>
      <c r="Q5727">
        <v>0</v>
      </c>
      <c r="R5727">
        <v>0</v>
      </c>
      <c r="S5727">
        <v>0</v>
      </c>
      <c r="T5727" s="1">
        <v>45080.546875</v>
      </c>
    </row>
    <row r="5728" spans="1:20" x14ac:dyDescent="0.4">
      <c r="A5728">
        <v>379</v>
      </c>
      <c r="B5728">
        <v>2223</v>
      </c>
      <c r="C5728">
        <v>28</v>
      </c>
      <c r="D5728">
        <v>1</v>
      </c>
      <c r="E5728">
        <v>2223</v>
      </c>
      <c r="F5728" t="s">
        <v>940</v>
      </c>
      <c r="G5728">
        <v>182</v>
      </c>
      <c r="H5728">
        <v>0</v>
      </c>
      <c r="I5728">
        <v>0</v>
      </c>
      <c r="J5728">
        <v>0</v>
      </c>
      <c r="K5728">
        <v>0</v>
      </c>
      <c r="L5728">
        <v>0</v>
      </c>
      <c r="M5728">
        <v>0</v>
      </c>
      <c r="N5728">
        <v>0</v>
      </c>
      <c r="O5728">
        <v>0</v>
      </c>
      <c r="P5728">
        <v>0</v>
      </c>
      <c r="Q5728">
        <v>0</v>
      </c>
      <c r="R5728">
        <v>0</v>
      </c>
      <c r="S5728">
        <v>0</v>
      </c>
      <c r="T5728" s="1">
        <v>45080.546875</v>
      </c>
    </row>
    <row r="5729" spans="1:20" x14ac:dyDescent="0.4">
      <c r="A5729">
        <v>380</v>
      </c>
      <c r="B5729">
        <v>2224</v>
      </c>
      <c r="C5729">
        <v>28</v>
      </c>
      <c r="D5729">
        <v>1</v>
      </c>
      <c r="E5729">
        <v>2224</v>
      </c>
      <c r="F5729" t="s">
        <v>941</v>
      </c>
      <c r="G5729">
        <v>182</v>
      </c>
      <c r="H5729">
        <v>0</v>
      </c>
      <c r="I5729">
        <v>0</v>
      </c>
      <c r="J5729">
        <v>0</v>
      </c>
      <c r="K5729">
        <v>0</v>
      </c>
      <c r="L5729">
        <v>0</v>
      </c>
      <c r="M5729">
        <v>0</v>
      </c>
      <c r="N5729">
        <v>0</v>
      </c>
      <c r="O5729">
        <v>0</v>
      </c>
      <c r="P5729">
        <v>0</v>
      </c>
      <c r="Q5729">
        <v>0</v>
      </c>
      <c r="R5729">
        <v>0</v>
      </c>
      <c r="S5729">
        <v>0</v>
      </c>
      <c r="T5729" s="1">
        <v>45080.546875</v>
      </c>
    </row>
    <row r="5730" spans="1:20" x14ac:dyDescent="0.4">
      <c r="A5730">
        <v>381</v>
      </c>
      <c r="B5730">
        <v>2225</v>
      </c>
      <c r="C5730">
        <v>28</v>
      </c>
      <c r="D5730">
        <v>1</v>
      </c>
      <c r="E5730">
        <v>2225</v>
      </c>
      <c r="F5730" t="s">
        <v>942</v>
      </c>
      <c r="G5730">
        <v>182</v>
      </c>
      <c r="H5730">
        <v>0</v>
      </c>
      <c r="I5730">
        <v>0</v>
      </c>
      <c r="J5730">
        <v>0</v>
      </c>
      <c r="K5730">
        <v>0</v>
      </c>
      <c r="L5730">
        <v>0</v>
      </c>
      <c r="M5730">
        <v>0</v>
      </c>
      <c r="N5730">
        <v>0</v>
      </c>
      <c r="O5730">
        <v>0</v>
      </c>
      <c r="P5730">
        <v>0</v>
      </c>
      <c r="Q5730">
        <v>0</v>
      </c>
      <c r="R5730">
        <v>0</v>
      </c>
      <c r="S5730">
        <v>0</v>
      </c>
      <c r="T5730" s="1">
        <v>45080.546875</v>
      </c>
    </row>
    <row r="5731" spans="1:20" x14ac:dyDescent="0.4">
      <c r="A5731">
        <v>382</v>
      </c>
      <c r="B5731">
        <v>2227</v>
      </c>
      <c r="C5731">
        <v>28</v>
      </c>
      <c r="D5731">
        <v>1</v>
      </c>
      <c r="E5731">
        <v>2227</v>
      </c>
      <c r="F5731" t="s">
        <v>943</v>
      </c>
      <c r="G5731">
        <v>196</v>
      </c>
      <c r="H5731">
        <v>0</v>
      </c>
      <c r="I5731">
        <v>0</v>
      </c>
      <c r="J5731">
        <v>0</v>
      </c>
      <c r="K5731">
        <v>0</v>
      </c>
      <c r="L5731">
        <v>0</v>
      </c>
      <c r="M5731">
        <v>0</v>
      </c>
      <c r="N5731">
        <v>0</v>
      </c>
      <c r="O5731">
        <v>0</v>
      </c>
      <c r="P5731">
        <v>0</v>
      </c>
      <c r="Q5731">
        <v>0</v>
      </c>
      <c r="R5731">
        <v>0</v>
      </c>
      <c r="S5731">
        <v>0</v>
      </c>
      <c r="T5731" s="1">
        <v>45080.546875</v>
      </c>
    </row>
    <row r="5732" spans="1:20" x14ac:dyDescent="0.4">
      <c r="A5732">
        <v>383</v>
      </c>
      <c r="B5732">
        <v>2228</v>
      </c>
      <c r="C5732">
        <v>28</v>
      </c>
      <c r="D5732">
        <v>1</v>
      </c>
      <c r="E5732">
        <v>2228</v>
      </c>
      <c r="F5732" t="s">
        <v>944</v>
      </c>
      <c r="G5732">
        <v>196</v>
      </c>
      <c r="H5732">
        <v>0</v>
      </c>
      <c r="I5732">
        <v>0</v>
      </c>
      <c r="J5732">
        <v>0</v>
      </c>
      <c r="K5732">
        <v>0</v>
      </c>
      <c r="L5732">
        <v>0</v>
      </c>
      <c r="M5732">
        <v>0</v>
      </c>
      <c r="N5732">
        <v>0</v>
      </c>
      <c r="O5732">
        <v>0</v>
      </c>
      <c r="P5732">
        <v>0</v>
      </c>
      <c r="Q5732">
        <v>0</v>
      </c>
      <c r="R5732">
        <v>0</v>
      </c>
      <c r="S5732">
        <v>0</v>
      </c>
      <c r="T5732" s="1">
        <v>45080.546875</v>
      </c>
    </row>
    <row r="5733" spans="1:20" x14ac:dyDescent="0.4">
      <c r="A5733">
        <v>384</v>
      </c>
      <c r="B5733">
        <v>2229</v>
      </c>
      <c r="C5733">
        <v>28</v>
      </c>
      <c r="D5733">
        <v>1</v>
      </c>
      <c r="E5733">
        <v>2229</v>
      </c>
      <c r="F5733" t="s">
        <v>945</v>
      </c>
      <c r="G5733">
        <v>182</v>
      </c>
      <c r="H5733">
        <v>0</v>
      </c>
      <c r="I5733">
        <v>0</v>
      </c>
      <c r="J5733">
        <v>0</v>
      </c>
      <c r="K5733">
        <v>0</v>
      </c>
      <c r="L5733">
        <v>0</v>
      </c>
      <c r="M5733">
        <v>0</v>
      </c>
      <c r="N5733">
        <v>0</v>
      </c>
      <c r="O5733">
        <v>0</v>
      </c>
      <c r="P5733">
        <v>0</v>
      </c>
      <c r="Q5733">
        <v>0</v>
      </c>
      <c r="R5733">
        <v>0</v>
      </c>
      <c r="S5733">
        <v>0</v>
      </c>
      <c r="T5733" s="1">
        <v>45080.546875</v>
      </c>
    </row>
    <row r="5734" spans="1:20" x14ac:dyDescent="0.4">
      <c r="A5734">
        <v>385</v>
      </c>
      <c r="B5734">
        <v>2230</v>
      </c>
      <c r="C5734">
        <v>28</v>
      </c>
      <c r="D5734">
        <v>1</v>
      </c>
      <c r="E5734">
        <v>2230</v>
      </c>
      <c r="F5734" t="s">
        <v>946</v>
      </c>
      <c r="G5734">
        <v>182</v>
      </c>
      <c r="H5734">
        <v>0</v>
      </c>
      <c r="I5734">
        <v>0</v>
      </c>
      <c r="J5734">
        <v>0</v>
      </c>
      <c r="K5734">
        <v>0</v>
      </c>
      <c r="L5734">
        <v>0</v>
      </c>
      <c r="M5734">
        <v>0</v>
      </c>
      <c r="N5734">
        <v>0</v>
      </c>
      <c r="O5734">
        <v>0</v>
      </c>
      <c r="P5734">
        <v>0</v>
      </c>
      <c r="Q5734">
        <v>0</v>
      </c>
      <c r="R5734">
        <v>0</v>
      </c>
      <c r="S5734">
        <v>0</v>
      </c>
      <c r="T5734" s="1">
        <v>45080.546875</v>
      </c>
    </row>
    <row r="5735" spans="1:20" x14ac:dyDescent="0.4">
      <c r="A5735">
        <v>386</v>
      </c>
      <c r="B5735">
        <v>2233</v>
      </c>
      <c r="C5735">
        <v>28</v>
      </c>
      <c r="D5735">
        <v>1</v>
      </c>
      <c r="E5735">
        <v>2233</v>
      </c>
      <c r="F5735" t="s">
        <v>947</v>
      </c>
      <c r="G5735">
        <v>174</v>
      </c>
      <c r="H5735">
        <v>0</v>
      </c>
      <c r="I5735">
        <v>0</v>
      </c>
      <c r="J5735">
        <v>0</v>
      </c>
      <c r="K5735">
        <v>0</v>
      </c>
      <c r="L5735">
        <v>0</v>
      </c>
      <c r="M5735">
        <v>0</v>
      </c>
      <c r="N5735">
        <v>0</v>
      </c>
      <c r="O5735">
        <v>0</v>
      </c>
      <c r="P5735">
        <v>0</v>
      </c>
      <c r="Q5735">
        <v>0</v>
      </c>
      <c r="R5735">
        <v>0</v>
      </c>
      <c r="S5735">
        <v>0</v>
      </c>
      <c r="T5735" s="1">
        <v>45080.546875</v>
      </c>
    </row>
    <row r="5736" spans="1:20" x14ac:dyDescent="0.4">
      <c r="A5736">
        <v>387</v>
      </c>
      <c r="B5736">
        <v>2234</v>
      </c>
      <c r="C5736">
        <v>28</v>
      </c>
      <c r="D5736">
        <v>1</v>
      </c>
      <c r="E5736">
        <v>2234</v>
      </c>
      <c r="F5736" t="s">
        <v>948</v>
      </c>
      <c r="G5736">
        <v>196</v>
      </c>
      <c r="H5736">
        <v>0</v>
      </c>
      <c r="I5736">
        <v>0</v>
      </c>
      <c r="J5736">
        <v>0</v>
      </c>
      <c r="K5736">
        <v>0</v>
      </c>
      <c r="L5736">
        <v>0</v>
      </c>
      <c r="M5736">
        <v>0</v>
      </c>
      <c r="N5736">
        <v>0</v>
      </c>
      <c r="O5736">
        <v>0</v>
      </c>
      <c r="P5736">
        <v>0</v>
      </c>
      <c r="Q5736">
        <v>0</v>
      </c>
      <c r="R5736">
        <v>0</v>
      </c>
      <c r="S5736">
        <v>0</v>
      </c>
      <c r="T5736" s="1">
        <v>45080.546875</v>
      </c>
    </row>
    <row r="5737" spans="1:20" x14ac:dyDescent="0.4">
      <c r="A5737">
        <v>388</v>
      </c>
      <c r="B5737">
        <v>2235</v>
      </c>
      <c r="C5737">
        <v>28</v>
      </c>
      <c r="D5737">
        <v>1</v>
      </c>
      <c r="E5737">
        <v>2235</v>
      </c>
      <c r="F5737" t="s">
        <v>949</v>
      </c>
      <c r="G5737">
        <v>215</v>
      </c>
      <c r="H5737">
        <v>0</v>
      </c>
      <c r="I5737">
        <v>0</v>
      </c>
      <c r="J5737">
        <v>0</v>
      </c>
      <c r="K5737">
        <v>0</v>
      </c>
      <c r="L5737">
        <v>0</v>
      </c>
      <c r="M5737">
        <v>0</v>
      </c>
      <c r="N5737">
        <v>0</v>
      </c>
      <c r="O5737">
        <v>0</v>
      </c>
      <c r="P5737">
        <v>0</v>
      </c>
      <c r="Q5737">
        <v>0</v>
      </c>
      <c r="R5737">
        <v>0</v>
      </c>
      <c r="S5737">
        <v>0</v>
      </c>
      <c r="T5737" s="1">
        <v>45080.546875</v>
      </c>
    </row>
    <row r="5738" spans="1:20" x14ac:dyDescent="0.4">
      <c r="A5738">
        <v>389</v>
      </c>
      <c r="B5738">
        <v>2236</v>
      </c>
      <c r="C5738">
        <v>28</v>
      </c>
      <c r="D5738">
        <v>1</v>
      </c>
      <c r="E5738">
        <v>2236</v>
      </c>
      <c r="F5738" t="s">
        <v>950</v>
      </c>
      <c r="G5738">
        <v>262</v>
      </c>
      <c r="H5738">
        <v>0</v>
      </c>
      <c r="I5738">
        <v>0</v>
      </c>
      <c r="J5738">
        <v>0</v>
      </c>
      <c r="K5738">
        <v>0</v>
      </c>
      <c r="L5738">
        <v>0</v>
      </c>
      <c r="M5738">
        <v>0</v>
      </c>
      <c r="N5738">
        <v>0</v>
      </c>
      <c r="O5738">
        <v>0</v>
      </c>
      <c r="P5738">
        <v>0</v>
      </c>
      <c r="Q5738">
        <v>0</v>
      </c>
      <c r="R5738">
        <v>0</v>
      </c>
      <c r="S5738">
        <v>0</v>
      </c>
      <c r="T5738" s="1">
        <v>45080.546875</v>
      </c>
    </row>
    <row r="5739" spans="1:20" x14ac:dyDescent="0.4">
      <c r="A5739">
        <v>390</v>
      </c>
      <c r="B5739">
        <v>2237</v>
      </c>
      <c r="C5739">
        <v>28</v>
      </c>
      <c r="D5739">
        <v>1</v>
      </c>
      <c r="E5739">
        <v>2237</v>
      </c>
      <c r="F5739" t="s">
        <v>951</v>
      </c>
      <c r="G5739">
        <v>193</v>
      </c>
      <c r="H5739">
        <v>0</v>
      </c>
      <c r="I5739">
        <v>0</v>
      </c>
      <c r="J5739">
        <v>0</v>
      </c>
      <c r="K5739">
        <v>0</v>
      </c>
      <c r="L5739">
        <v>0</v>
      </c>
      <c r="M5739">
        <v>0</v>
      </c>
      <c r="N5739">
        <v>0</v>
      </c>
      <c r="O5739">
        <v>0</v>
      </c>
      <c r="P5739">
        <v>0</v>
      </c>
      <c r="Q5739">
        <v>0</v>
      </c>
      <c r="R5739">
        <v>0</v>
      </c>
      <c r="S5739">
        <v>0</v>
      </c>
      <c r="T5739" s="1">
        <v>45080.546875</v>
      </c>
    </row>
    <row r="5740" spans="1:20" x14ac:dyDescent="0.4">
      <c r="A5740">
        <v>391</v>
      </c>
      <c r="B5740">
        <v>2238</v>
      </c>
      <c r="C5740">
        <v>28</v>
      </c>
      <c r="D5740">
        <v>1</v>
      </c>
      <c r="E5740">
        <v>2238</v>
      </c>
      <c r="F5740" t="s">
        <v>952</v>
      </c>
      <c r="G5740">
        <v>193</v>
      </c>
      <c r="H5740">
        <v>0</v>
      </c>
      <c r="I5740">
        <v>0</v>
      </c>
      <c r="J5740">
        <v>0</v>
      </c>
      <c r="K5740">
        <v>0</v>
      </c>
      <c r="L5740">
        <v>0</v>
      </c>
      <c r="M5740">
        <v>0</v>
      </c>
      <c r="N5740">
        <v>0</v>
      </c>
      <c r="O5740">
        <v>0</v>
      </c>
      <c r="P5740">
        <v>0</v>
      </c>
      <c r="Q5740">
        <v>0</v>
      </c>
      <c r="R5740">
        <v>0</v>
      </c>
      <c r="S5740">
        <v>0</v>
      </c>
      <c r="T5740" s="1">
        <v>45080.546875</v>
      </c>
    </row>
    <row r="5741" spans="1:20" x14ac:dyDescent="0.4">
      <c r="A5741">
        <v>392</v>
      </c>
      <c r="B5741">
        <v>2261</v>
      </c>
      <c r="C5741">
        <v>29</v>
      </c>
      <c r="D5741">
        <v>1</v>
      </c>
      <c r="E5741">
        <v>2261</v>
      </c>
      <c r="F5741" t="s">
        <v>896</v>
      </c>
      <c r="G5741">
        <v>979</v>
      </c>
      <c r="H5741">
        <v>0</v>
      </c>
      <c r="I5741">
        <v>0</v>
      </c>
      <c r="J5741">
        <v>0</v>
      </c>
      <c r="K5741">
        <v>0</v>
      </c>
      <c r="L5741">
        <v>0</v>
      </c>
      <c r="M5741">
        <v>0</v>
      </c>
      <c r="N5741">
        <v>0</v>
      </c>
      <c r="O5741">
        <v>0</v>
      </c>
      <c r="P5741">
        <v>0</v>
      </c>
      <c r="Q5741">
        <v>0</v>
      </c>
      <c r="R5741">
        <v>0</v>
      </c>
      <c r="S5741">
        <v>0</v>
      </c>
      <c r="T5741" s="1">
        <v>45080.546875</v>
      </c>
    </row>
    <row r="5742" spans="1:20" x14ac:dyDescent="0.4">
      <c r="A5742">
        <v>393</v>
      </c>
      <c r="B5742">
        <v>2262</v>
      </c>
      <c r="C5742">
        <v>29</v>
      </c>
      <c r="D5742">
        <v>1</v>
      </c>
      <c r="E5742">
        <v>2262</v>
      </c>
      <c r="F5742" t="s">
        <v>953</v>
      </c>
      <c r="G5742">
        <v>691</v>
      </c>
      <c r="H5742">
        <v>0</v>
      </c>
      <c r="I5742">
        <v>0</v>
      </c>
      <c r="J5742">
        <v>0</v>
      </c>
      <c r="K5742">
        <v>0</v>
      </c>
      <c r="L5742">
        <v>0</v>
      </c>
      <c r="M5742">
        <v>0</v>
      </c>
      <c r="N5742">
        <v>0</v>
      </c>
      <c r="O5742">
        <v>0</v>
      </c>
      <c r="P5742">
        <v>0</v>
      </c>
      <c r="Q5742">
        <v>0</v>
      </c>
      <c r="R5742">
        <v>0</v>
      </c>
      <c r="S5742">
        <v>0</v>
      </c>
      <c r="T5742" s="1">
        <v>45080.546875</v>
      </c>
    </row>
    <row r="5743" spans="1:20" x14ac:dyDescent="0.4">
      <c r="A5743">
        <v>394</v>
      </c>
      <c r="B5743">
        <v>2263</v>
      </c>
      <c r="C5743">
        <v>29</v>
      </c>
      <c r="D5743">
        <v>1</v>
      </c>
      <c r="E5743">
        <v>2263</v>
      </c>
      <c r="F5743" t="s">
        <v>954</v>
      </c>
      <c r="G5743">
        <v>526</v>
      </c>
      <c r="H5743">
        <v>0</v>
      </c>
      <c r="I5743">
        <v>0</v>
      </c>
      <c r="J5743">
        <v>0</v>
      </c>
      <c r="K5743">
        <v>0</v>
      </c>
      <c r="L5743">
        <v>0</v>
      </c>
      <c r="M5743">
        <v>0</v>
      </c>
      <c r="N5743">
        <v>0</v>
      </c>
      <c r="O5743">
        <v>0</v>
      </c>
      <c r="P5743">
        <v>0</v>
      </c>
      <c r="Q5743">
        <v>0</v>
      </c>
      <c r="R5743">
        <v>0</v>
      </c>
      <c r="S5743">
        <v>0</v>
      </c>
      <c r="T5743" s="1">
        <v>45080.546875</v>
      </c>
    </row>
    <row r="5744" spans="1:20" x14ac:dyDescent="0.4">
      <c r="A5744">
        <v>395</v>
      </c>
      <c r="B5744">
        <v>2265</v>
      </c>
      <c r="C5744">
        <v>29</v>
      </c>
      <c r="D5744">
        <v>1</v>
      </c>
      <c r="E5744">
        <v>2265</v>
      </c>
      <c r="F5744" t="s">
        <v>903</v>
      </c>
      <c r="G5744">
        <v>879</v>
      </c>
      <c r="H5744">
        <v>0</v>
      </c>
      <c r="I5744">
        <v>0</v>
      </c>
      <c r="J5744">
        <v>0</v>
      </c>
      <c r="K5744">
        <v>0</v>
      </c>
      <c r="L5744">
        <v>0</v>
      </c>
      <c r="M5744">
        <v>0</v>
      </c>
      <c r="N5744">
        <v>0</v>
      </c>
      <c r="O5744">
        <v>0</v>
      </c>
      <c r="P5744">
        <v>0</v>
      </c>
      <c r="Q5744">
        <v>0</v>
      </c>
      <c r="R5744">
        <v>0</v>
      </c>
      <c r="S5744">
        <v>0</v>
      </c>
      <c r="T5744" s="1">
        <v>45080.546875</v>
      </c>
    </row>
    <row r="5745" spans="1:20" x14ac:dyDescent="0.4">
      <c r="A5745">
        <v>396</v>
      </c>
      <c r="B5745">
        <v>2266</v>
      </c>
      <c r="C5745">
        <v>29</v>
      </c>
      <c r="D5745">
        <v>1</v>
      </c>
      <c r="E5745">
        <v>2266</v>
      </c>
      <c r="F5745" t="s">
        <v>902</v>
      </c>
      <c r="G5745">
        <v>746</v>
      </c>
      <c r="H5745">
        <v>0</v>
      </c>
      <c r="I5745">
        <v>0</v>
      </c>
      <c r="J5745">
        <v>0</v>
      </c>
      <c r="K5745">
        <v>0</v>
      </c>
      <c r="L5745">
        <v>0</v>
      </c>
      <c r="M5745">
        <v>0</v>
      </c>
      <c r="N5745">
        <v>0</v>
      </c>
      <c r="O5745">
        <v>0</v>
      </c>
      <c r="P5745">
        <v>0</v>
      </c>
      <c r="Q5745">
        <v>0</v>
      </c>
      <c r="R5745">
        <v>0</v>
      </c>
      <c r="S5745">
        <v>0</v>
      </c>
      <c r="T5745" s="1">
        <v>45080.546875</v>
      </c>
    </row>
    <row r="5746" spans="1:20" x14ac:dyDescent="0.4">
      <c r="A5746">
        <v>397</v>
      </c>
      <c r="B5746">
        <v>2269</v>
      </c>
      <c r="C5746">
        <v>29</v>
      </c>
      <c r="D5746">
        <v>1</v>
      </c>
      <c r="E5746">
        <v>2269</v>
      </c>
      <c r="F5746" t="s">
        <v>897</v>
      </c>
      <c r="G5746">
        <v>1098</v>
      </c>
      <c r="H5746">
        <v>0</v>
      </c>
      <c r="I5746">
        <v>0</v>
      </c>
      <c r="J5746">
        <v>0</v>
      </c>
      <c r="K5746">
        <v>0</v>
      </c>
      <c r="L5746">
        <v>0</v>
      </c>
      <c r="M5746">
        <v>0</v>
      </c>
      <c r="N5746">
        <v>0</v>
      </c>
      <c r="O5746">
        <v>0</v>
      </c>
      <c r="P5746">
        <v>0</v>
      </c>
      <c r="Q5746">
        <v>0</v>
      </c>
      <c r="R5746">
        <v>0</v>
      </c>
      <c r="S5746">
        <v>0</v>
      </c>
      <c r="T5746" s="1">
        <v>45080.546875</v>
      </c>
    </row>
    <row r="5747" spans="1:20" x14ac:dyDescent="0.4">
      <c r="A5747">
        <v>398</v>
      </c>
      <c r="B5747">
        <v>2270</v>
      </c>
      <c r="C5747">
        <v>29</v>
      </c>
      <c r="D5747">
        <v>1</v>
      </c>
      <c r="E5747">
        <v>2270</v>
      </c>
      <c r="F5747" t="s">
        <v>898</v>
      </c>
      <c r="G5747">
        <v>648</v>
      </c>
      <c r="H5747">
        <v>0</v>
      </c>
      <c r="I5747">
        <v>0</v>
      </c>
      <c r="J5747">
        <v>0</v>
      </c>
      <c r="K5747">
        <v>0</v>
      </c>
      <c r="L5747">
        <v>0</v>
      </c>
      <c r="M5747">
        <v>0</v>
      </c>
      <c r="N5747">
        <v>0</v>
      </c>
      <c r="O5747">
        <v>0</v>
      </c>
      <c r="P5747">
        <v>0</v>
      </c>
      <c r="Q5747">
        <v>0</v>
      </c>
      <c r="R5747">
        <v>0</v>
      </c>
      <c r="S5747">
        <v>0</v>
      </c>
      <c r="T5747" s="1">
        <v>45080.546875</v>
      </c>
    </row>
    <row r="5748" spans="1:20" x14ac:dyDescent="0.4">
      <c r="A5748">
        <v>399</v>
      </c>
      <c r="B5748">
        <v>2271</v>
      </c>
      <c r="C5748">
        <v>29</v>
      </c>
      <c r="D5748">
        <v>1</v>
      </c>
      <c r="E5748">
        <v>2271</v>
      </c>
      <c r="F5748" t="s">
        <v>955</v>
      </c>
      <c r="G5748">
        <v>614</v>
      </c>
      <c r="H5748">
        <v>0</v>
      </c>
      <c r="I5748">
        <v>0</v>
      </c>
      <c r="J5748">
        <v>0</v>
      </c>
      <c r="K5748">
        <v>0</v>
      </c>
      <c r="L5748">
        <v>0</v>
      </c>
      <c r="M5748">
        <v>0</v>
      </c>
      <c r="N5748">
        <v>0</v>
      </c>
      <c r="O5748">
        <v>0</v>
      </c>
      <c r="P5748">
        <v>0</v>
      </c>
      <c r="Q5748">
        <v>0</v>
      </c>
      <c r="R5748">
        <v>0</v>
      </c>
      <c r="S5748">
        <v>0</v>
      </c>
      <c r="T5748" s="1">
        <v>45080.546875</v>
      </c>
    </row>
    <row r="5749" spans="1:20" x14ac:dyDescent="0.4">
      <c r="A5749">
        <v>400</v>
      </c>
      <c r="B5749">
        <v>2272</v>
      </c>
      <c r="C5749">
        <v>29</v>
      </c>
      <c r="D5749">
        <v>1</v>
      </c>
      <c r="E5749">
        <v>2272</v>
      </c>
      <c r="F5749" t="s">
        <v>956</v>
      </c>
      <c r="G5749">
        <v>757</v>
      </c>
      <c r="H5749">
        <v>0</v>
      </c>
      <c r="I5749">
        <v>0</v>
      </c>
      <c r="J5749">
        <v>0</v>
      </c>
      <c r="K5749">
        <v>0</v>
      </c>
      <c r="L5749">
        <v>0</v>
      </c>
      <c r="M5749">
        <v>0</v>
      </c>
      <c r="N5749">
        <v>0</v>
      </c>
      <c r="O5749">
        <v>0</v>
      </c>
      <c r="P5749">
        <v>0</v>
      </c>
      <c r="Q5749">
        <v>0</v>
      </c>
      <c r="R5749">
        <v>0</v>
      </c>
      <c r="S5749">
        <v>0</v>
      </c>
      <c r="T5749" s="1">
        <v>45080.546875</v>
      </c>
    </row>
    <row r="5750" spans="1:20" x14ac:dyDescent="0.4">
      <c r="A5750">
        <v>401</v>
      </c>
      <c r="B5750">
        <v>2291</v>
      </c>
      <c r="C5750">
        <v>30</v>
      </c>
      <c r="D5750">
        <v>1</v>
      </c>
      <c r="E5750">
        <v>2291</v>
      </c>
      <c r="F5750" t="s">
        <v>893</v>
      </c>
      <c r="G5750">
        <v>625</v>
      </c>
      <c r="H5750">
        <v>0</v>
      </c>
      <c r="I5750">
        <v>0</v>
      </c>
      <c r="J5750">
        <v>0</v>
      </c>
      <c r="K5750">
        <v>0</v>
      </c>
      <c r="L5750">
        <v>0</v>
      </c>
      <c r="M5750">
        <v>0</v>
      </c>
      <c r="N5750">
        <v>0</v>
      </c>
      <c r="O5750">
        <v>0</v>
      </c>
      <c r="P5750">
        <v>0</v>
      </c>
      <c r="Q5750">
        <v>0</v>
      </c>
      <c r="R5750">
        <v>0</v>
      </c>
      <c r="S5750">
        <v>0</v>
      </c>
      <c r="T5750" s="1">
        <v>45080.546875</v>
      </c>
    </row>
    <row r="5751" spans="1:20" x14ac:dyDescent="0.4">
      <c r="A5751">
        <v>402</v>
      </c>
      <c r="B5751">
        <v>2292</v>
      </c>
      <c r="C5751">
        <v>30</v>
      </c>
      <c r="D5751">
        <v>1</v>
      </c>
      <c r="E5751">
        <v>2292</v>
      </c>
      <c r="F5751" t="s">
        <v>957</v>
      </c>
      <c r="G5751">
        <v>581</v>
      </c>
      <c r="H5751">
        <v>0</v>
      </c>
      <c r="I5751">
        <v>0</v>
      </c>
      <c r="J5751">
        <v>0</v>
      </c>
      <c r="K5751">
        <v>0</v>
      </c>
      <c r="L5751">
        <v>0</v>
      </c>
      <c r="M5751">
        <v>0</v>
      </c>
      <c r="N5751">
        <v>0</v>
      </c>
      <c r="O5751">
        <v>0</v>
      </c>
      <c r="P5751">
        <v>0</v>
      </c>
      <c r="Q5751">
        <v>0</v>
      </c>
      <c r="R5751">
        <v>0</v>
      </c>
      <c r="S5751">
        <v>0</v>
      </c>
      <c r="T5751" s="1">
        <v>45080.546875</v>
      </c>
    </row>
    <row r="5752" spans="1:20" x14ac:dyDescent="0.4">
      <c r="A5752">
        <v>403</v>
      </c>
      <c r="B5752">
        <v>2293</v>
      </c>
      <c r="C5752">
        <v>30</v>
      </c>
      <c r="D5752">
        <v>1</v>
      </c>
      <c r="E5752">
        <v>2293</v>
      </c>
      <c r="F5752" t="s">
        <v>958</v>
      </c>
      <c r="G5752">
        <v>581</v>
      </c>
      <c r="H5752">
        <v>0</v>
      </c>
      <c r="I5752">
        <v>0</v>
      </c>
      <c r="J5752">
        <v>0</v>
      </c>
      <c r="K5752">
        <v>0</v>
      </c>
      <c r="L5752">
        <v>0</v>
      </c>
      <c r="M5752">
        <v>0</v>
      </c>
      <c r="N5752">
        <v>0</v>
      </c>
      <c r="O5752">
        <v>0</v>
      </c>
      <c r="P5752">
        <v>0</v>
      </c>
      <c r="Q5752">
        <v>0</v>
      </c>
      <c r="R5752">
        <v>0</v>
      </c>
      <c r="S5752">
        <v>0</v>
      </c>
      <c r="T5752" s="1">
        <v>45080.546875</v>
      </c>
    </row>
    <row r="5753" spans="1:20" x14ac:dyDescent="0.4">
      <c r="A5753">
        <v>404</v>
      </c>
      <c r="B5753">
        <v>2294</v>
      </c>
      <c r="C5753">
        <v>30</v>
      </c>
      <c r="D5753">
        <v>1</v>
      </c>
      <c r="E5753">
        <v>2294</v>
      </c>
      <c r="F5753" t="s">
        <v>959</v>
      </c>
      <c r="G5753">
        <v>581</v>
      </c>
      <c r="H5753">
        <v>0</v>
      </c>
      <c r="I5753">
        <v>0</v>
      </c>
      <c r="J5753">
        <v>0</v>
      </c>
      <c r="K5753">
        <v>0</v>
      </c>
      <c r="L5753">
        <v>0</v>
      </c>
      <c r="M5753">
        <v>0</v>
      </c>
      <c r="N5753">
        <v>0</v>
      </c>
      <c r="O5753">
        <v>0</v>
      </c>
      <c r="P5753">
        <v>0</v>
      </c>
      <c r="Q5753">
        <v>0</v>
      </c>
      <c r="R5753">
        <v>0</v>
      </c>
      <c r="S5753">
        <v>0</v>
      </c>
      <c r="T5753" s="1">
        <v>45080.546875</v>
      </c>
    </row>
    <row r="5754" spans="1:20" x14ac:dyDescent="0.4">
      <c r="A5754">
        <v>405</v>
      </c>
      <c r="B5754">
        <v>2295</v>
      </c>
      <c r="C5754">
        <v>30</v>
      </c>
      <c r="D5754">
        <v>1</v>
      </c>
      <c r="E5754">
        <v>2295</v>
      </c>
      <c r="F5754" t="s">
        <v>960</v>
      </c>
      <c r="G5754">
        <v>691</v>
      </c>
      <c r="H5754">
        <v>0</v>
      </c>
      <c r="I5754">
        <v>0</v>
      </c>
      <c r="J5754">
        <v>0</v>
      </c>
      <c r="K5754">
        <v>0</v>
      </c>
      <c r="L5754">
        <v>0</v>
      </c>
      <c r="M5754">
        <v>0</v>
      </c>
      <c r="N5754">
        <v>0</v>
      </c>
      <c r="O5754">
        <v>0</v>
      </c>
      <c r="P5754">
        <v>0</v>
      </c>
      <c r="Q5754">
        <v>0</v>
      </c>
      <c r="R5754">
        <v>0</v>
      </c>
      <c r="S5754">
        <v>0</v>
      </c>
      <c r="T5754" s="1">
        <v>45080.546875</v>
      </c>
    </row>
    <row r="5755" spans="1:20" x14ac:dyDescent="0.4">
      <c r="A5755">
        <v>406</v>
      </c>
      <c r="B5755">
        <v>2296</v>
      </c>
      <c r="C5755">
        <v>30</v>
      </c>
      <c r="D5755">
        <v>1</v>
      </c>
      <c r="E5755">
        <v>2296</v>
      </c>
      <c r="F5755" t="s">
        <v>961</v>
      </c>
      <c r="G5755">
        <v>989</v>
      </c>
      <c r="H5755">
        <v>0</v>
      </c>
      <c r="I5755">
        <v>0</v>
      </c>
      <c r="J5755">
        <v>0</v>
      </c>
      <c r="K5755">
        <v>0</v>
      </c>
      <c r="L5755">
        <v>0</v>
      </c>
      <c r="M5755">
        <v>0</v>
      </c>
      <c r="N5755">
        <v>0</v>
      </c>
      <c r="O5755">
        <v>0</v>
      </c>
      <c r="P5755">
        <v>0</v>
      </c>
      <c r="Q5755">
        <v>0</v>
      </c>
      <c r="R5755">
        <v>0</v>
      </c>
      <c r="S5755">
        <v>0</v>
      </c>
      <c r="T5755" s="1">
        <v>45080.546875</v>
      </c>
    </row>
    <row r="5756" spans="1:20" x14ac:dyDescent="0.4">
      <c r="A5756">
        <v>407</v>
      </c>
      <c r="B5756">
        <v>2297</v>
      </c>
      <c r="C5756">
        <v>30</v>
      </c>
      <c r="D5756">
        <v>1</v>
      </c>
      <c r="E5756">
        <v>2297</v>
      </c>
      <c r="F5756" t="s">
        <v>962</v>
      </c>
      <c r="G5756">
        <v>625</v>
      </c>
      <c r="H5756">
        <v>0</v>
      </c>
      <c r="I5756">
        <v>0</v>
      </c>
      <c r="J5756">
        <v>0</v>
      </c>
      <c r="K5756">
        <v>0</v>
      </c>
      <c r="L5756">
        <v>0</v>
      </c>
      <c r="M5756">
        <v>0</v>
      </c>
      <c r="N5756">
        <v>0</v>
      </c>
      <c r="O5756">
        <v>0</v>
      </c>
      <c r="P5756">
        <v>0</v>
      </c>
      <c r="Q5756">
        <v>0</v>
      </c>
      <c r="R5756">
        <v>0</v>
      </c>
      <c r="S5756">
        <v>0</v>
      </c>
      <c r="T5756" s="1">
        <v>45080.546875</v>
      </c>
    </row>
    <row r="5757" spans="1:20" x14ac:dyDescent="0.4">
      <c r="A5757">
        <v>408</v>
      </c>
      <c r="B5757">
        <v>2298</v>
      </c>
      <c r="C5757">
        <v>30</v>
      </c>
      <c r="D5757">
        <v>1</v>
      </c>
      <c r="E5757">
        <v>2298</v>
      </c>
      <c r="F5757" t="s">
        <v>963</v>
      </c>
      <c r="G5757">
        <v>702</v>
      </c>
      <c r="H5757">
        <v>0</v>
      </c>
      <c r="I5757">
        <v>0</v>
      </c>
      <c r="J5757">
        <v>0</v>
      </c>
      <c r="K5757">
        <v>0</v>
      </c>
      <c r="L5757">
        <v>0</v>
      </c>
      <c r="M5757">
        <v>0</v>
      </c>
      <c r="N5757">
        <v>0</v>
      </c>
      <c r="O5757">
        <v>0</v>
      </c>
      <c r="P5757">
        <v>0</v>
      </c>
      <c r="Q5757">
        <v>0</v>
      </c>
      <c r="R5757">
        <v>0</v>
      </c>
      <c r="S5757">
        <v>0</v>
      </c>
      <c r="T5757" s="1">
        <v>45080.546875</v>
      </c>
    </row>
    <row r="5758" spans="1:20" x14ac:dyDescent="0.4">
      <c r="A5758">
        <v>409</v>
      </c>
      <c r="B5758">
        <v>2299</v>
      </c>
      <c r="C5758">
        <v>30</v>
      </c>
      <c r="D5758">
        <v>1</v>
      </c>
      <c r="E5758">
        <v>2299</v>
      </c>
      <c r="F5758" t="s">
        <v>526</v>
      </c>
      <c r="G5758">
        <v>735</v>
      </c>
      <c r="H5758">
        <v>0</v>
      </c>
      <c r="I5758">
        <v>0</v>
      </c>
      <c r="J5758">
        <v>0</v>
      </c>
      <c r="K5758">
        <v>0</v>
      </c>
      <c r="L5758">
        <v>0</v>
      </c>
      <c r="M5758">
        <v>0</v>
      </c>
      <c r="N5758">
        <v>0</v>
      </c>
      <c r="O5758">
        <v>0</v>
      </c>
      <c r="P5758">
        <v>0</v>
      </c>
      <c r="Q5758">
        <v>0</v>
      </c>
      <c r="R5758">
        <v>0</v>
      </c>
      <c r="S5758">
        <v>0</v>
      </c>
      <c r="T5758" s="1">
        <v>45080.546875</v>
      </c>
    </row>
    <row r="5759" spans="1:20" x14ac:dyDescent="0.4">
      <c r="A5759">
        <v>410</v>
      </c>
      <c r="B5759">
        <v>2301</v>
      </c>
      <c r="C5759">
        <v>30</v>
      </c>
      <c r="D5759">
        <v>1</v>
      </c>
      <c r="E5759">
        <v>2301</v>
      </c>
      <c r="F5759" t="s">
        <v>964</v>
      </c>
      <c r="G5759">
        <v>582</v>
      </c>
      <c r="H5759">
        <v>0</v>
      </c>
      <c r="I5759">
        <v>0</v>
      </c>
      <c r="J5759">
        <v>0</v>
      </c>
      <c r="K5759">
        <v>0</v>
      </c>
      <c r="L5759">
        <v>0</v>
      </c>
      <c r="M5759">
        <v>0</v>
      </c>
      <c r="N5759">
        <v>0</v>
      </c>
      <c r="O5759">
        <v>0</v>
      </c>
      <c r="P5759">
        <v>0</v>
      </c>
      <c r="Q5759">
        <v>0</v>
      </c>
      <c r="R5759">
        <v>0</v>
      </c>
      <c r="S5759">
        <v>0</v>
      </c>
      <c r="T5759" s="1">
        <v>45080.546875</v>
      </c>
    </row>
    <row r="5760" spans="1:20" x14ac:dyDescent="0.4">
      <c r="A5760">
        <v>411</v>
      </c>
      <c r="B5760">
        <v>2302</v>
      </c>
      <c r="C5760">
        <v>30</v>
      </c>
      <c r="D5760">
        <v>1</v>
      </c>
      <c r="E5760">
        <v>2302</v>
      </c>
      <c r="F5760" t="s">
        <v>965</v>
      </c>
      <c r="G5760">
        <v>659</v>
      </c>
      <c r="H5760">
        <v>0</v>
      </c>
      <c r="I5760">
        <v>0</v>
      </c>
      <c r="J5760">
        <v>0</v>
      </c>
      <c r="K5760">
        <v>0</v>
      </c>
      <c r="L5760">
        <v>0</v>
      </c>
      <c r="M5760">
        <v>0</v>
      </c>
      <c r="N5760">
        <v>0</v>
      </c>
      <c r="O5760">
        <v>0</v>
      </c>
      <c r="P5760">
        <v>0</v>
      </c>
      <c r="Q5760">
        <v>0</v>
      </c>
      <c r="R5760">
        <v>0</v>
      </c>
      <c r="S5760">
        <v>0</v>
      </c>
      <c r="T5760" s="1">
        <v>45080.546875</v>
      </c>
    </row>
    <row r="5761" spans="1:20" x14ac:dyDescent="0.4">
      <c r="A5761">
        <v>412</v>
      </c>
      <c r="B5761">
        <v>2303</v>
      </c>
      <c r="C5761">
        <v>30</v>
      </c>
      <c r="D5761">
        <v>1</v>
      </c>
      <c r="E5761">
        <v>2303</v>
      </c>
      <c r="F5761" t="s">
        <v>966</v>
      </c>
      <c r="G5761">
        <v>570</v>
      </c>
      <c r="H5761">
        <v>0</v>
      </c>
      <c r="I5761">
        <v>0</v>
      </c>
      <c r="J5761">
        <v>0</v>
      </c>
      <c r="K5761">
        <v>0</v>
      </c>
      <c r="L5761">
        <v>0</v>
      </c>
      <c r="M5761">
        <v>0</v>
      </c>
      <c r="N5761">
        <v>0</v>
      </c>
      <c r="O5761">
        <v>0</v>
      </c>
      <c r="P5761">
        <v>0</v>
      </c>
      <c r="Q5761">
        <v>0</v>
      </c>
      <c r="R5761">
        <v>0</v>
      </c>
      <c r="S5761">
        <v>0</v>
      </c>
      <c r="T5761" s="1">
        <v>45080.546875</v>
      </c>
    </row>
    <row r="5762" spans="1:20" x14ac:dyDescent="0.4">
      <c r="A5762">
        <v>413</v>
      </c>
      <c r="B5762">
        <v>2304</v>
      </c>
      <c r="C5762">
        <v>30</v>
      </c>
      <c r="D5762">
        <v>1</v>
      </c>
      <c r="E5762">
        <v>2304</v>
      </c>
      <c r="F5762" t="s">
        <v>967</v>
      </c>
      <c r="G5762">
        <v>625</v>
      </c>
      <c r="H5762">
        <v>0</v>
      </c>
      <c r="I5762">
        <v>0</v>
      </c>
      <c r="J5762">
        <v>0</v>
      </c>
      <c r="K5762">
        <v>0</v>
      </c>
      <c r="L5762">
        <v>0</v>
      </c>
      <c r="M5762">
        <v>0</v>
      </c>
      <c r="N5762">
        <v>0</v>
      </c>
      <c r="O5762">
        <v>0</v>
      </c>
      <c r="P5762">
        <v>0</v>
      </c>
      <c r="Q5762">
        <v>0</v>
      </c>
      <c r="R5762">
        <v>0</v>
      </c>
      <c r="S5762">
        <v>0</v>
      </c>
      <c r="T5762" s="1">
        <v>45080.546875</v>
      </c>
    </row>
    <row r="5763" spans="1:20" x14ac:dyDescent="0.4">
      <c r="A5763">
        <v>414</v>
      </c>
      <c r="B5763">
        <v>2305</v>
      </c>
      <c r="C5763">
        <v>30</v>
      </c>
      <c r="D5763">
        <v>1</v>
      </c>
      <c r="E5763">
        <v>2305</v>
      </c>
      <c r="F5763" t="s">
        <v>968</v>
      </c>
      <c r="G5763">
        <v>548</v>
      </c>
      <c r="H5763">
        <v>0</v>
      </c>
      <c r="I5763">
        <v>0</v>
      </c>
      <c r="J5763">
        <v>0</v>
      </c>
      <c r="K5763">
        <v>0</v>
      </c>
      <c r="L5763">
        <v>0</v>
      </c>
      <c r="M5763">
        <v>0</v>
      </c>
      <c r="N5763">
        <v>0</v>
      </c>
      <c r="O5763">
        <v>0</v>
      </c>
      <c r="P5763">
        <v>0</v>
      </c>
      <c r="Q5763">
        <v>0</v>
      </c>
      <c r="R5763">
        <v>0</v>
      </c>
      <c r="S5763">
        <v>0</v>
      </c>
      <c r="T5763" s="1">
        <v>45080.546875</v>
      </c>
    </row>
    <row r="5764" spans="1:20" x14ac:dyDescent="0.4">
      <c r="A5764">
        <v>415</v>
      </c>
      <c r="B5764">
        <v>2331</v>
      </c>
      <c r="C5764">
        <v>31</v>
      </c>
      <c r="D5764">
        <v>1</v>
      </c>
      <c r="E5764">
        <v>2331</v>
      </c>
      <c r="F5764" t="s">
        <v>969</v>
      </c>
      <c r="G5764">
        <v>1054</v>
      </c>
      <c r="H5764">
        <v>0</v>
      </c>
      <c r="I5764">
        <v>0</v>
      </c>
      <c r="J5764">
        <v>0</v>
      </c>
      <c r="K5764">
        <v>0</v>
      </c>
      <c r="L5764">
        <v>0</v>
      </c>
      <c r="M5764">
        <v>0</v>
      </c>
      <c r="N5764">
        <v>0</v>
      </c>
      <c r="O5764">
        <v>0</v>
      </c>
      <c r="P5764">
        <v>0</v>
      </c>
      <c r="Q5764">
        <v>0</v>
      </c>
      <c r="R5764">
        <v>0</v>
      </c>
      <c r="S5764">
        <v>0</v>
      </c>
      <c r="T5764" s="1">
        <v>45080.546875</v>
      </c>
    </row>
    <row r="5765" spans="1:20" x14ac:dyDescent="0.4">
      <c r="A5765">
        <v>416</v>
      </c>
      <c r="B5765">
        <v>2332</v>
      </c>
      <c r="C5765">
        <v>31</v>
      </c>
      <c r="D5765">
        <v>1</v>
      </c>
      <c r="E5765">
        <v>2332</v>
      </c>
      <c r="F5765" t="s">
        <v>970</v>
      </c>
      <c r="G5765">
        <v>966</v>
      </c>
      <c r="H5765">
        <v>0</v>
      </c>
      <c r="I5765">
        <v>0</v>
      </c>
      <c r="J5765">
        <v>0</v>
      </c>
      <c r="K5765">
        <v>0</v>
      </c>
      <c r="L5765">
        <v>0</v>
      </c>
      <c r="M5765">
        <v>0</v>
      </c>
      <c r="N5765">
        <v>0</v>
      </c>
      <c r="O5765">
        <v>0</v>
      </c>
      <c r="P5765">
        <v>0</v>
      </c>
      <c r="Q5765">
        <v>0</v>
      </c>
      <c r="R5765">
        <v>0</v>
      </c>
      <c r="S5765">
        <v>0</v>
      </c>
      <c r="T5765" s="1">
        <v>45080.546875</v>
      </c>
    </row>
    <row r="5766" spans="1:20" x14ac:dyDescent="0.4">
      <c r="A5766">
        <v>417</v>
      </c>
      <c r="B5766">
        <v>2335</v>
      </c>
      <c r="C5766">
        <v>31</v>
      </c>
      <c r="D5766">
        <v>1</v>
      </c>
      <c r="E5766">
        <v>2335</v>
      </c>
      <c r="F5766" t="s">
        <v>971</v>
      </c>
      <c r="G5766">
        <v>1419</v>
      </c>
      <c r="H5766">
        <v>0</v>
      </c>
      <c r="I5766">
        <v>0</v>
      </c>
      <c r="J5766">
        <v>0</v>
      </c>
      <c r="K5766">
        <v>0</v>
      </c>
      <c r="L5766">
        <v>0</v>
      </c>
      <c r="M5766">
        <v>0</v>
      </c>
      <c r="N5766">
        <v>0</v>
      </c>
      <c r="O5766">
        <v>0</v>
      </c>
      <c r="P5766">
        <v>0</v>
      </c>
      <c r="Q5766">
        <v>0</v>
      </c>
      <c r="R5766">
        <v>0</v>
      </c>
      <c r="S5766">
        <v>0</v>
      </c>
      <c r="T5766" s="1">
        <v>45080.546875</v>
      </c>
    </row>
    <row r="5767" spans="1:20" x14ac:dyDescent="0.4">
      <c r="A5767">
        <v>418</v>
      </c>
      <c r="B5767">
        <v>2337</v>
      </c>
      <c r="C5767">
        <v>31</v>
      </c>
      <c r="D5767">
        <v>1</v>
      </c>
      <c r="E5767">
        <v>2337</v>
      </c>
      <c r="F5767" t="s">
        <v>972</v>
      </c>
      <c r="G5767">
        <v>1869</v>
      </c>
      <c r="H5767">
        <v>0</v>
      </c>
      <c r="I5767">
        <v>0</v>
      </c>
      <c r="J5767">
        <v>0</v>
      </c>
      <c r="K5767">
        <v>0</v>
      </c>
      <c r="L5767">
        <v>0</v>
      </c>
      <c r="M5767">
        <v>0</v>
      </c>
      <c r="N5767">
        <v>0</v>
      </c>
      <c r="O5767">
        <v>0</v>
      </c>
      <c r="P5767">
        <v>0</v>
      </c>
      <c r="Q5767">
        <v>0</v>
      </c>
      <c r="R5767">
        <v>0</v>
      </c>
      <c r="S5767">
        <v>0</v>
      </c>
      <c r="T5767" s="1">
        <v>45080.546875</v>
      </c>
    </row>
    <row r="5768" spans="1:20" x14ac:dyDescent="0.4">
      <c r="A5768">
        <v>419</v>
      </c>
      <c r="B5768">
        <v>2338</v>
      </c>
      <c r="C5768">
        <v>31</v>
      </c>
      <c r="D5768">
        <v>1</v>
      </c>
      <c r="E5768">
        <v>2338</v>
      </c>
      <c r="F5768" t="s">
        <v>973</v>
      </c>
      <c r="G5768">
        <v>1318</v>
      </c>
      <c r="H5768">
        <v>0</v>
      </c>
      <c r="I5768">
        <v>0</v>
      </c>
      <c r="J5768">
        <v>0</v>
      </c>
      <c r="K5768">
        <v>0</v>
      </c>
      <c r="L5768">
        <v>0</v>
      </c>
      <c r="M5768">
        <v>0</v>
      </c>
      <c r="N5768">
        <v>0</v>
      </c>
      <c r="O5768">
        <v>0</v>
      </c>
      <c r="P5768">
        <v>0</v>
      </c>
      <c r="Q5768">
        <v>0</v>
      </c>
      <c r="R5768">
        <v>0</v>
      </c>
      <c r="S5768">
        <v>0</v>
      </c>
      <c r="T5768" s="1">
        <v>45080.546875</v>
      </c>
    </row>
    <row r="5769" spans="1:20" x14ac:dyDescent="0.4">
      <c r="A5769">
        <v>420</v>
      </c>
      <c r="B5769">
        <v>2361</v>
      </c>
      <c r="C5769">
        <v>32</v>
      </c>
      <c r="D5769">
        <v>1</v>
      </c>
      <c r="E5769">
        <v>2361</v>
      </c>
      <c r="F5769" t="s">
        <v>974</v>
      </c>
      <c r="G5769">
        <v>626</v>
      </c>
      <c r="H5769">
        <v>0</v>
      </c>
      <c r="I5769">
        <v>0</v>
      </c>
      <c r="J5769">
        <v>0</v>
      </c>
      <c r="K5769">
        <v>0</v>
      </c>
      <c r="L5769">
        <v>0</v>
      </c>
      <c r="M5769">
        <v>0</v>
      </c>
      <c r="N5769">
        <v>0</v>
      </c>
      <c r="O5769">
        <v>0</v>
      </c>
      <c r="P5769">
        <v>0</v>
      </c>
      <c r="Q5769">
        <v>0</v>
      </c>
      <c r="R5769">
        <v>0</v>
      </c>
      <c r="S5769">
        <v>0</v>
      </c>
      <c r="T5769" s="1">
        <v>45080.546875</v>
      </c>
    </row>
    <row r="5770" spans="1:20" x14ac:dyDescent="0.4">
      <c r="A5770">
        <v>421</v>
      </c>
      <c r="B5770">
        <v>2362</v>
      </c>
      <c r="C5770">
        <v>32</v>
      </c>
      <c r="D5770">
        <v>1</v>
      </c>
      <c r="E5770">
        <v>2362</v>
      </c>
      <c r="F5770" t="s">
        <v>975</v>
      </c>
      <c r="G5770">
        <v>659</v>
      </c>
      <c r="H5770">
        <v>0</v>
      </c>
      <c r="I5770">
        <v>0</v>
      </c>
      <c r="J5770">
        <v>0</v>
      </c>
      <c r="K5770">
        <v>0</v>
      </c>
      <c r="L5770">
        <v>0</v>
      </c>
      <c r="M5770">
        <v>0</v>
      </c>
      <c r="N5770">
        <v>0</v>
      </c>
      <c r="O5770">
        <v>0</v>
      </c>
      <c r="P5770">
        <v>0</v>
      </c>
      <c r="Q5770">
        <v>0</v>
      </c>
      <c r="R5770">
        <v>0</v>
      </c>
      <c r="S5770">
        <v>0</v>
      </c>
      <c r="T5770" s="1">
        <v>45080.546875</v>
      </c>
    </row>
    <row r="5771" spans="1:20" x14ac:dyDescent="0.4">
      <c r="A5771">
        <v>422</v>
      </c>
      <c r="B5771">
        <v>2363</v>
      </c>
      <c r="C5771">
        <v>32</v>
      </c>
      <c r="D5771">
        <v>1</v>
      </c>
      <c r="E5771">
        <v>2363</v>
      </c>
      <c r="F5771" t="s">
        <v>976</v>
      </c>
      <c r="G5771">
        <v>674</v>
      </c>
      <c r="H5771">
        <v>0</v>
      </c>
      <c r="I5771">
        <v>0</v>
      </c>
      <c r="J5771">
        <v>0</v>
      </c>
      <c r="K5771">
        <v>0</v>
      </c>
      <c r="L5771">
        <v>0</v>
      </c>
      <c r="M5771">
        <v>0</v>
      </c>
      <c r="N5771">
        <v>0</v>
      </c>
      <c r="O5771">
        <v>0</v>
      </c>
      <c r="P5771">
        <v>0</v>
      </c>
      <c r="Q5771">
        <v>0</v>
      </c>
      <c r="R5771">
        <v>0</v>
      </c>
      <c r="S5771">
        <v>0</v>
      </c>
      <c r="T5771" s="1">
        <v>45080.546875</v>
      </c>
    </row>
    <row r="5772" spans="1:20" x14ac:dyDescent="0.4">
      <c r="A5772">
        <v>423</v>
      </c>
      <c r="B5772">
        <v>2366</v>
      </c>
      <c r="C5772">
        <v>32</v>
      </c>
      <c r="D5772">
        <v>1</v>
      </c>
      <c r="E5772">
        <v>2366</v>
      </c>
      <c r="F5772" t="s">
        <v>889</v>
      </c>
      <c r="G5772">
        <v>790</v>
      </c>
      <c r="H5772">
        <v>0</v>
      </c>
      <c r="I5772">
        <v>0</v>
      </c>
      <c r="J5772">
        <v>0</v>
      </c>
      <c r="K5772">
        <v>0</v>
      </c>
      <c r="L5772">
        <v>0</v>
      </c>
      <c r="M5772">
        <v>0</v>
      </c>
      <c r="N5772">
        <v>0</v>
      </c>
      <c r="O5772">
        <v>0</v>
      </c>
      <c r="P5772">
        <v>0</v>
      </c>
      <c r="Q5772">
        <v>0</v>
      </c>
      <c r="R5772">
        <v>0</v>
      </c>
      <c r="S5772">
        <v>0</v>
      </c>
      <c r="T5772" s="1">
        <v>45080.546875</v>
      </c>
    </row>
    <row r="5773" spans="1:20" x14ac:dyDescent="0.4">
      <c r="A5773">
        <v>424</v>
      </c>
      <c r="B5773">
        <v>2367</v>
      </c>
      <c r="C5773">
        <v>32</v>
      </c>
      <c r="D5773">
        <v>1</v>
      </c>
      <c r="E5773">
        <v>2367</v>
      </c>
      <c r="F5773" t="s">
        <v>890</v>
      </c>
      <c r="G5773">
        <v>769</v>
      </c>
      <c r="H5773">
        <v>0</v>
      </c>
      <c r="I5773">
        <v>0</v>
      </c>
      <c r="J5773">
        <v>0</v>
      </c>
      <c r="K5773">
        <v>0</v>
      </c>
      <c r="L5773">
        <v>0</v>
      </c>
      <c r="M5773">
        <v>0</v>
      </c>
      <c r="N5773">
        <v>0</v>
      </c>
      <c r="O5773">
        <v>0</v>
      </c>
      <c r="P5773">
        <v>0</v>
      </c>
      <c r="Q5773">
        <v>0</v>
      </c>
      <c r="R5773">
        <v>0</v>
      </c>
      <c r="S5773">
        <v>0</v>
      </c>
      <c r="T5773" s="1">
        <v>45080.546875</v>
      </c>
    </row>
    <row r="5774" spans="1:20" x14ac:dyDescent="0.4">
      <c r="A5774">
        <v>425</v>
      </c>
      <c r="B5774">
        <v>2368</v>
      </c>
      <c r="C5774">
        <v>32</v>
      </c>
      <c r="D5774">
        <v>1</v>
      </c>
      <c r="E5774">
        <v>2368</v>
      </c>
      <c r="F5774" t="s">
        <v>977</v>
      </c>
      <c r="G5774">
        <v>659</v>
      </c>
      <c r="H5774">
        <v>0</v>
      </c>
      <c r="I5774">
        <v>0</v>
      </c>
      <c r="J5774">
        <v>0</v>
      </c>
      <c r="K5774">
        <v>0</v>
      </c>
      <c r="L5774">
        <v>0</v>
      </c>
      <c r="M5774">
        <v>0</v>
      </c>
      <c r="N5774">
        <v>0</v>
      </c>
      <c r="O5774">
        <v>0</v>
      </c>
      <c r="P5774">
        <v>0</v>
      </c>
      <c r="Q5774">
        <v>0</v>
      </c>
      <c r="R5774">
        <v>0</v>
      </c>
      <c r="S5774">
        <v>0</v>
      </c>
      <c r="T5774" s="1">
        <v>45080.546875</v>
      </c>
    </row>
    <row r="5775" spans="1:20" x14ac:dyDescent="0.4">
      <c r="A5775">
        <v>426</v>
      </c>
      <c r="B5775">
        <v>2369</v>
      </c>
      <c r="C5775">
        <v>32</v>
      </c>
      <c r="D5775">
        <v>1</v>
      </c>
      <c r="E5775">
        <v>2369</v>
      </c>
      <c r="F5775" t="s">
        <v>892</v>
      </c>
      <c r="G5775">
        <v>482</v>
      </c>
      <c r="H5775">
        <v>0</v>
      </c>
      <c r="I5775">
        <v>0</v>
      </c>
      <c r="J5775">
        <v>0</v>
      </c>
      <c r="K5775">
        <v>0</v>
      </c>
      <c r="L5775">
        <v>0</v>
      </c>
      <c r="M5775">
        <v>0</v>
      </c>
      <c r="N5775">
        <v>0</v>
      </c>
      <c r="O5775">
        <v>0</v>
      </c>
      <c r="P5775">
        <v>0</v>
      </c>
      <c r="Q5775">
        <v>0</v>
      </c>
      <c r="R5775">
        <v>0</v>
      </c>
      <c r="S5775">
        <v>0</v>
      </c>
      <c r="T5775" s="1">
        <v>45080.546875</v>
      </c>
    </row>
    <row r="5776" spans="1:20" x14ac:dyDescent="0.4">
      <c r="A5776">
        <v>427</v>
      </c>
      <c r="B5776">
        <v>2391</v>
      </c>
      <c r="C5776">
        <v>33</v>
      </c>
      <c r="D5776">
        <v>1</v>
      </c>
      <c r="E5776">
        <v>2391</v>
      </c>
      <c r="F5776" t="s">
        <v>978</v>
      </c>
      <c r="G5776">
        <v>834</v>
      </c>
      <c r="H5776">
        <v>0</v>
      </c>
      <c r="I5776">
        <v>0</v>
      </c>
      <c r="J5776">
        <v>0</v>
      </c>
      <c r="K5776">
        <v>0</v>
      </c>
      <c r="L5776">
        <v>0</v>
      </c>
      <c r="M5776">
        <v>0</v>
      </c>
      <c r="N5776">
        <v>0</v>
      </c>
      <c r="O5776">
        <v>0</v>
      </c>
      <c r="P5776">
        <v>0</v>
      </c>
      <c r="Q5776">
        <v>0</v>
      </c>
      <c r="R5776">
        <v>0</v>
      </c>
      <c r="S5776">
        <v>0</v>
      </c>
      <c r="T5776" s="1">
        <v>45080.546875</v>
      </c>
    </row>
    <row r="5777" spans="1:20" x14ac:dyDescent="0.4">
      <c r="A5777">
        <v>428</v>
      </c>
      <c r="B5777">
        <v>2393</v>
      </c>
      <c r="C5777">
        <v>33</v>
      </c>
      <c r="D5777">
        <v>1</v>
      </c>
      <c r="E5777">
        <v>2393</v>
      </c>
      <c r="F5777" t="s">
        <v>979</v>
      </c>
      <c r="G5777">
        <v>735</v>
      </c>
      <c r="H5777">
        <v>0</v>
      </c>
      <c r="I5777">
        <v>0</v>
      </c>
      <c r="J5777">
        <v>0</v>
      </c>
      <c r="K5777">
        <v>0</v>
      </c>
      <c r="L5777">
        <v>0</v>
      </c>
      <c r="M5777">
        <v>0</v>
      </c>
      <c r="N5777">
        <v>0</v>
      </c>
      <c r="O5777">
        <v>0</v>
      </c>
      <c r="P5777">
        <v>0</v>
      </c>
      <c r="Q5777">
        <v>0</v>
      </c>
      <c r="R5777">
        <v>0</v>
      </c>
      <c r="S5777">
        <v>0</v>
      </c>
      <c r="T5777" s="1">
        <v>45080.546875</v>
      </c>
    </row>
    <row r="5778" spans="1:20" x14ac:dyDescent="0.4">
      <c r="A5778">
        <v>429</v>
      </c>
      <c r="B5778">
        <v>2394</v>
      </c>
      <c r="C5778">
        <v>33</v>
      </c>
      <c r="D5778">
        <v>1</v>
      </c>
      <c r="E5778">
        <v>2394</v>
      </c>
      <c r="F5778" t="s">
        <v>980</v>
      </c>
      <c r="G5778">
        <v>439</v>
      </c>
      <c r="H5778">
        <v>0</v>
      </c>
      <c r="I5778">
        <v>0</v>
      </c>
      <c r="J5778">
        <v>0</v>
      </c>
      <c r="K5778">
        <v>0</v>
      </c>
      <c r="L5778">
        <v>0</v>
      </c>
      <c r="M5778">
        <v>0</v>
      </c>
      <c r="N5778">
        <v>0</v>
      </c>
      <c r="O5778">
        <v>0</v>
      </c>
      <c r="P5778">
        <v>0</v>
      </c>
      <c r="Q5778">
        <v>0</v>
      </c>
      <c r="R5778">
        <v>0</v>
      </c>
      <c r="S5778">
        <v>0</v>
      </c>
      <c r="T5778" s="1">
        <v>45080.546875</v>
      </c>
    </row>
    <row r="5779" spans="1:20" x14ac:dyDescent="0.4">
      <c r="A5779">
        <v>430</v>
      </c>
      <c r="B5779">
        <v>2395</v>
      </c>
      <c r="C5779">
        <v>33</v>
      </c>
      <c r="D5779">
        <v>1</v>
      </c>
      <c r="E5779">
        <v>2395</v>
      </c>
      <c r="F5779" t="s">
        <v>981</v>
      </c>
      <c r="G5779">
        <v>439</v>
      </c>
      <c r="H5779">
        <v>0</v>
      </c>
      <c r="I5779">
        <v>0</v>
      </c>
      <c r="J5779">
        <v>0</v>
      </c>
      <c r="K5779">
        <v>0</v>
      </c>
      <c r="L5779">
        <v>0</v>
      </c>
      <c r="M5779">
        <v>0</v>
      </c>
      <c r="N5779">
        <v>0</v>
      </c>
      <c r="O5779">
        <v>0</v>
      </c>
      <c r="P5779">
        <v>0</v>
      </c>
      <c r="Q5779">
        <v>0</v>
      </c>
      <c r="R5779">
        <v>0</v>
      </c>
      <c r="S5779">
        <v>0</v>
      </c>
      <c r="T5779" s="1">
        <v>45080.546875</v>
      </c>
    </row>
    <row r="5780" spans="1:20" x14ac:dyDescent="0.4">
      <c r="A5780">
        <v>431</v>
      </c>
      <c r="B5780">
        <v>2396</v>
      </c>
      <c r="C5780">
        <v>33</v>
      </c>
      <c r="D5780">
        <v>1</v>
      </c>
      <c r="E5780">
        <v>2396</v>
      </c>
      <c r="F5780" t="s">
        <v>982</v>
      </c>
      <c r="G5780">
        <v>625</v>
      </c>
      <c r="H5780">
        <v>0</v>
      </c>
      <c r="I5780">
        <v>0</v>
      </c>
      <c r="J5780">
        <v>0</v>
      </c>
      <c r="K5780">
        <v>0</v>
      </c>
      <c r="L5780">
        <v>0</v>
      </c>
      <c r="M5780">
        <v>0</v>
      </c>
      <c r="N5780">
        <v>0</v>
      </c>
      <c r="O5780">
        <v>0</v>
      </c>
      <c r="P5780">
        <v>0</v>
      </c>
      <c r="Q5780">
        <v>0</v>
      </c>
      <c r="R5780">
        <v>0</v>
      </c>
      <c r="S5780">
        <v>0</v>
      </c>
      <c r="T5780" s="1">
        <v>45080.546875</v>
      </c>
    </row>
    <row r="5781" spans="1:20" x14ac:dyDescent="0.4">
      <c r="A5781">
        <v>432</v>
      </c>
      <c r="B5781">
        <v>2397</v>
      </c>
      <c r="C5781">
        <v>33</v>
      </c>
      <c r="D5781">
        <v>1</v>
      </c>
      <c r="E5781">
        <v>2397</v>
      </c>
      <c r="F5781" t="s">
        <v>983</v>
      </c>
      <c r="G5781">
        <v>504</v>
      </c>
      <c r="H5781">
        <v>0</v>
      </c>
      <c r="I5781">
        <v>0</v>
      </c>
      <c r="J5781">
        <v>0</v>
      </c>
      <c r="K5781">
        <v>0</v>
      </c>
      <c r="L5781">
        <v>0</v>
      </c>
      <c r="M5781">
        <v>0</v>
      </c>
      <c r="N5781">
        <v>0</v>
      </c>
      <c r="O5781">
        <v>0</v>
      </c>
      <c r="P5781">
        <v>0</v>
      </c>
      <c r="Q5781">
        <v>0</v>
      </c>
      <c r="R5781">
        <v>0</v>
      </c>
      <c r="S5781">
        <v>0</v>
      </c>
      <c r="T5781" s="1">
        <v>45080.546875</v>
      </c>
    </row>
    <row r="5782" spans="1:20" x14ac:dyDescent="0.4">
      <c r="A5782">
        <v>433</v>
      </c>
      <c r="B5782">
        <v>2398</v>
      </c>
      <c r="C5782">
        <v>33</v>
      </c>
      <c r="D5782">
        <v>1</v>
      </c>
      <c r="E5782">
        <v>2398</v>
      </c>
      <c r="F5782" t="s">
        <v>984</v>
      </c>
      <c r="G5782">
        <v>754</v>
      </c>
      <c r="H5782">
        <v>0</v>
      </c>
      <c r="I5782">
        <v>0</v>
      </c>
      <c r="J5782">
        <v>0</v>
      </c>
      <c r="K5782">
        <v>0</v>
      </c>
      <c r="L5782">
        <v>0</v>
      </c>
      <c r="M5782">
        <v>0</v>
      </c>
      <c r="N5782">
        <v>0</v>
      </c>
      <c r="O5782">
        <v>0</v>
      </c>
      <c r="P5782">
        <v>0</v>
      </c>
      <c r="Q5782">
        <v>0</v>
      </c>
      <c r="R5782">
        <v>0</v>
      </c>
      <c r="S5782">
        <v>0</v>
      </c>
      <c r="T5782" s="1">
        <v>45080.546875</v>
      </c>
    </row>
    <row r="5783" spans="1:20" x14ac:dyDescent="0.4">
      <c r="A5783">
        <v>434</v>
      </c>
      <c r="B5783">
        <v>2399</v>
      </c>
      <c r="C5783">
        <v>33</v>
      </c>
      <c r="D5783">
        <v>1</v>
      </c>
      <c r="E5783">
        <v>2399</v>
      </c>
      <c r="F5783" t="s">
        <v>985</v>
      </c>
      <c r="G5783">
        <v>548</v>
      </c>
      <c r="H5783">
        <v>0</v>
      </c>
      <c r="I5783">
        <v>0</v>
      </c>
      <c r="J5783">
        <v>0</v>
      </c>
      <c r="K5783">
        <v>0</v>
      </c>
      <c r="L5783">
        <v>0</v>
      </c>
      <c r="M5783">
        <v>0</v>
      </c>
      <c r="N5783">
        <v>0</v>
      </c>
      <c r="O5783">
        <v>0</v>
      </c>
      <c r="P5783">
        <v>0</v>
      </c>
      <c r="Q5783">
        <v>0</v>
      </c>
      <c r="R5783">
        <v>0</v>
      </c>
      <c r="S5783">
        <v>0</v>
      </c>
      <c r="T5783" s="1">
        <v>45080.546875</v>
      </c>
    </row>
    <row r="5784" spans="1:20" x14ac:dyDescent="0.4">
      <c r="A5784">
        <v>435</v>
      </c>
      <c r="B5784">
        <v>2400</v>
      </c>
      <c r="C5784">
        <v>33</v>
      </c>
      <c r="D5784">
        <v>1</v>
      </c>
      <c r="E5784">
        <v>2400</v>
      </c>
      <c r="F5784" t="s">
        <v>986</v>
      </c>
      <c r="G5784">
        <v>658</v>
      </c>
      <c r="H5784">
        <v>0</v>
      </c>
      <c r="I5784">
        <v>0</v>
      </c>
      <c r="J5784">
        <v>0</v>
      </c>
      <c r="K5784">
        <v>0</v>
      </c>
      <c r="L5784">
        <v>0</v>
      </c>
      <c r="M5784">
        <v>0</v>
      </c>
      <c r="N5784">
        <v>0</v>
      </c>
      <c r="O5784">
        <v>0</v>
      </c>
      <c r="P5784">
        <v>0</v>
      </c>
      <c r="Q5784">
        <v>0</v>
      </c>
      <c r="R5784">
        <v>0</v>
      </c>
      <c r="S5784">
        <v>0</v>
      </c>
      <c r="T5784" s="1">
        <v>45080.546875</v>
      </c>
    </row>
    <row r="5785" spans="1:20" x14ac:dyDescent="0.4">
      <c r="A5785">
        <v>436</v>
      </c>
      <c r="B5785">
        <v>2421</v>
      </c>
      <c r="C5785">
        <v>34</v>
      </c>
      <c r="D5785">
        <v>1</v>
      </c>
      <c r="E5785">
        <v>2421</v>
      </c>
      <c r="F5785" t="s">
        <v>904</v>
      </c>
      <c r="G5785">
        <v>1099</v>
      </c>
      <c r="H5785">
        <v>0</v>
      </c>
      <c r="I5785">
        <v>0</v>
      </c>
      <c r="J5785">
        <v>0</v>
      </c>
      <c r="K5785">
        <v>0</v>
      </c>
      <c r="L5785">
        <v>0</v>
      </c>
      <c r="M5785">
        <v>0</v>
      </c>
      <c r="N5785">
        <v>0</v>
      </c>
      <c r="O5785">
        <v>0</v>
      </c>
      <c r="P5785">
        <v>0</v>
      </c>
      <c r="Q5785">
        <v>0</v>
      </c>
      <c r="R5785">
        <v>0</v>
      </c>
      <c r="S5785">
        <v>0</v>
      </c>
      <c r="T5785" s="1">
        <v>45080.546875</v>
      </c>
    </row>
    <row r="5786" spans="1:20" x14ac:dyDescent="0.4">
      <c r="A5786">
        <v>437</v>
      </c>
      <c r="B5786">
        <v>2422</v>
      </c>
      <c r="C5786">
        <v>34</v>
      </c>
      <c r="D5786">
        <v>1</v>
      </c>
      <c r="E5786">
        <v>2422</v>
      </c>
      <c r="F5786" t="s">
        <v>905</v>
      </c>
      <c r="G5786">
        <v>890</v>
      </c>
      <c r="H5786">
        <v>0</v>
      </c>
      <c r="I5786">
        <v>0</v>
      </c>
      <c r="J5786">
        <v>0</v>
      </c>
      <c r="K5786">
        <v>0</v>
      </c>
      <c r="L5786">
        <v>0</v>
      </c>
      <c r="M5786">
        <v>0</v>
      </c>
      <c r="N5786">
        <v>0</v>
      </c>
      <c r="O5786">
        <v>0</v>
      </c>
      <c r="P5786">
        <v>0</v>
      </c>
      <c r="Q5786">
        <v>0</v>
      </c>
      <c r="R5786">
        <v>0</v>
      </c>
      <c r="S5786">
        <v>0</v>
      </c>
      <c r="T5786" s="1">
        <v>45080.546875</v>
      </c>
    </row>
    <row r="5787" spans="1:20" x14ac:dyDescent="0.4">
      <c r="A5787">
        <v>438</v>
      </c>
      <c r="B5787">
        <v>2424</v>
      </c>
      <c r="C5787">
        <v>34</v>
      </c>
      <c r="D5787">
        <v>1</v>
      </c>
      <c r="E5787">
        <v>2424</v>
      </c>
      <c r="F5787" t="s">
        <v>827</v>
      </c>
      <c r="G5787">
        <v>978</v>
      </c>
      <c r="H5787">
        <v>0</v>
      </c>
      <c r="I5787">
        <v>0</v>
      </c>
      <c r="J5787">
        <v>0</v>
      </c>
      <c r="K5787">
        <v>0</v>
      </c>
      <c r="L5787">
        <v>0</v>
      </c>
      <c r="M5787">
        <v>0</v>
      </c>
      <c r="N5787">
        <v>0</v>
      </c>
      <c r="O5787">
        <v>0</v>
      </c>
      <c r="P5787">
        <v>0</v>
      </c>
      <c r="Q5787">
        <v>0</v>
      </c>
      <c r="R5787">
        <v>0</v>
      </c>
      <c r="S5787">
        <v>0</v>
      </c>
      <c r="T5787" s="1">
        <v>45080.546875</v>
      </c>
    </row>
    <row r="5788" spans="1:20" x14ac:dyDescent="0.4">
      <c r="A5788">
        <v>439</v>
      </c>
      <c r="B5788">
        <v>2426</v>
      </c>
      <c r="C5788">
        <v>34</v>
      </c>
      <c r="D5788">
        <v>1</v>
      </c>
      <c r="E5788">
        <v>2426</v>
      </c>
      <c r="F5788" t="s">
        <v>987</v>
      </c>
      <c r="G5788">
        <v>759</v>
      </c>
      <c r="H5788">
        <v>0</v>
      </c>
      <c r="I5788">
        <v>0</v>
      </c>
      <c r="J5788">
        <v>0</v>
      </c>
      <c r="K5788">
        <v>0</v>
      </c>
      <c r="L5788">
        <v>0</v>
      </c>
      <c r="M5788">
        <v>0</v>
      </c>
      <c r="N5788">
        <v>0</v>
      </c>
      <c r="O5788">
        <v>0</v>
      </c>
      <c r="P5788">
        <v>0</v>
      </c>
      <c r="Q5788">
        <v>0</v>
      </c>
      <c r="R5788">
        <v>0</v>
      </c>
      <c r="S5788">
        <v>0</v>
      </c>
      <c r="T5788" s="1">
        <v>45080.546875</v>
      </c>
    </row>
    <row r="5789" spans="1:20" x14ac:dyDescent="0.4">
      <c r="A5789">
        <v>440</v>
      </c>
      <c r="B5789">
        <v>2428</v>
      </c>
      <c r="C5789">
        <v>34</v>
      </c>
      <c r="D5789">
        <v>1</v>
      </c>
      <c r="E5789">
        <v>2428</v>
      </c>
      <c r="F5789" t="s">
        <v>988</v>
      </c>
      <c r="G5789">
        <v>989</v>
      </c>
      <c r="H5789">
        <v>0</v>
      </c>
      <c r="I5789">
        <v>0</v>
      </c>
      <c r="J5789">
        <v>0</v>
      </c>
      <c r="K5789">
        <v>0</v>
      </c>
      <c r="L5789">
        <v>0</v>
      </c>
      <c r="M5789">
        <v>0</v>
      </c>
      <c r="N5789">
        <v>0</v>
      </c>
      <c r="O5789">
        <v>0</v>
      </c>
      <c r="P5789">
        <v>0</v>
      </c>
      <c r="Q5789">
        <v>0</v>
      </c>
      <c r="R5789">
        <v>0</v>
      </c>
      <c r="S5789">
        <v>0</v>
      </c>
      <c r="T5789" s="1">
        <v>45080.546875</v>
      </c>
    </row>
    <row r="5790" spans="1:20" x14ac:dyDescent="0.4">
      <c r="A5790">
        <v>441</v>
      </c>
      <c r="B5790">
        <v>2429</v>
      </c>
      <c r="C5790">
        <v>34</v>
      </c>
      <c r="D5790">
        <v>1</v>
      </c>
      <c r="E5790">
        <v>2429</v>
      </c>
      <c r="F5790" t="s">
        <v>989</v>
      </c>
      <c r="G5790">
        <v>1078</v>
      </c>
      <c r="H5790">
        <v>0</v>
      </c>
      <c r="I5790">
        <v>0</v>
      </c>
      <c r="J5790">
        <v>0</v>
      </c>
      <c r="K5790">
        <v>0</v>
      </c>
      <c r="L5790">
        <v>0</v>
      </c>
      <c r="M5790">
        <v>0</v>
      </c>
      <c r="N5790">
        <v>0</v>
      </c>
      <c r="O5790">
        <v>0</v>
      </c>
      <c r="P5790">
        <v>0</v>
      </c>
      <c r="Q5790">
        <v>0</v>
      </c>
      <c r="R5790">
        <v>0</v>
      </c>
      <c r="S5790">
        <v>0</v>
      </c>
      <c r="T5790" s="1">
        <v>45080.546875</v>
      </c>
    </row>
    <row r="5791" spans="1:20" x14ac:dyDescent="0.4">
      <c r="A5791">
        <v>442</v>
      </c>
      <c r="B5791">
        <v>2427</v>
      </c>
      <c r="C5791">
        <v>35</v>
      </c>
      <c r="D5791">
        <v>1</v>
      </c>
      <c r="E5791">
        <v>2427</v>
      </c>
      <c r="F5791" t="s">
        <v>990</v>
      </c>
      <c r="G5791">
        <v>825</v>
      </c>
      <c r="H5791">
        <v>0</v>
      </c>
      <c r="I5791">
        <v>0</v>
      </c>
      <c r="J5791">
        <v>0</v>
      </c>
      <c r="K5791">
        <v>0</v>
      </c>
      <c r="L5791">
        <v>0</v>
      </c>
      <c r="M5791">
        <v>0</v>
      </c>
      <c r="N5791">
        <v>0</v>
      </c>
      <c r="O5791">
        <v>0</v>
      </c>
      <c r="P5791">
        <v>0</v>
      </c>
      <c r="Q5791">
        <v>0</v>
      </c>
      <c r="R5791">
        <v>0</v>
      </c>
      <c r="S5791">
        <v>0</v>
      </c>
      <c r="T5791" s="1">
        <v>45080.546875</v>
      </c>
    </row>
    <row r="5792" spans="1:20" x14ac:dyDescent="0.4">
      <c r="A5792">
        <v>443</v>
      </c>
      <c r="B5792">
        <v>2451</v>
      </c>
      <c r="C5792">
        <v>35</v>
      </c>
      <c r="D5792">
        <v>1</v>
      </c>
      <c r="E5792">
        <v>2451</v>
      </c>
      <c r="F5792" t="s">
        <v>894</v>
      </c>
      <c r="G5792">
        <v>1868</v>
      </c>
      <c r="H5792">
        <v>0</v>
      </c>
      <c r="I5792">
        <v>0</v>
      </c>
      <c r="J5792">
        <v>0</v>
      </c>
      <c r="K5792">
        <v>0</v>
      </c>
      <c r="L5792">
        <v>0</v>
      </c>
      <c r="M5792">
        <v>0</v>
      </c>
      <c r="N5792">
        <v>0</v>
      </c>
      <c r="O5792">
        <v>0</v>
      </c>
      <c r="P5792">
        <v>0</v>
      </c>
      <c r="Q5792">
        <v>0</v>
      </c>
      <c r="R5792">
        <v>0</v>
      </c>
      <c r="S5792">
        <v>0</v>
      </c>
      <c r="T5792" s="1">
        <v>45080.546875</v>
      </c>
    </row>
    <row r="5793" spans="1:20" x14ac:dyDescent="0.4">
      <c r="A5793">
        <v>444</v>
      </c>
      <c r="B5793">
        <v>2452</v>
      </c>
      <c r="C5793">
        <v>35</v>
      </c>
      <c r="D5793">
        <v>1</v>
      </c>
      <c r="E5793">
        <v>2452</v>
      </c>
      <c r="F5793" t="s">
        <v>991</v>
      </c>
      <c r="G5793">
        <v>251</v>
      </c>
      <c r="H5793">
        <v>0</v>
      </c>
      <c r="I5793">
        <v>0</v>
      </c>
      <c r="J5793">
        <v>0</v>
      </c>
      <c r="K5793">
        <v>0</v>
      </c>
      <c r="L5793">
        <v>0</v>
      </c>
      <c r="M5793">
        <v>0</v>
      </c>
      <c r="N5793">
        <v>0</v>
      </c>
      <c r="O5793">
        <v>0</v>
      </c>
      <c r="P5793">
        <v>0</v>
      </c>
      <c r="Q5793">
        <v>0</v>
      </c>
      <c r="R5793">
        <v>0</v>
      </c>
      <c r="S5793">
        <v>0</v>
      </c>
      <c r="T5793" s="1">
        <v>45080.546875</v>
      </c>
    </row>
    <row r="5794" spans="1:20" x14ac:dyDescent="0.4">
      <c r="A5794">
        <v>445</v>
      </c>
      <c r="B5794">
        <v>2453</v>
      </c>
      <c r="C5794">
        <v>35</v>
      </c>
      <c r="D5794">
        <v>1</v>
      </c>
      <c r="E5794">
        <v>2453</v>
      </c>
      <c r="F5794" t="s">
        <v>992</v>
      </c>
      <c r="G5794">
        <v>295</v>
      </c>
      <c r="H5794">
        <v>0</v>
      </c>
      <c r="I5794">
        <v>0</v>
      </c>
      <c r="J5794">
        <v>0</v>
      </c>
      <c r="K5794">
        <v>0</v>
      </c>
      <c r="L5794">
        <v>0</v>
      </c>
      <c r="M5794">
        <v>0</v>
      </c>
      <c r="N5794">
        <v>0</v>
      </c>
      <c r="O5794">
        <v>0</v>
      </c>
      <c r="P5794">
        <v>0</v>
      </c>
      <c r="Q5794">
        <v>0</v>
      </c>
      <c r="R5794">
        <v>0</v>
      </c>
      <c r="S5794">
        <v>0</v>
      </c>
      <c r="T5794" s="1">
        <v>45080.546875</v>
      </c>
    </row>
    <row r="5795" spans="1:20" x14ac:dyDescent="0.4">
      <c r="A5795">
        <v>446</v>
      </c>
      <c r="B5795">
        <v>2454</v>
      </c>
      <c r="C5795">
        <v>35</v>
      </c>
      <c r="D5795">
        <v>1</v>
      </c>
      <c r="E5795">
        <v>2454</v>
      </c>
      <c r="F5795" t="s">
        <v>993</v>
      </c>
      <c r="G5795">
        <v>581</v>
      </c>
      <c r="H5795">
        <v>0</v>
      </c>
      <c r="I5795">
        <v>0</v>
      </c>
      <c r="J5795">
        <v>0</v>
      </c>
      <c r="K5795">
        <v>0</v>
      </c>
      <c r="L5795">
        <v>0</v>
      </c>
      <c r="M5795">
        <v>0</v>
      </c>
      <c r="N5795">
        <v>0</v>
      </c>
      <c r="O5795">
        <v>0</v>
      </c>
      <c r="P5795">
        <v>0</v>
      </c>
      <c r="Q5795">
        <v>0</v>
      </c>
      <c r="R5795">
        <v>0</v>
      </c>
      <c r="S5795">
        <v>0</v>
      </c>
      <c r="T5795" s="1">
        <v>45080.546875</v>
      </c>
    </row>
    <row r="5796" spans="1:20" x14ac:dyDescent="0.4">
      <c r="A5796">
        <v>447</v>
      </c>
      <c r="B5796">
        <v>2455</v>
      </c>
      <c r="C5796">
        <v>35</v>
      </c>
      <c r="D5796">
        <v>1</v>
      </c>
      <c r="E5796">
        <v>2455</v>
      </c>
      <c r="F5796" t="s">
        <v>994</v>
      </c>
      <c r="G5796">
        <v>438</v>
      </c>
      <c r="H5796">
        <v>0</v>
      </c>
      <c r="I5796">
        <v>0</v>
      </c>
      <c r="J5796">
        <v>0</v>
      </c>
      <c r="K5796">
        <v>0</v>
      </c>
      <c r="L5796">
        <v>0</v>
      </c>
      <c r="M5796">
        <v>0</v>
      </c>
      <c r="N5796">
        <v>0</v>
      </c>
      <c r="O5796">
        <v>0</v>
      </c>
      <c r="P5796">
        <v>0</v>
      </c>
      <c r="Q5796">
        <v>0</v>
      </c>
      <c r="R5796">
        <v>0</v>
      </c>
      <c r="S5796">
        <v>0</v>
      </c>
      <c r="T5796" s="1">
        <v>45080.546875</v>
      </c>
    </row>
    <row r="5797" spans="1:20" x14ac:dyDescent="0.4">
      <c r="A5797">
        <v>448</v>
      </c>
      <c r="B5797">
        <v>2456</v>
      </c>
      <c r="C5797">
        <v>35</v>
      </c>
      <c r="D5797">
        <v>1</v>
      </c>
      <c r="E5797">
        <v>2456</v>
      </c>
      <c r="F5797" t="s">
        <v>995</v>
      </c>
      <c r="G5797">
        <v>768</v>
      </c>
      <c r="H5797">
        <v>0</v>
      </c>
      <c r="I5797">
        <v>0</v>
      </c>
      <c r="J5797">
        <v>0</v>
      </c>
      <c r="K5797">
        <v>0</v>
      </c>
      <c r="L5797">
        <v>0</v>
      </c>
      <c r="M5797">
        <v>0</v>
      </c>
      <c r="N5797">
        <v>0</v>
      </c>
      <c r="O5797">
        <v>0</v>
      </c>
      <c r="P5797">
        <v>0</v>
      </c>
      <c r="Q5797">
        <v>0</v>
      </c>
      <c r="R5797">
        <v>0</v>
      </c>
      <c r="S5797">
        <v>0</v>
      </c>
      <c r="T5797" s="1">
        <v>45080.546875</v>
      </c>
    </row>
    <row r="5798" spans="1:20" x14ac:dyDescent="0.4">
      <c r="A5798">
        <v>449</v>
      </c>
      <c r="B5798">
        <v>2457</v>
      </c>
      <c r="C5798">
        <v>35</v>
      </c>
      <c r="D5798">
        <v>1</v>
      </c>
      <c r="E5798">
        <v>2457</v>
      </c>
      <c r="F5798" t="s">
        <v>996</v>
      </c>
      <c r="G5798">
        <v>768</v>
      </c>
      <c r="H5798">
        <v>0</v>
      </c>
      <c r="I5798">
        <v>0</v>
      </c>
      <c r="J5798">
        <v>0</v>
      </c>
      <c r="K5798">
        <v>0</v>
      </c>
      <c r="L5798">
        <v>0</v>
      </c>
      <c r="M5798">
        <v>0</v>
      </c>
      <c r="N5798">
        <v>0</v>
      </c>
      <c r="O5798">
        <v>0</v>
      </c>
      <c r="P5798">
        <v>0</v>
      </c>
      <c r="Q5798">
        <v>0</v>
      </c>
      <c r="R5798">
        <v>0</v>
      </c>
      <c r="S5798">
        <v>0</v>
      </c>
      <c r="T5798" s="1">
        <v>45080.546875</v>
      </c>
    </row>
    <row r="5799" spans="1:20" x14ac:dyDescent="0.4">
      <c r="A5799">
        <v>450</v>
      </c>
      <c r="B5799">
        <v>2458</v>
      </c>
      <c r="C5799">
        <v>35</v>
      </c>
      <c r="D5799">
        <v>1</v>
      </c>
      <c r="E5799">
        <v>2458</v>
      </c>
      <c r="F5799" t="s">
        <v>997</v>
      </c>
      <c r="G5799">
        <v>659</v>
      </c>
      <c r="H5799">
        <v>0</v>
      </c>
      <c r="I5799">
        <v>0</v>
      </c>
      <c r="J5799">
        <v>0</v>
      </c>
      <c r="K5799">
        <v>0</v>
      </c>
      <c r="L5799">
        <v>0</v>
      </c>
      <c r="M5799">
        <v>0</v>
      </c>
      <c r="N5799">
        <v>0</v>
      </c>
      <c r="O5799">
        <v>0</v>
      </c>
      <c r="P5799">
        <v>0</v>
      </c>
      <c r="Q5799">
        <v>0</v>
      </c>
      <c r="R5799">
        <v>0</v>
      </c>
      <c r="S5799">
        <v>0</v>
      </c>
      <c r="T5799" s="1">
        <v>45080.546875</v>
      </c>
    </row>
    <row r="5800" spans="1:20" x14ac:dyDescent="0.4">
      <c r="A5800">
        <v>451</v>
      </c>
      <c r="B5800">
        <v>2459</v>
      </c>
      <c r="C5800">
        <v>35</v>
      </c>
      <c r="D5800">
        <v>1</v>
      </c>
      <c r="E5800">
        <v>2459</v>
      </c>
      <c r="F5800" t="s">
        <v>998</v>
      </c>
      <c r="G5800">
        <v>768</v>
      </c>
      <c r="H5800">
        <v>0</v>
      </c>
      <c r="I5800">
        <v>0</v>
      </c>
      <c r="J5800">
        <v>0</v>
      </c>
      <c r="K5800">
        <v>0</v>
      </c>
      <c r="L5800">
        <v>0</v>
      </c>
      <c r="M5800">
        <v>0</v>
      </c>
      <c r="N5800">
        <v>0</v>
      </c>
      <c r="O5800">
        <v>0</v>
      </c>
      <c r="P5800">
        <v>0</v>
      </c>
      <c r="Q5800">
        <v>0</v>
      </c>
      <c r="R5800">
        <v>0</v>
      </c>
      <c r="S5800">
        <v>0</v>
      </c>
      <c r="T5800" s="1">
        <v>45080.546875</v>
      </c>
    </row>
    <row r="5801" spans="1:20" x14ac:dyDescent="0.4">
      <c r="A5801">
        <v>452</v>
      </c>
      <c r="B5801">
        <v>2460</v>
      </c>
      <c r="C5801">
        <v>35</v>
      </c>
      <c r="D5801">
        <v>1</v>
      </c>
      <c r="E5801">
        <v>2460</v>
      </c>
      <c r="F5801" t="s">
        <v>999</v>
      </c>
      <c r="G5801">
        <v>768</v>
      </c>
      <c r="H5801">
        <v>0</v>
      </c>
      <c r="I5801">
        <v>0</v>
      </c>
      <c r="J5801">
        <v>0</v>
      </c>
      <c r="K5801">
        <v>0</v>
      </c>
      <c r="L5801">
        <v>0</v>
      </c>
      <c r="M5801">
        <v>0</v>
      </c>
      <c r="N5801">
        <v>0</v>
      </c>
      <c r="O5801">
        <v>0</v>
      </c>
      <c r="P5801">
        <v>0</v>
      </c>
      <c r="Q5801">
        <v>0</v>
      </c>
      <c r="R5801">
        <v>0</v>
      </c>
      <c r="S5801">
        <v>0</v>
      </c>
      <c r="T5801" s="1">
        <v>45080.546875</v>
      </c>
    </row>
    <row r="5802" spans="1:20" x14ac:dyDescent="0.4">
      <c r="A5802">
        <v>453</v>
      </c>
      <c r="B5802">
        <v>2461</v>
      </c>
      <c r="C5802">
        <v>35</v>
      </c>
      <c r="D5802">
        <v>1</v>
      </c>
      <c r="E5802">
        <v>2461</v>
      </c>
      <c r="F5802" t="s">
        <v>1000</v>
      </c>
      <c r="G5802">
        <v>878</v>
      </c>
      <c r="H5802">
        <v>0</v>
      </c>
      <c r="I5802">
        <v>0</v>
      </c>
      <c r="J5802">
        <v>0</v>
      </c>
      <c r="K5802">
        <v>0</v>
      </c>
      <c r="L5802">
        <v>0</v>
      </c>
      <c r="M5802">
        <v>0</v>
      </c>
      <c r="N5802">
        <v>0</v>
      </c>
      <c r="O5802">
        <v>0</v>
      </c>
      <c r="P5802">
        <v>0</v>
      </c>
      <c r="Q5802">
        <v>0</v>
      </c>
      <c r="R5802">
        <v>0</v>
      </c>
      <c r="S5802">
        <v>0</v>
      </c>
      <c r="T5802" s="1">
        <v>45080.546875</v>
      </c>
    </row>
    <row r="5803" spans="1:20" x14ac:dyDescent="0.4">
      <c r="A5803">
        <v>454</v>
      </c>
      <c r="B5803">
        <v>2462</v>
      </c>
      <c r="C5803">
        <v>35</v>
      </c>
      <c r="D5803">
        <v>1</v>
      </c>
      <c r="E5803">
        <v>2462</v>
      </c>
      <c r="F5803" t="s">
        <v>1001</v>
      </c>
      <c r="G5803">
        <v>658</v>
      </c>
      <c r="H5803">
        <v>0</v>
      </c>
      <c r="I5803">
        <v>0</v>
      </c>
      <c r="J5803">
        <v>0</v>
      </c>
      <c r="K5803">
        <v>0</v>
      </c>
      <c r="L5803">
        <v>0</v>
      </c>
      <c r="M5803">
        <v>0</v>
      </c>
      <c r="N5803">
        <v>0</v>
      </c>
      <c r="O5803">
        <v>0</v>
      </c>
      <c r="P5803">
        <v>0</v>
      </c>
      <c r="Q5803">
        <v>0</v>
      </c>
      <c r="R5803">
        <v>0</v>
      </c>
      <c r="S5803">
        <v>0</v>
      </c>
      <c r="T5803" s="1">
        <v>45080.546875</v>
      </c>
    </row>
    <row r="5804" spans="1:20" x14ac:dyDescent="0.4">
      <c r="A5804">
        <v>455</v>
      </c>
      <c r="B5804">
        <v>2491</v>
      </c>
      <c r="C5804">
        <v>36</v>
      </c>
      <c r="D5804">
        <v>1</v>
      </c>
      <c r="E5804">
        <v>2491</v>
      </c>
      <c r="F5804" t="s">
        <v>1002</v>
      </c>
      <c r="G5804">
        <v>680</v>
      </c>
      <c r="H5804">
        <v>0</v>
      </c>
      <c r="I5804">
        <v>0</v>
      </c>
      <c r="J5804">
        <v>0</v>
      </c>
      <c r="K5804">
        <v>0</v>
      </c>
      <c r="L5804">
        <v>0</v>
      </c>
      <c r="M5804">
        <v>0</v>
      </c>
      <c r="N5804">
        <v>0</v>
      </c>
      <c r="O5804">
        <v>0</v>
      </c>
      <c r="P5804">
        <v>0</v>
      </c>
      <c r="Q5804">
        <v>0</v>
      </c>
      <c r="R5804">
        <v>0</v>
      </c>
      <c r="S5804">
        <v>0</v>
      </c>
      <c r="T5804" s="1">
        <v>45080.546875</v>
      </c>
    </row>
    <row r="5805" spans="1:20" x14ac:dyDescent="0.4">
      <c r="A5805">
        <v>456</v>
      </c>
      <c r="B5805">
        <v>2492</v>
      </c>
      <c r="C5805">
        <v>36</v>
      </c>
      <c r="D5805">
        <v>1</v>
      </c>
      <c r="E5805">
        <v>2492</v>
      </c>
      <c r="F5805" t="s">
        <v>867</v>
      </c>
      <c r="G5805">
        <v>495</v>
      </c>
      <c r="H5805">
        <v>580</v>
      </c>
      <c r="I5805">
        <v>580</v>
      </c>
      <c r="J5805">
        <v>580</v>
      </c>
      <c r="K5805">
        <v>580</v>
      </c>
      <c r="L5805">
        <v>580</v>
      </c>
      <c r="M5805">
        <v>580</v>
      </c>
      <c r="N5805">
        <v>580</v>
      </c>
      <c r="O5805">
        <v>580</v>
      </c>
      <c r="P5805">
        <v>580</v>
      </c>
      <c r="Q5805">
        <v>0</v>
      </c>
      <c r="R5805">
        <v>0</v>
      </c>
      <c r="S5805">
        <v>0</v>
      </c>
      <c r="T5805" s="1">
        <v>45080.546875</v>
      </c>
    </row>
    <row r="5806" spans="1:20" x14ac:dyDescent="0.4">
      <c r="A5806">
        <v>457</v>
      </c>
      <c r="B5806">
        <v>2494</v>
      </c>
      <c r="C5806">
        <v>36</v>
      </c>
      <c r="D5806">
        <v>1</v>
      </c>
      <c r="E5806">
        <v>2494</v>
      </c>
      <c r="F5806" t="s">
        <v>1003</v>
      </c>
      <c r="G5806">
        <v>439</v>
      </c>
      <c r="H5806">
        <v>0</v>
      </c>
      <c r="I5806">
        <v>0</v>
      </c>
      <c r="J5806">
        <v>0</v>
      </c>
      <c r="K5806">
        <v>0</v>
      </c>
      <c r="L5806">
        <v>0</v>
      </c>
      <c r="M5806">
        <v>0</v>
      </c>
      <c r="N5806">
        <v>0</v>
      </c>
      <c r="O5806">
        <v>0</v>
      </c>
      <c r="P5806">
        <v>0</v>
      </c>
      <c r="Q5806">
        <v>0</v>
      </c>
      <c r="R5806">
        <v>0</v>
      </c>
      <c r="S5806">
        <v>0</v>
      </c>
      <c r="T5806" s="1">
        <v>45080.546875</v>
      </c>
    </row>
    <row r="5807" spans="1:20" x14ac:dyDescent="0.4">
      <c r="A5807">
        <v>458</v>
      </c>
      <c r="B5807">
        <v>2495</v>
      </c>
      <c r="C5807">
        <v>36</v>
      </c>
      <c r="D5807">
        <v>1</v>
      </c>
      <c r="E5807">
        <v>2495</v>
      </c>
      <c r="F5807" t="s">
        <v>1004</v>
      </c>
      <c r="G5807">
        <v>439</v>
      </c>
      <c r="H5807">
        <v>0</v>
      </c>
      <c r="I5807">
        <v>0</v>
      </c>
      <c r="J5807">
        <v>0</v>
      </c>
      <c r="K5807">
        <v>0</v>
      </c>
      <c r="L5807">
        <v>0</v>
      </c>
      <c r="M5807">
        <v>0</v>
      </c>
      <c r="N5807">
        <v>0</v>
      </c>
      <c r="O5807">
        <v>0</v>
      </c>
      <c r="P5807">
        <v>0</v>
      </c>
      <c r="Q5807">
        <v>0</v>
      </c>
      <c r="R5807">
        <v>0</v>
      </c>
      <c r="S5807">
        <v>0</v>
      </c>
      <c r="T5807" s="1">
        <v>45080.546875</v>
      </c>
    </row>
    <row r="5808" spans="1:20" x14ac:dyDescent="0.4">
      <c r="A5808">
        <v>459</v>
      </c>
      <c r="B5808">
        <v>2496</v>
      </c>
      <c r="C5808">
        <v>36</v>
      </c>
      <c r="D5808">
        <v>1</v>
      </c>
      <c r="E5808">
        <v>2496</v>
      </c>
      <c r="F5808" t="s">
        <v>1005</v>
      </c>
      <c r="G5808">
        <v>691</v>
      </c>
      <c r="H5808">
        <v>0</v>
      </c>
      <c r="I5808">
        <v>0</v>
      </c>
      <c r="J5808">
        <v>0</v>
      </c>
      <c r="K5808">
        <v>0</v>
      </c>
      <c r="L5808">
        <v>0</v>
      </c>
      <c r="M5808">
        <v>0</v>
      </c>
      <c r="N5808">
        <v>0</v>
      </c>
      <c r="O5808">
        <v>0</v>
      </c>
      <c r="P5808">
        <v>0</v>
      </c>
      <c r="Q5808">
        <v>0</v>
      </c>
      <c r="R5808">
        <v>0</v>
      </c>
      <c r="S5808">
        <v>0</v>
      </c>
      <c r="T5808" s="1">
        <v>45080.546875</v>
      </c>
    </row>
    <row r="5809" spans="1:20" x14ac:dyDescent="0.4">
      <c r="A5809">
        <v>460</v>
      </c>
      <c r="B5809">
        <v>2498</v>
      </c>
      <c r="C5809">
        <v>36</v>
      </c>
      <c r="D5809">
        <v>1</v>
      </c>
      <c r="E5809">
        <v>2498</v>
      </c>
      <c r="F5809" t="s">
        <v>861</v>
      </c>
      <c r="G5809">
        <v>691</v>
      </c>
      <c r="H5809">
        <v>0</v>
      </c>
      <c r="I5809">
        <v>0</v>
      </c>
      <c r="J5809">
        <v>0</v>
      </c>
      <c r="K5809">
        <v>0</v>
      </c>
      <c r="L5809">
        <v>0</v>
      </c>
      <c r="M5809">
        <v>0</v>
      </c>
      <c r="N5809">
        <v>0</v>
      </c>
      <c r="O5809">
        <v>0</v>
      </c>
      <c r="P5809">
        <v>0</v>
      </c>
      <c r="Q5809">
        <v>0</v>
      </c>
      <c r="R5809">
        <v>0</v>
      </c>
      <c r="S5809">
        <v>0</v>
      </c>
      <c r="T5809" s="1">
        <v>45080.546875</v>
      </c>
    </row>
    <row r="5810" spans="1:20" x14ac:dyDescent="0.4">
      <c r="A5810">
        <v>461</v>
      </c>
      <c r="B5810">
        <v>2499</v>
      </c>
      <c r="C5810">
        <v>36</v>
      </c>
      <c r="D5810">
        <v>1</v>
      </c>
      <c r="E5810">
        <v>2499</v>
      </c>
      <c r="F5810" t="s">
        <v>1006</v>
      </c>
      <c r="G5810">
        <v>614</v>
      </c>
      <c r="H5810">
        <v>0</v>
      </c>
      <c r="I5810">
        <v>0</v>
      </c>
      <c r="J5810">
        <v>0</v>
      </c>
      <c r="K5810">
        <v>0</v>
      </c>
      <c r="L5810">
        <v>0</v>
      </c>
      <c r="M5810">
        <v>0</v>
      </c>
      <c r="N5810">
        <v>0</v>
      </c>
      <c r="O5810">
        <v>0</v>
      </c>
      <c r="P5810">
        <v>0</v>
      </c>
      <c r="Q5810">
        <v>0</v>
      </c>
      <c r="R5810">
        <v>0</v>
      </c>
      <c r="S5810">
        <v>0</v>
      </c>
      <c r="T5810" s="1">
        <v>45080.546875</v>
      </c>
    </row>
    <row r="5811" spans="1:20" x14ac:dyDescent="0.4">
      <c r="A5811">
        <v>462</v>
      </c>
      <c r="B5811">
        <v>2500</v>
      </c>
      <c r="C5811">
        <v>36</v>
      </c>
      <c r="D5811">
        <v>1</v>
      </c>
      <c r="E5811">
        <v>2500</v>
      </c>
      <c r="F5811" t="s">
        <v>1007</v>
      </c>
      <c r="G5811">
        <v>614</v>
      </c>
      <c r="H5811">
        <v>0</v>
      </c>
      <c r="I5811">
        <v>0</v>
      </c>
      <c r="J5811">
        <v>0</v>
      </c>
      <c r="K5811">
        <v>0</v>
      </c>
      <c r="L5811">
        <v>0</v>
      </c>
      <c r="M5811">
        <v>0</v>
      </c>
      <c r="N5811">
        <v>0</v>
      </c>
      <c r="O5811">
        <v>0</v>
      </c>
      <c r="P5811">
        <v>0</v>
      </c>
      <c r="Q5811">
        <v>0</v>
      </c>
      <c r="R5811">
        <v>0</v>
      </c>
      <c r="S5811">
        <v>0</v>
      </c>
      <c r="T5811" s="1">
        <v>45080.546875</v>
      </c>
    </row>
    <row r="5812" spans="1:20" x14ac:dyDescent="0.4">
      <c r="A5812">
        <v>463</v>
      </c>
      <c r="B5812">
        <v>2603</v>
      </c>
      <c r="C5812">
        <v>37</v>
      </c>
      <c r="D5812">
        <v>1</v>
      </c>
      <c r="E5812">
        <v>2603</v>
      </c>
      <c r="F5812" t="s">
        <v>1008</v>
      </c>
      <c r="G5812">
        <v>812</v>
      </c>
      <c r="H5812">
        <v>0</v>
      </c>
      <c r="I5812">
        <v>0</v>
      </c>
      <c r="J5812">
        <v>0</v>
      </c>
      <c r="K5812">
        <v>0</v>
      </c>
      <c r="L5812">
        <v>0</v>
      </c>
      <c r="M5812">
        <v>0</v>
      </c>
      <c r="N5812">
        <v>0</v>
      </c>
      <c r="O5812">
        <v>0</v>
      </c>
      <c r="P5812">
        <v>0</v>
      </c>
      <c r="Q5812">
        <v>0</v>
      </c>
      <c r="R5812">
        <v>0</v>
      </c>
      <c r="S5812">
        <v>0</v>
      </c>
      <c r="T5812" s="1">
        <v>45080.546875</v>
      </c>
    </row>
    <row r="5813" spans="1:20" x14ac:dyDescent="0.4">
      <c r="A5813">
        <v>464</v>
      </c>
      <c r="B5813">
        <v>2604</v>
      </c>
      <c r="C5813">
        <v>37</v>
      </c>
      <c r="D5813">
        <v>1</v>
      </c>
      <c r="E5813">
        <v>2604</v>
      </c>
      <c r="F5813" t="s">
        <v>1009</v>
      </c>
      <c r="G5813">
        <v>812</v>
      </c>
      <c r="H5813">
        <v>0</v>
      </c>
      <c r="I5813">
        <v>0</v>
      </c>
      <c r="J5813">
        <v>0</v>
      </c>
      <c r="K5813">
        <v>0</v>
      </c>
      <c r="L5813">
        <v>0</v>
      </c>
      <c r="M5813">
        <v>0</v>
      </c>
      <c r="N5813">
        <v>0</v>
      </c>
      <c r="O5813">
        <v>0</v>
      </c>
      <c r="P5813">
        <v>0</v>
      </c>
      <c r="Q5813">
        <v>0</v>
      </c>
      <c r="R5813">
        <v>0</v>
      </c>
      <c r="S5813">
        <v>0</v>
      </c>
      <c r="T5813" s="1">
        <v>45080.546875</v>
      </c>
    </row>
    <row r="5814" spans="1:20" x14ac:dyDescent="0.4">
      <c r="A5814">
        <v>465</v>
      </c>
      <c r="B5814">
        <v>2605</v>
      </c>
      <c r="C5814">
        <v>37</v>
      </c>
      <c r="D5814">
        <v>1</v>
      </c>
      <c r="E5814">
        <v>2605</v>
      </c>
      <c r="F5814" t="s">
        <v>1010</v>
      </c>
      <c r="G5814">
        <v>471</v>
      </c>
      <c r="H5814">
        <v>0</v>
      </c>
      <c r="I5814">
        <v>0</v>
      </c>
      <c r="J5814">
        <v>0</v>
      </c>
      <c r="K5814">
        <v>0</v>
      </c>
      <c r="L5814">
        <v>0</v>
      </c>
      <c r="M5814">
        <v>0</v>
      </c>
      <c r="N5814">
        <v>0</v>
      </c>
      <c r="O5814">
        <v>0</v>
      </c>
      <c r="P5814">
        <v>0</v>
      </c>
      <c r="Q5814">
        <v>0</v>
      </c>
      <c r="R5814">
        <v>0</v>
      </c>
      <c r="S5814">
        <v>0</v>
      </c>
      <c r="T5814" s="1">
        <v>45080.546875</v>
      </c>
    </row>
    <row r="5815" spans="1:20" x14ac:dyDescent="0.4">
      <c r="A5815">
        <v>466</v>
      </c>
      <c r="B5815">
        <v>2606</v>
      </c>
      <c r="C5815">
        <v>37</v>
      </c>
      <c r="D5815">
        <v>1</v>
      </c>
      <c r="E5815">
        <v>2606</v>
      </c>
      <c r="F5815" t="s">
        <v>1011</v>
      </c>
      <c r="G5815">
        <v>471</v>
      </c>
      <c r="H5815">
        <v>0</v>
      </c>
      <c r="I5815">
        <v>0</v>
      </c>
      <c r="J5815">
        <v>0</v>
      </c>
      <c r="K5815">
        <v>0</v>
      </c>
      <c r="L5815">
        <v>0</v>
      </c>
      <c r="M5815">
        <v>0</v>
      </c>
      <c r="N5815">
        <v>0</v>
      </c>
      <c r="O5815">
        <v>0</v>
      </c>
      <c r="P5815">
        <v>0</v>
      </c>
      <c r="Q5815">
        <v>0</v>
      </c>
      <c r="R5815">
        <v>0</v>
      </c>
      <c r="S5815">
        <v>0</v>
      </c>
      <c r="T5815" s="1">
        <v>45080.546875</v>
      </c>
    </row>
    <row r="5816" spans="1:20" x14ac:dyDescent="0.4">
      <c r="A5816">
        <v>467</v>
      </c>
      <c r="B5816">
        <v>2607</v>
      </c>
      <c r="C5816">
        <v>37</v>
      </c>
      <c r="D5816">
        <v>1</v>
      </c>
      <c r="E5816">
        <v>2607</v>
      </c>
      <c r="F5816" t="s">
        <v>1012</v>
      </c>
      <c r="G5816">
        <v>538</v>
      </c>
      <c r="H5816">
        <v>0</v>
      </c>
      <c r="I5816">
        <v>0</v>
      </c>
      <c r="J5816">
        <v>0</v>
      </c>
      <c r="K5816">
        <v>0</v>
      </c>
      <c r="L5816">
        <v>0</v>
      </c>
      <c r="M5816">
        <v>0</v>
      </c>
      <c r="N5816">
        <v>0</v>
      </c>
      <c r="O5816">
        <v>0</v>
      </c>
      <c r="P5816">
        <v>0</v>
      </c>
      <c r="Q5816">
        <v>0</v>
      </c>
      <c r="R5816">
        <v>0</v>
      </c>
      <c r="S5816">
        <v>0</v>
      </c>
      <c r="T5816" s="1">
        <v>45080.546875</v>
      </c>
    </row>
    <row r="5817" spans="1:20" x14ac:dyDescent="0.4">
      <c r="A5817">
        <v>468</v>
      </c>
      <c r="B5817">
        <v>2608</v>
      </c>
      <c r="C5817">
        <v>37</v>
      </c>
      <c r="D5817">
        <v>1</v>
      </c>
      <c r="E5817">
        <v>2608</v>
      </c>
      <c r="F5817" t="s">
        <v>1013</v>
      </c>
      <c r="G5817">
        <v>196</v>
      </c>
      <c r="H5817">
        <v>0</v>
      </c>
      <c r="I5817">
        <v>0</v>
      </c>
      <c r="J5817">
        <v>0</v>
      </c>
      <c r="K5817">
        <v>0</v>
      </c>
      <c r="L5817">
        <v>0</v>
      </c>
      <c r="M5817">
        <v>0</v>
      </c>
      <c r="N5817">
        <v>0</v>
      </c>
      <c r="O5817">
        <v>0</v>
      </c>
      <c r="P5817">
        <v>0</v>
      </c>
      <c r="Q5817">
        <v>0</v>
      </c>
      <c r="R5817">
        <v>0</v>
      </c>
      <c r="S5817">
        <v>0</v>
      </c>
      <c r="T5817" s="1">
        <v>45080.546875</v>
      </c>
    </row>
    <row r="5818" spans="1:20" x14ac:dyDescent="0.4">
      <c r="A5818">
        <v>469</v>
      </c>
      <c r="B5818">
        <v>2609</v>
      </c>
      <c r="C5818">
        <v>37</v>
      </c>
      <c r="D5818">
        <v>1</v>
      </c>
      <c r="E5818">
        <v>2609</v>
      </c>
      <c r="F5818" t="s">
        <v>1014</v>
      </c>
      <c r="G5818">
        <v>196</v>
      </c>
      <c r="H5818">
        <v>0</v>
      </c>
      <c r="I5818">
        <v>0</v>
      </c>
      <c r="J5818">
        <v>0</v>
      </c>
      <c r="K5818">
        <v>0</v>
      </c>
      <c r="L5818">
        <v>0</v>
      </c>
      <c r="M5818">
        <v>0</v>
      </c>
      <c r="N5818">
        <v>0</v>
      </c>
      <c r="O5818">
        <v>0</v>
      </c>
      <c r="P5818">
        <v>0</v>
      </c>
      <c r="Q5818">
        <v>0</v>
      </c>
      <c r="R5818">
        <v>0</v>
      </c>
      <c r="S5818">
        <v>0</v>
      </c>
      <c r="T5818" s="1">
        <v>45080.546875</v>
      </c>
    </row>
    <row r="5819" spans="1:20" x14ac:dyDescent="0.4">
      <c r="A5819">
        <v>470</v>
      </c>
      <c r="B5819">
        <v>2610</v>
      </c>
      <c r="C5819">
        <v>37</v>
      </c>
      <c r="D5819">
        <v>1</v>
      </c>
      <c r="E5819">
        <v>2610</v>
      </c>
      <c r="F5819" t="s">
        <v>1015</v>
      </c>
      <c r="G5819">
        <v>241</v>
      </c>
      <c r="H5819">
        <v>0</v>
      </c>
      <c r="I5819">
        <v>0</v>
      </c>
      <c r="J5819">
        <v>0</v>
      </c>
      <c r="K5819">
        <v>0</v>
      </c>
      <c r="L5819">
        <v>0</v>
      </c>
      <c r="M5819">
        <v>0</v>
      </c>
      <c r="N5819">
        <v>0</v>
      </c>
      <c r="O5819">
        <v>0</v>
      </c>
      <c r="P5819">
        <v>0</v>
      </c>
      <c r="Q5819">
        <v>0</v>
      </c>
      <c r="R5819">
        <v>0</v>
      </c>
      <c r="S5819">
        <v>0</v>
      </c>
      <c r="T5819" s="1">
        <v>45080.546875</v>
      </c>
    </row>
    <row r="5820" spans="1:20" x14ac:dyDescent="0.4">
      <c r="A5820">
        <v>471</v>
      </c>
      <c r="B5820">
        <v>2651</v>
      </c>
      <c r="C5820">
        <v>37</v>
      </c>
      <c r="D5820">
        <v>1</v>
      </c>
      <c r="E5820">
        <v>2651</v>
      </c>
      <c r="F5820" t="s">
        <v>1016</v>
      </c>
      <c r="G5820">
        <v>812</v>
      </c>
      <c r="H5820">
        <v>0</v>
      </c>
      <c r="I5820">
        <v>0</v>
      </c>
      <c r="J5820">
        <v>0</v>
      </c>
      <c r="K5820">
        <v>0</v>
      </c>
      <c r="L5820">
        <v>0</v>
      </c>
      <c r="M5820">
        <v>0</v>
      </c>
      <c r="N5820">
        <v>0</v>
      </c>
      <c r="O5820">
        <v>0</v>
      </c>
      <c r="P5820">
        <v>0</v>
      </c>
      <c r="Q5820">
        <v>0</v>
      </c>
      <c r="R5820">
        <v>0</v>
      </c>
      <c r="S5820">
        <v>0</v>
      </c>
      <c r="T5820" s="1">
        <v>45080.546875</v>
      </c>
    </row>
    <row r="5821" spans="1:20" x14ac:dyDescent="0.4">
      <c r="A5821">
        <v>472</v>
      </c>
      <c r="B5821">
        <v>2652</v>
      </c>
      <c r="C5821">
        <v>37</v>
      </c>
      <c r="D5821">
        <v>1</v>
      </c>
      <c r="E5821">
        <v>2652</v>
      </c>
      <c r="F5821" t="s">
        <v>1017</v>
      </c>
      <c r="G5821">
        <v>471</v>
      </c>
      <c r="H5821">
        <v>0</v>
      </c>
      <c r="I5821">
        <v>0</v>
      </c>
      <c r="J5821">
        <v>0</v>
      </c>
      <c r="K5821">
        <v>0</v>
      </c>
      <c r="L5821">
        <v>0</v>
      </c>
      <c r="M5821">
        <v>0</v>
      </c>
      <c r="N5821">
        <v>0</v>
      </c>
      <c r="O5821">
        <v>0</v>
      </c>
      <c r="P5821">
        <v>0</v>
      </c>
      <c r="Q5821">
        <v>0</v>
      </c>
      <c r="R5821">
        <v>0</v>
      </c>
      <c r="S5821">
        <v>0</v>
      </c>
      <c r="T5821" s="1">
        <v>45080.546875</v>
      </c>
    </row>
    <row r="5822" spans="1:20" x14ac:dyDescent="0.4">
      <c r="A5822">
        <v>473</v>
      </c>
      <c r="B5822">
        <v>2653</v>
      </c>
      <c r="C5822">
        <v>37</v>
      </c>
      <c r="D5822">
        <v>1</v>
      </c>
      <c r="E5822">
        <v>2653</v>
      </c>
      <c r="F5822" t="s">
        <v>1018</v>
      </c>
      <c r="G5822">
        <v>471</v>
      </c>
      <c r="H5822">
        <v>0</v>
      </c>
      <c r="I5822">
        <v>0</v>
      </c>
      <c r="J5822">
        <v>0</v>
      </c>
      <c r="K5822">
        <v>0</v>
      </c>
      <c r="L5822">
        <v>0</v>
      </c>
      <c r="M5822">
        <v>0</v>
      </c>
      <c r="N5822">
        <v>0</v>
      </c>
      <c r="O5822">
        <v>0</v>
      </c>
      <c r="P5822">
        <v>0</v>
      </c>
      <c r="Q5822">
        <v>0</v>
      </c>
      <c r="R5822">
        <v>0</v>
      </c>
      <c r="S5822">
        <v>0</v>
      </c>
      <c r="T5822" s="1">
        <v>45080.546875</v>
      </c>
    </row>
    <row r="5823" spans="1:20" x14ac:dyDescent="0.4">
      <c r="A5823">
        <v>474</v>
      </c>
      <c r="B5823">
        <v>2654</v>
      </c>
      <c r="C5823">
        <v>37</v>
      </c>
      <c r="D5823">
        <v>1</v>
      </c>
      <c r="E5823">
        <v>2654</v>
      </c>
      <c r="F5823" t="s">
        <v>1019</v>
      </c>
      <c r="G5823">
        <v>538</v>
      </c>
      <c r="H5823">
        <v>0</v>
      </c>
      <c r="I5823">
        <v>0</v>
      </c>
      <c r="J5823">
        <v>0</v>
      </c>
      <c r="K5823">
        <v>0</v>
      </c>
      <c r="L5823">
        <v>0</v>
      </c>
      <c r="M5823">
        <v>0</v>
      </c>
      <c r="N5823">
        <v>0</v>
      </c>
      <c r="O5823">
        <v>0</v>
      </c>
      <c r="P5823">
        <v>0</v>
      </c>
      <c r="Q5823">
        <v>0</v>
      </c>
      <c r="R5823">
        <v>0</v>
      </c>
      <c r="S5823">
        <v>0</v>
      </c>
      <c r="T5823" s="1">
        <v>45080.546875</v>
      </c>
    </row>
    <row r="5824" spans="1:20" x14ac:dyDescent="0.4">
      <c r="A5824">
        <v>475</v>
      </c>
      <c r="B5824">
        <v>2655</v>
      </c>
      <c r="C5824">
        <v>37</v>
      </c>
      <c r="D5824">
        <v>1</v>
      </c>
      <c r="E5824">
        <v>2655</v>
      </c>
      <c r="F5824" t="s">
        <v>1020</v>
      </c>
      <c r="G5824">
        <v>196</v>
      </c>
      <c r="H5824">
        <v>0</v>
      </c>
      <c r="I5824">
        <v>0</v>
      </c>
      <c r="J5824">
        <v>0</v>
      </c>
      <c r="K5824">
        <v>0</v>
      </c>
      <c r="L5824">
        <v>0</v>
      </c>
      <c r="M5824">
        <v>0</v>
      </c>
      <c r="N5824">
        <v>0</v>
      </c>
      <c r="O5824">
        <v>0</v>
      </c>
      <c r="P5824">
        <v>0</v>
      </c>
      <c r="Q5824">
        <v>0</v>
      </c>
      <c r="R5824">
        <v>0</v>
      </c>
      <c r="S5824">
        <v>0</v>
      </c>
      <c r="T5824" s="1">
        <v>45080.546875</v>
      </c>
    </row>
    <row r="5825" spans="1:20" x14ac:dyDescent="0.4">
      <c r="A5825">
        <v>476</v>
      </c>
      <c r="B5825">
        <v>2656</v>
      </c>
      <c r="C5825">
        <v>37</v>
      </c>
      <c r="D5825">
        <v>1</v>
      </c>
      <c r="E5825">
        <v>2656</v>
      </c>
      <c r="F5825" t="s">
        <v>1021</v>
      </c>
      <c r="G5825">
        <v>196</v>
      </c>
      <c r="H5825">
        <v>0</v>
      </c>
      <c r="I5825">
        <v>0</v>
      </c>
      <c r="J5825">
        <v>0</v>
      </c>
      <c r="K5825">
        <v>0</v>
      </c>
      <c r="L5825">
        <v>0</v>
      </c>
      <c r="M5825">
        <v>0</v>
      </c>
      <c r="N5825">
        <v>0</v>
      </c>
      <c r="O5825">
        <v>0</v>
      </c>
      <c r="P5825">
        <v>0</v>
      </c>
      <c r="Q5825">
        <v>0</v>
      </c>
      <c r="R5825">
        <v>0</v>
      </c>
      <c r="S5825">
        <v>0</v>
      </c>
      <c r="T5825" s="1">
        <v>45080.546875</v>
      </c>
    </row>
    <row r="5826" spans="1:20" x14ac:dyDescent="0.4">
      <c r="A5826">
        <v>477</v>
      </c>
      <c r="B5826">
        <v>2681</v>
      </c>
      <c r="C5826">
        <v>38</v>
      </c>
      <c r="D5826">
        <v>1</v>
      </c>
      <c r="E5826">
        <v>2681</v>
      </c>
      <c r="F5826" t="s">
        <v>1022</v>
      </c>
      <c r="G5826">
        <v>691</v>
      </c>
      <c r="H5826">
        <v>0</v>
      </c>
      <c r="I5826">
        <v>0</v>
      </c>
      <c r="J5826">
        <v>0</v>
      </c>
      <c r="K5826">
        <v>0</v>
      </c>
      <c r="L5826">
        <v>0</v>
      </c>
      <c r="M5826">
        <v>0</v>
      </c>
      <c r="N5826">
        <v>0</v>
      </c>
      <c r="O5826">
        <v>0</v>
      </c>
      <c r="P5826">
        <v>0</v>
      </c>
      <c r="Q5826">
        <v>0</v>
      </c>
      <c r="R5826">
        <v>0</v>
      </c>
      <c r="S5826">
        <v>0</v>
      </c>
      <c r="T5826" s="1">
        <v>45080.546875</v>
      </c>
    </row>
    <row r="5827" spans="1:20" x14ac:dyDescent="0.4">
      <c r="A5827">
        <v>478</v>
      </c>
      <c r="B5827">
        <v>2682</v>
      </c>
      <c r="C5827">
        <v>38</v>
      </c>
      <c r="D5827">
        <v>1</v>
      </c>
      <c r="E5827">
        <v>2682</v>
      </c>
      <c r="F5827" t="s">
        <v>1023</v>
      </c>
      <c r="G5827">
        <v>757</v>
      </c>
      <c r="H5827">
        <v>0</v>
      </c>
      <c r="I5827">
        <v>0</v>
      </c>
      <c r="J5827">
        <v>0</v>
      </c>
      <c r="K5827">
        <v>0</v>
      </c>
      <c r="L5827">
        <v>0</v>
      </c>
      <c r="M5827">
        <v>0</v>
      </c>
      <c r="N5827">
        <v>0</v>
      </c>
      <c r="O5827">
        <v>0</v>
      </c>
      <c r="P5827">
        <v>0</v>
      </c>
      <c r="Q5827">
        <v>0</v>
      </c>
      <c r="R5827">
        <v>0</v>
      </c>
      <c r="S5827">
        <v>0</v>
      </c>
      <c r="T5827" s="1">
        <v>45080.546875</v>
      </c>
    </row>
    <row r="5828" spans="1:20" x14ac:dyDescent="0.4">
      <c r="A5828">
        <v>479</v>
      </c>
      <c r="B5828">
        <v>2683</v>
      </c>
      <c r="C5828">
        <v>38</v>
      </c>
      <c r="D5828">
        <v>1</v>
      </c>
      <c r="E5828">
        <v>2683</v>
      </c>
      <c r="F5828" t="s">
        <v>1024</v>
      </c>
      <c r="G5828">
        <v>715</v>
      </c>
      <c r="H5828">
        <v>0</v>
      </c>
      <c r="I5828">
        <v>0</v>
      </c>
      <c r="J5828">
        <v>0</v>
      </c>
      <c r="K5828">
        <v>0</v>
      </c>
      <c r="L5828">
        <v>0</v>
      </c>
      <c r="M5828">
        <v>0</v>
      </c>
      <c r="N5828">
        <v>0</v>
      </c>
      <c r="O5828">
        <v>0</v>
      </c>
      <c r="P5828">
        <v>0</v>
      </c>
      <c r="Q5828">
        <v>0</v>
      </c>
      <c r="R5828">
        <v>0</v>
      </c>
      <c r="S5828">
        <v>0</v>
      </c>
      <c r="T5828" s="1">
        <v>45080.546875</v>
      </c>
    </row>
    <row r="5829" spans="1:20" x14ac:dyDescent="0.4">
      <c r="A5829">
        <v>480</v>
      </c>
      <c r="B5829">
        <v>2684</v>
      </c>
      <c r="C5829">
        <v>38</v>
      </c>
      <c r="D5829">
        <v>1</v>
      </c>
      <c r="E5829">
        <v>2684</v>
      </c>
      <c r="F5829" t="s">
        <v>1025</v>
      </c>
      <c r="G5829">
        <v>460</v>
      </c>
      <c r="H5829">
        <v>0</v>
      </c>
      <c r="I5829">
        <v>0</v>
      </c>
      <c r="J5829">
        <v>0</v>
      </c>
      <c r="K5829">
        <v>0</v>
      </c>
      <c r="L5829">
        <v>0</v>
      </c>
      <c r="M5829">
        <v>0</v>
      </c>
      <c r="N5829">
        <v>0</v>
      </c>
      <c r="O5829">
        <v>0</v>
      </c>
      <c r="P5829">
        <v>0</v>
      </c>
      <c r="Q5829">
        <v>0</v>
      </c>
      <c r="R5829">
        <v>0</v>
      </c>
      <c r="S5829">
        <v>0</v>
      </c>
      <c r="T5829" s="1">
        <v>45080.546875</v>
      </c>
    </row>
    <row r="5830" spans="1:20" x14ac:dyDescent="0.4">
      <c r="A5830">
        <v>481</v>
      </c>
      <c r="B5830">
        <v>2685</v>
      </c>
      <c r="C5830">
        <v>38</v>
      </c>
      <c r="D5830">
        <v>1</v>
      </c>
      <c r="E5830">
        <v>2685</v>
      </c>
      <c r="F5830" t="s">
        <v>1026</v>
      </c>
      <c r="G5830">
        <v>823</v>
      </c>
      <c r="H5830">
        <v>0</v>
      </c>
      <c r="I5830">
        <v>0</v>
      </c>
      <c r="J5830">
        <v>0</v>
      </c>
      <c r="K5830">
        <v>0</v>
      </c>
      <c r="L5830">
        <v>0</v>
      </c>
      <c r="M5830">
        <v>0</v>
      </c>
      <c r="N5830">
        <v>0</v>
      </c>
      <c r="O5830">
        <v>0</v>
      </c>
      <c r="P5830">
        <v>0</v>
      </c>
      <c r="Q5830">
        <v>0</v>
      </c>
      <c r="R5830">
        <v>0</v>
      </c>
      <c r="S5830">
        <v>0</v>
      </c>
      <c r="T5830" s="1">
        <v>45080.546875</v>
      </c>
    </row>
    <row r="5831" spans="1:20" x14ac:dyDescent="0.4">
      <c r="A5831">
        <v>482</v>
      </c>
      <c r="B5831">
        <v>2686</v>
      </c>
      <c r="C5831">
        <v>38</v>
      </c>
      <c r="D5831">
        <v>1</v>
      </c>
      <c r="E5831">
        <v>2686</v>
      </c>
      <c r="F5831" t="s">
        <v>1027</v>
      </c>
      <c r="G5831">
        <v>658</v>
      </c>
      <c r="H5831">
        <v>0</v>
      </c>
      <c r="I5831">
        <v>0</v>
      </c>
      <c r="J5831">
        <v>0</v>
      </c>
      <c r="K5831">
        <v>0</v>
      </c>
      <c r="L5831">
        <v>0</v>
      </c>
      <c r="M5831">
        <v>0</v>
      </c>
      <c r="N5831">
        <v>0</v>
      </c>
      <c r="O5831">
        <v>0</v>
      </c>
      <c r="P5831">
        <v>0</v>
      </c>
      <c r="Q5831">
        <v>0</v>
      </c>
      <c r="R5831">
        <v>0</v>
      </c>
      <c r="S5831">
        <v>0</v>
      </c>
      <c r="T5831" s="1">
        <v>45080.546875</v>
      </c>
    </row>
    <row r="5832" spans="1:20" x14ac:dyDescent="0.4">
      <c r="A5832">
        <v>483</v>
      </c>
      <c r="B5832">
        <v>2687</v>
      </c>
      <c r="C5832">
        <v>38</v>
      </c>
      <c r="D5832">
        <v>1</v>
      </c>
      <c r="E5832">
        <v>2687</v>
      </c>
      <c r="F5832" t="s">
        <v>1028</v>
      </c>
      <c r="G5832">
        <v>328</v>
      </c>
      <c r="H5832">
        <v>0</v>
      </c>
      <c r="I5832">
        <v>0</v>
      </c>
      <c r="J5832">
        <v>0</v>
      </c>
      <c r="K5832">
        <v>0</v>
      </c>
      <c r="L5832">
        <v>0</v>
      </c>
      <c r="M5832">
        <v>0</v>
      </c>
      <c r="N5832">
        <v>0</v>
      </c>
      <c r="O5832">
        <v>0</v>
      </c>
      <c r="P5832">
        <v>0</v>
      </c>
      <c r="Q5832">
        <v>0</v>
      </c>
      <c r="R5832">
        <v>0</v>
      </c>
      <c r="S5832">
        <v>0</v>
      </c>
      <c r="T5832" s="1">
        <v>45080.546875</v>
      </c>
    </row>
    <row r="5833" spans="1:20" x14ac:dyDescent="0.4">
      <c r="A5833">
        <v>484</v>
      </c>
      <c r="B5833">
        <v>2691</v>
      </c>
      <c r="C5833">
        <v>39</v>
      </c>
      <c r="D5833">
        <v>1</v>
      </c>
      <c r="E5833">
        <v>2691</v>
      </c>
      <c r="F5833" t="s">
        <v>1029</v>
      </c>
      <c r="G5833">
        <v>757</v>
      </c>
      <c r="H5833">
        <v>0</v>
      </c>
      <c r="I5833">
        <v>0</v>
      </c>
      <c r="J5833">
        <v>0</v>
      </c>
      <c r="K5833">
        <v>0</v>
      </c>
      <c r="L5833">
        <v>0</v>
      </c>
      <c r="M5833">
        <v>0</v>
      </c>
      <c r="N5833">
        <v>0</v>
      </c>
      <c r="O5833">
        <v>0</v>
      </c>
      <c r="P5833">
        <v>0</v>
      </c>
      <c r="Q5833">
        <v>0</v>
      </c>
      <c r="R5833">
        <v>0</v>
      </c>
      <c r="S5833">
        <v>0</v>
      </c>
      <c r="T5833" s="1">
        <v>45080.546875</v>
      </c>
    </row>
    <row r="5834" spans="1:20" x14ac:dyDescent="0.4">
      <c r="A5834">
        <v>485</v>
      </c>
      <c r="B5834">
        <v>2692</v>
      </c>
      <c r="C5834">
        <v>39</v>
      </c>
      <c r="D5834">
        <v>1</v>
      </c>
      <c r="E5834">
        <v>2692</v>
      </c>
      <c r="F5834" t="s">
        <v>1030</v>
      </c>
      <c r="G5834">
        <v>823</v>
      </c>
      <c r="H5834">
        <v>0</v>
      </c>
      <c r="I5834">
        <v>0</v>
      </c>
      <c r="J5834">
        <v>0</v>
      </c>
      <c r="K5834">
        <v>0</v>
      </c>
      <c r="L5834">
        <v>0</v>
      </c>
      <c r="M5834">
        <v>0</v>
      </c>
      <c r="N5834">
        <v>0</v>
      </c>
      <c r="O5834">
        <v>0</v>
      </c>
      <c r="P5834">
        <v>0</v>
      </c>
      <c r="Q5834">
        <v>0</v>
      </c>
      <c r="R5834">
        <v>0</v>
      </c>
      <c r="S5834">
        <v>0</v>
      </c>
      <c r="T5834" s="1">
        <v>45080.546875</v>
      </c>
    </row>
    <row r="5835" spans="1:20" x14ac:dyDescent="0.4">
      <c r="A5835">
        <v>486</v>
      </c>
      <c r="B5835">
        <v>2693</v>
      </c>
      <c r="C5835">
        <v>39</v>
      </c>
      <c r="D5835">
        <v>1</v>
      </c>
      <c r="E5835">
        <v>2693</v>
      </c>
      <c r="F5835" t="s">
        <v>1031</v>
      </c>
      <c r="G5835">
        <v>757</v>
      </c>
      <c r="H5835">
        <v>0</v>
      </c>
      <c r="I5835">
        <v>0</v>
      </c>
      <c r="J5835">
        <v>0</v>
      </c>
      <c r="K5835">
        <v>0</v>
      </c>
      <c r="L5835">
        <v>0</v>
      </c>
      <c r="M5835">
        <v>0</v>
      </c>
      <c r="N5835">
        <v>0</v>
      </c>
      <c r="O5835">
        <v>0</v>
      </c>
      <c r="P5835">
        <v>0</v>
      </c>
      <c r="Q5835">
        <v>0</v>
      </c>
      <c r="R5835">
        <v>0</v>
      </c>
      <c r="S5835">
        <v>0</v>
      </c>
      <c r="T5835" s="1">
        <v>45080.546875</v>
      </c>
    </row>
    <row r="5836" spans="1:20" x14ac:dyDescent="0.4">
      <c r="A5836">
        <v>487</v>
      </c>
      <c r="B5836">
        <v>2694</v>
      </c>
      <c r="C5836">
        <v>39</v>
      </c>
      <c r="D5836">
        <v>1</v>
      </c>
      <c r="E5836">
        <v>2694</v>
      </c>
      <c r="F5836" t="s">
        <v>1032</v>
      </c>
      <c r="G5836">
        <v>757</v>
      </c>
      <c r="H5836">
        <v>0</v>
      </c>
      <c r="I5836">
        <v>0</v>
      </c>
      <c r="J5836">
        <v>0</v>
      </c>
      <c r="K5836">
        <v>0</v>
      </c>
      <c r="L5836">
        <v>0</v>
      </c>
      <c r="M5836">
        <v>0</v>
      </c>
      <c r="N5836">
        <v>0</v>
      </c>
      <c r="O5836">
        <v>0</v>
      </c>
      <c r="P5836">
        <v>0</v>
      </c>
      <c r="Q5836">
        <v>0</v>
      </c>
      <c r="R5836">
        <v>0</v>
      </c>
      <c r="S5836">
        <v>0</v>
      </c>
      <c r="T5836" s="1">
        <v>45080.546875</v>
      </c>
    </row>
    <row r="5837" spans="1:20" x14ac:dyDescent="0.4">
      <c r="A5837" t="s">
        <v>0</v>
      </c>
      <c r="B5837" t="s">
        <v>45</v>
      </c>
      <c r="C5837" t="s">
        <v>1033</v>
      </c>
      <c r="D5837" t="s">
        <v>46</v>
      </c>
      <c r="E5837" t="s">
        <v>47</v>
      </c>
      <c r="F5837" t="s">
        <v>48</v>
      </c>
      <c r="G5837" t="s">
        <v>50</v>
      </c>
      <c r="H5837" t="s">
        <v>51</v>
      </c>
      <c r="I5837" t="s">
        <v>52</v>
      </c>
      <c r="J5837" t="s">
        <v>1034</v>
      </c>
    </row>
    <row r="5838" spans="1:20" x14ac:dyDescent="0.4">
      <c r="A5838">
        <v>1</v>
      </c>
      <c r="B5838" t="s">
        <v>1035</v>
      </c>
      <c r="C5838">
        <v>1</v>
      </c>
      <c r="D5838">
        <v>1</v>
      </c>
      <c r="E5838">
        <v>1678</v>
      </c>
      <c r="F5838">
        <v>174</v>
      </c>
      <c r="G5838">
        <v>4</v>
      </c>
      <c r="H5838">
        <v>2</v>
      </c>
      <c r="I5838">
        <v>516</v>
      </c>
      <c r="J5838" s="1">
        <v>44583.670393518521</v>
      </c>
    </row>
    <row r="5839" spans="1:20" x14ac:dyDescent="0.4">
      <c r="A5839">
        <v>2</v>
      </c>
      <c r="B5839" t="s">
        <v>1035</v>
      </c>
      <c r="C5839">
        <v>1</v>
      </c>
      <c r="D5839">
        <v>1</v>
      </c>
      <c r="E5839">
        <v>1678</v>
      </c>
      <c r="F5839">
        <v>174</v>
      </c>
      <c r="G5839">
        <v>5</v>
      </c>
      <c r="H5839">
        <v>1</v>
      </c>
      <c r="I5839">
        <v>472</v>
      </c>
      <c r="J5839" s="1">
        <v>44583.670393518521</v>
      </c>
    </row>
    <row r="5840" spans="1:20" x14ac:dyDescent="0.4">
      <c r="A5840" t="s">
        <v>0</v>
      </c>
      <c r="B5840" t="s">
        <v>1036</v>
      </c>
      <c r="C5840" t="s">
        <v>1037</v>
      </c>
      <c r="D5840" t="s">
        <v>6</v>
      </c>
    </row>
    <row r="5841" spans="1:4" x14ac:dyDescent="0.4">
      <c r="A5841">
        <v>1</v>
      </c>
      <c r="B5841" t="s">
        <v>389</v>
      </c>
      <c r="C5841" t="s">
        <v>389</v>
      </c>
      <c r="D5841" s="1">
        <v>44697.408263888887</v>
      </c>
    </row>
    <row r="5842" spans="1:4" x14ac:dyDescent="0.4">
      <c r="A5842">
        <v>2</v>
      </c>
      <c r="B5842" t="s">
        <v>1038</v>
      </c>
      <c r="C5842" t="s">
        <v>1039</v>
      </c>
      <c r="D5842" s="1">
        <v>44697.408263888887</v>
      </c>
    </row>
    <row r="5843" spans="1:4" x14ac:dyDescent="0.4">
      <c r="A5843">
        <v>3</v>
      </c>
      <c r="B5843" t="s">
        <v>1040</v>
      </c>
      <c r="C5843" t="s">
        <v>1041</v>
      </c>
      <c r="D5843" s="1">
        <v>44697.751979166664</v>
      </c>
    </row>
    <row r="5844" spans="1:4" x14ac:dyDescent="0.4">
      <c r="A5844">
        <v>4</v>
      </c>
      <c r="B5844" t="s">
        <v>1042</v>
      </c>
      <c r="C5844" t="s">
        <v>389</v>
      </c>
      <c r="D5844" s="1">
        <v>44697.751979166664</v>
      </c>
    </row>
    <row r="5845" spans="1:4" x14ac:dyDescent="0.4">
      <c r="A5845">
        <v>5</v>
      </c>
      <c r="B5845" t="s">
        <v>1043</v>
      </c>
      <c r="C5845" t="s">
        <v>1039</v>
      </c>
      <c r="D5845" s="1">
        <v>44697.753032407411</v>
      </c>
    </row>
    <row r="5846" spans="1:4" x14ac:dyDescent="0.4">
      <c r="A5846">
        <v>6</v>
      </c>
      <c r="B5846" t="s">
        <v>1044</v>
      </c>
      <c r="C5846" t="s">
        <v>1041</v>
      </c>
      <c r="D5846" s="1">
        <v>44697.753032407411</v>
      </c>
    </row>
    <row r="5847" spans="1:4" x14ac:dyDescent="0.4">
      <c r="A5847">
        <v>7</v>
      </c>
      <c r="B5847" t="s">
        <v>1045</v>
      </c>
      <c r="C5847" t="s">
        <v>1046</v>
      </c>
      <c r="D5847" s="1">
        <v>44697.753680555557</v>
      </c>
    </row>
    <row r="5848" spans="1:4" x14ac:dyDescent="0.4">
      <c r="A5848">
        <v>8</v>
      </c>
      <c r="B5848" t="s">
        <v>1047</v>
      </c>
      <c r="C5848" t="s">
        <v>389</v>
      </c>
      <c r="D5848" s="1">
        <v>44697.753680555557</v>
      </c>
    </row>
    <row r="5849" spans="1:4" x14ac:dyDescent="0.4">
      <c r="A5849">
        <v>9</v>
      </c>
      <c r="B5849" t="s">
        <v>1048</v>
      </c>
      <c r="C5849" t="s">
        <v>389</v>
      </c>
      <c r="D5849" s="1">
        <v>44697.753923611112</v>
      </c>
    </row>
    <row r="5850" spans="1:4" x14ac:dyDescent="0.4">
      <c r="A5850" t="s">
        <v>0</v>
      </c>
      <c r="B5850" t="s">
        <v>1049</v>
      </c>
      <c r="C5850" t="s">
        <v>1050</v>
      </c>
      <c r="D5850" t="s">
        <v>6</v>
      </c>
    </row>
    <row r="5851" spans="1:4" x14ac:dyDescent="0.4">
      <c r="A5851">
        <v>1</v>
      </c>
      <c r="B5851">
        <v>1</v>
      </c>
      <c r="C5851">
        <v>0</v>
      </c>
      <c r="D5851" s="1">
        <v>44595.777731481481</v>
      </c>
    </row>
    <row r="5852" spans="1:4" x14ac:dyDescent="0.4">
      <c r="A5852">
        <v>2</v>
      </c>
      <c r="B5852">
        <v>2</v>
      </c>
      <c r="C5852">
        <v>0</v>
      </c>
      <c r="D5852" s="1">
        <v>44595.777731481481</v>
      </c>
    </row>
    <row r="5853" spans="1:4" x14ac:dyDescent="0.4">
      <c r="A5853">
        <v>3</v>
      </c>
      <c r="B5853">
        <v>3</v>
      </c>
      <c r="C5853">
        <v>0</v>
      </c>
      <c r="D5853" s="1">
        <v>44595.777731481481</v>
      </c>
    </row>
    <row r="5854" spans="1:4" x14ac:dyDescent="0.4">
      <c r="A5854">
        <v>4</v>
      </c>
      <c r="B5854">
        <v>4</v>
      </c>
      <c r="C5854">
        <v>0</v>
      </c>
      <c r="D5854" s="1">
        <v>44595.777731481481</v>
      </c>
    </row>
    <row r="5855" spans="1:4" x14ac:dyDescent="0.4">
      <c r="A5855">
        <v>5</v>
      </c>
      <c r="B5855">
        <v>5</v>
      </c>
      <c r="C5855">
        <v>0</v>
      </c>
      <c r="D5855" s="1">
        <v>44595.777731481481</v>
      </c>
    </row>
    <row r="5856" spans="1:4" x14ac:dyDescent="0.4">
      <c r="A5856">
        <v>6</v>
      </c>
      <c r="B5856">
        <v>6</v>
      </c>
      <c r="C5856">
        <v>0</v>
      </c>
      <c r="D5856" s="1">
        <v>44595.777731481481</v>
      </c>
    </row>
    <row r="5857" spans="1:7" x14ac:dyDescent="0.4">
      <c r="A5857">
        <v>7</v>
      </c>
      <c r="B5857">
        <v>7</v>
      </c>
      <c r="C5857">
        <v>0</v>
      </c>
      <c r="D5857" s="1">
        <v>44595.777731481481</v>
      </c>
    </row>
    <row r="5858" spans="1:7" x14ac:dyDescent="0.4">
      <c r="A5858">
        <v>8</v>
      </c>
      <c r="B5858">
        <v>8</v>
      </c>
      <c r="C5858">
        <v>0</v>
      </c>
      <c r="D5858" s="1">
        <v>44595.777731481481</v>
      </c>
    </row>
    <row r="5859" spans="1:7" x14ac:dyDescent="0.4">
      <c r="A5859">
        <v>9</v>
      </c>
      <c r="B5859">
        <v>9</v>
      </c>
      <c r="C5859">
        <v>0</v>
      </c>
      <c r="D5859" s="1">
        <v>44595.777731481481</v>
      </c>
    </row>
    <row r="5860" spans="1:7" x14ac:dyDescent="0.4">
      <c r="A5860">
        <v>10</v>
      </c>
      <c r="B5860">
        <v>10</v>
      </c>
      <c r="C5860">
        <v>0</v>
      </c>
      <c r="D5860" s="1">
        <v>44595.777731481481</v>
      </c>
    </row>
    <row r="5861" spans="1:7" x14ac:dyDescent="0.4">
      <c r="A5861" t="s">
        <v>0</v>
      </c>
      <c r="B5861" t="s">
        <v>1051</v>
      </c>
      <c r="C5861" t="s">
        <v>1049</v>
      </c>
      <c r="D5861" t="s">
        <v>1052</v>
      </c>
      <c r="E5861" t="s">
        <v>1053</v>
      </c>
      <c r="F5861" t="s">
        <v>1054</v>
      </c>
      <c r="G5861" t="s">
        <v>6</v>
      </c>
    </row>
    <row r="5862" spans="1:7" x14ac:dyDescent="0.4">
      <c r="A5862">
        <v>1</v>
      </c>
      <c r="B5862">
        <v>1</v>
      </c>
      <c r="C5862">
        <v>1</v>
      </c>
      <c r="D5862" t="s">
        <v>1055</v>
      </c>
      <c r="E5862">
        <v>1</v>
      </c>
      <c r="F5862">
        <v>0</v>
      </c>
      <c r="G5862" s="1">
        <v>44804.644444444442</v>
      </c>
    </row>
    <row r="5863" spans="1:7" x14ac:dyDescent="0.4">
      <c r="A5863">
        <v>2</v>
      </c>
      <c r="B5863">
        <v>2</v>
      </c>
      <c r="C5863">
        <v>1</v>
      </c>
      <c r="D5863" t="s">
        <v>1056</v>
      </c>
      <c r="E5863">
        <v>2</v>
      </c>
      <c r="F5863">
        <v>0</v>
      </c>
      <c r="G5863" s="1">
        <v>44804.644444444442</v>
      </c>
    </row>
    <row r="5864" spans="1:7" x14ac:dyDescent="0.4">
      <c r="A5864">
        <v>3</v>
      </c>
      <c r="B5864">
        <v>3</v>
      </c>
      <c r="C5864">
        <v>1</v>
      </c>
      <c r="D5864" t="s">
        <v>1057</v>
      </c>
      <c r="E5864">
        <v>3</v>
      </c>
      <c r="F5864">
        <v>0</v>
      </c>
      <c r="G5864" s="1">
        <v>44804.644444444442</v>
      </c>
    </row>
    <row r="5865" spans="1:7" x14ac:dyDescent="0.4">
      <c r="A5865">
        <v>4</v>
      </c>
      <c r="B5865">
        <v>4</v>
      </c>
      <c r="C5865">
        <v>1</v>
      </c>
      <c r="D5865" t="s">
        <v>1058</v>
      </c>
      <c r="E5865">
        <v>4</v>
      </c>
      <c r="F5865">
        <v>0</v>
      </c>
      <c r="G5865" s="1">
        <v>44804.644444444442</v>
      </c>
    </row>
    <row r="5866" spans="1:7" x14ac:dyDescent="0.4">
      <c r="A5866">
        <v>5</v>
      </c>
      <c r="B5866">
        <v>5</v>
      </c>
      <c r="C5866">
        <v>1</v>
      </c>
      <c r="D5866" t="s">
        <v>1059</v>
      </c>
      <c r="E5866">
        <v>5</v>
      </c>
      <c r="F5866">
        <v>0</v>
      </c>
      <c r="G5866" s="1">
        <v>44804.644444444442</v>
      </c>
    </row>
    <row r="5867" spans="1:7" x14ac:dyDescent="0.4">
      <c r="A5867">
        <v>6</v>
      </c>
      <c r="B5867">
        <v>6</v>
      </c>
      <c r="C5867">
        <v>1</v>
      </c>
      <c r="D5867" t="s">
        <v>1060</v>
      </c>
      <c r="E5867">
        <v>6</v>
      </c>
      <c r="F5867">
        <v>3</v>
      </c>
      <c r="G5867" s="1">
        <v>44804.644444444442</v>
      </c>
    </row>
    <row r="5868" spans="1:7" x14ac:dyDescent="0.4">
      <c r="A5868">
        <v>7</v>
      </c>
      <c r="B5868">
        <v>7</v>
      </c>
      <c r="C5868">
        <v>1</v>
      </c>
      <c r="D5868" t="s">
        <v>1061</v>
      </c>
      <c r="E5868">
        <v>7</v>
      </c>
      <c r="F5868">
        <v>0</v>
      </c>
      <c r="G5868" s="1">
        <v>44804.644444444442</v>
      </c>
    </row>
    <row r="5869" spans="1:7" x14ac:dyDescent="0.4">
      <c r="A5869">
        <v>8</v>
      </c>
      <c r="B5869">
        <v>8</v>
      </c>
      <c r="C5869">
        <v>1</v>
      </c>
      <c r="D5869" t="s">
        <v>1062</v>
      </c>
      <c r="E5869">
        <v>8</v>
      </c>
      <c r="F5869">
        <v>3</v>
      </c>
      <c r="G5869" s="1">
        <v>44804.644444444442</v>
      </c>
    </row>
    <row r="5870" spans="1:7" x14ac:dyDescent="0.4">
      <c r="A5870">
        <v>9</v>
      </c>
      <c r="B5870">
        <v>9</v>
      </c>
      <c r="C5870">
        <v>1</v>
      </c>
      <c r="D5870" t="s">
        <v>1063</v>
      </c>
      <c r="E5870">
        <v>9</v>
      </c>
      <c r="F5870">
        <v>0</v>
      </c>
      <c r="G5870" s="1">
        <v>44804.644444444442</v>
      </c>
    </row>
    <row r="5871" spans="1:7" x14ac:dyDescent="0.4">
      <c r="A5871">
        <v>10</v>
      </c>
      <c r="B5871">
        <v>10</v>
      </c>
      <c r="C5871">
        <v>1</v>
      </c>
      <c r="D5871" t="s">
        <v>1064</v>
      </c>
      <c r="E5871">
        <v>10</v>
      </c>
      <c r="F5871">
        <v>3</v>
      </c>
      <c r="G5871" s="1">
        <v>44804.644444444442</v>
      </c>
    </row>
    <row r="5872" spans="1:7" x14ac:dyDescent="0.4">
      <c r="A5872">
        <v>11</v>
      </c>
      <c r="B5872">
        <v>11</v>
      </c>
      <c r="C5872">
        <v>1</v>
      </c>
      <c r="D5872" t="s">
        <v>1065</v>
      </c>
      <c r="E5872">
        <v>11</v>
      </c>
      <c r="F5872">
        <v>0</v>
      </c>
      <c r="G5872" s="1">
        <v>44804.644444444442</v>
      </c>
    </row>
    <row r="5873" spans="1:7" x14ac:dyDescent="0.4">
      <c r="A5873">
        <v>12</v>
      </c>
      <c r="B5873">
        <v>12</v>
      </c>
      <c r="C5873">
        <v>1</v>
      </c>
      <c r="D5873" t="s">
        <v>1066</v>
      </c>
      <c r="E5873">
        <v>12</v>
      </c>
      <c r="F5873">
        <v>0</v>
      </c>
      <c r="G5873" s="1">
        <v>44804.644444444442</v>
      </c>
    </row>
    <row r="5874" spans="1:7" x14ac:dyDescent="0.4">
      <c r="A5874">
        <v>13</v>
      </c>
      <c r="B5874">
        <v>13</v>
      </c>
      <c r="C5874">
        <v>1</v>
      </c>
      <c r="D5874" t="s">
        <v>1067</v>
      </c>
      <c r="E5874">
        <v>13</v>
      </c>
      <c r="F5874">
        <v>0</v>
      </c>
      <c r="G5874" s="1">
        <v>44804.644444444442</v>
      </c>
    </row>
    <row r="5875" spans="1:7" x14ac:dyDescent="0.4">
      <c r="A5875">
        <v>14</v>
      </c>
      <c r="B5875">
        <v>14</v>
      </c>
      <c r="C5875">
        <v>1</v>
      </c>
      <c r="D5875" t="s">
        <v>1068</v>
      </c>
      <c r="E5875">
        <v>14</v>
      </c>
      <c r="F5875">
        <v>1</v>
      </c>
      <c r="G5875" s="1">
        <v>44804.644444444442</v>
      </c>
    </row>
    <row r="5876" spans="1:7" x14ac:dyDescent="0.4">
      <c r="A5876">
        <v>15</v>
      </c>
      <c r="B5876">
        <v>15</v>
      </c>
      <c r="C5876">
        <v>1</v>
      </c>
      <c r="D5876" t="s">
        <v>1069</v>
      </c>
      <c r="E5876">
        <v>15</v>
      </c>
      <c r="F5876">
        <v>3</v>
      </c>
      <c r="G5876" s="1">
        <v>44804.644444444442</v>
      </c>
    </row>
    <row r="5877" spans="1:7" x14ac:dyDescent="0.4">
      <c r="A5877">
        <v>16</v>
      </c>
      <c r="B5877">
        <v>0</v>
      </c>
      <c r="C5877">
        <v>0</v>
      </c>
      <c r="D5877" t="s">
        <v>88</v>
      </c>
      <c r="E5877">
        <v>0</v>
      </c>
      <c r="F5877">
        <v>0</v>
      </c>
      <c r="G5877" s="1">
        <v>45081.54724537037</v>
      </c>
    </row>
    <row r="5878" spans="1:7" x14ac:dyDescent="0.4">
      <c r="A5878">
        <v>17</v>
      </c>
      <c r="B5878">
        <v>0</v>
      </c>
      <c r="C5878">
        <v>0</v>
      </c>
      <c r="D5878" t="s">
        <v>88</v>
      </c>
      <c r="E5878">
        <v>0</v>
      </c>
      <c r="F5878">
        <v>0</v>
      </c>
      <c r="G5878" s="1">
        <v>45081.620150462964</v>
      </c>
    </row>
    <row r="5879" spans="1:7" x14ac:dyDescent="0.4">
      <c r="A5879">
        <v>18</v>
      </c>
      <c r="B5879">
        <v>0</v>
      </c>
      <c r="C5879">
        <v>0</v>
      </c>
      <c r="D5879" t="s">
        <v>88</v>
      </c>
      <c r="E5879">
        <v>0</v>
      </c>
      <c r="F5879">
        <v>0</v>
      </c>
      <c r="G5879" s="1">
        <v>45081.620613425926</v>
      </c>
    </row>
    <row r="5880" spans="1:7" x14ac:dyDescent="0.4">
      <c r="A5880">
        <v>19</v>
      </c>
      <c r="B5880">
        <v>0</v>
      </c>
      <c r="C5880">
        <v>0</v>
      </c>
      <c r="D5880" t="s">
        <v>88</v>
      </c>
      <c r="E5880">
        <v>0</v>
      </c>
      <c r="F5880">
        <v>0</v>
      </c>
      <c r="G5880" s="1">
        <v>45081.633113425924</v>
      </c>
    </row>
    <row r="5881" spans="1:7" x14ac:dyDescent="0.4">
      <c r="A5881">
        <v>20</v>
      </c>
      <c r="B5881">
        <v>0</v>
      </c>
      <c r="C5881">
        <v>0</v>
      </c>
      <c r="D5881" t="s">
        <v>88</v>
      </c>
      <c r="E5881">
        <v>0</v>
      </c>
      <c r="F5881">
        <v>0</v>
      </c>
      <c r="G5881" s="1">
        <v>45081.661817129629</v>
      </c>
    </row>
    <row r="5882" spans="1:7" x14ac:dyDescent="0.4">
      <c r="A5882">
        <v>21</v>
      </c>
      <c r="B5882">
        <v>0</v>
      </c>
      <c r="C5882">
        <v>0</v>
      </c>
      <c r="D5882" t="s">
        <v>88</v>
      </c>
      <c r="E5882">
        <v>0</v>
      </c>
      <c r="F5882">
        <v>3</v>
      </c>
      <c r="G5882" s="1">
        <v>45081.861828703702</v>
      </c>
    </row>
    <row r="5883" spans="1:7" x14ac:dyDescent="0.4">
      <c r="A5883">
        <v>22</v>
      </c>
      <c r="B5883">
        <v>0</v>
      </c>
      <c r="C5883">
        <v>0</v>
      </c>
      <c r="D5883" t="s">
        <v>88</v>
      </c>
      <c r="E5883">
        <v>0</v>
      </c>
      <c r="F5883">
        <v>3</v>
      </c>
      <c r="G5883" s="1">
        <v>45081.931493055556</v>
      </c>
    </row>
    <row r="5884" spans="1:7" x14ac:dyDescent="0.4">
      <c r="A5884">
        <v>23</v>
      </c>
      <c r="B5884">
        <v>0</v>
      </c>
      <c r="C5884">
        <v>0</v>
      </c>
      <c r="D5884" t="s">
        <v>88</v>
      </c>
      <c r="E5884">
        <v>0</v>
      </c>
      <c r="F5884">
        <v>0</v>
      </c>
      <c r="G5884" s="1">
        <v>45082.456967592596</v>
      </c>
    </row>
    <row r="5885" spans="1:7" x14ac:dyDescent="0.4">
      <c r="A5885">
        <v>24</v>
      </c>
      <c r="B5885">
        <v>0</v>
      </c>
      <c r="C5885">
        <v>0</v>
      </c>
      <c r="D5885" t="s">
        <v>88</v>
      </c>
      <c r="E5885">
        <v>0</v>
      </c>
      <c r="F5885">
        <v>0</v>
      </c>
      <c r="G5885" s="1">
        <v>45082.457430555558</v>
      </c>
    </row>
    <row r="5886" spans="1:7" x14ac:dyDescent="0.4">
      <c r="A5886">
        <v>25</v>
      </c>
      <c r="B5886">
        <v>0</v>
      </c>
      <c r="C5886">
        <v>0</v>
      </c>
      <c r="D5886" t="s">
        <v>88</v>
      </c>
      <c r="E5886">
        <v>0</v>
      </c>
      <c r="F5886">
        <v>0</v>
      </c>
      <c r="G5886" s="1">
        <v>45082.529409722221</v>
      </c>
    </row>
    <row r="5887" spans="1:7" x14ac:dyDescent="0.4">
      <c r="A5887">
        <v>26</v>
      </c>
      <c r="B5887">
        <v>0</v>
      </c>
      <c r="C5887">
        <v>0</v>
      </c>
      <c r="D5887" t="s">
        <v>88</v>
      </c>
      <c r="E5887">
        <v>0</v>
      </c>
      <c r="F5887">
        <v>0</v>
      </c>
      <c r="G5887" s="1">
        <v>45082.529641203706</v>
      </c>
    </row>
    <row r="5888" spans="1:7" x14ac:dyDescent="0.4">
      <c r="A5888">
        <v>27</v>
      </c>
      <c r="B5888">
        <v>0</v>
      </c>
      <c r="C5888">
        <v>0</v>
      </c>
      <c r="D5888" t="s">
        <v>88</v>
      </c>
      <c r="E5888">
        <v>0</v>
      </c>
      <c r="F5888">
        <v>0</v>
      </c>
      <c r="G5888" s="1">
        <v>45084.474085648151</v>
      </c>
    </row>
    <row r="5889" spans="1:7" x14ac:dyDescent="0.4">
      <c r="A5889">
        <v>28</v>
      </c>
      <c r="B5889">
        <v>0</v>
      </c>
      <c r="C5889">
        <v>0</v>
      </c>
      <c r="D5889" t="s">
        <v>88</v>
      </c>
      <c r="E5889">
        <v>0</v>
      </c>
      <c r="F5889">
        <v>0</v>
      </c>
      <c r="G5889" s="1">
        <v>45084.55232638889</v>
      </c>
    </row>
    <row r="5890" spans="1:7" x14ac:dyDescent="0.4">
      <c r="A5890">
        <v>29</v>
      </c>
      <c r="B5890">
        <v>0</v>
      </c>
      <c r="C5890">
        <v>0</v>
      </c>
      <c r="D5890" t="s">
        <v>88</v>
      </c>
      <c r="E5890">
        <v>0</v>
      </c>
      <c r="F5890">
        <v>0</v>
      </c>
      <c r="G5890" s="1">
        <v>45084.556956018518</v>
      </c>
    </row>
    <row r="5891" spans="1:7" x14ac:dyDescent="0.4">
      <c r="A5891">
        <v>30</v>
      </c>
      <c r="B5891">
        <v>0</v>
      </c>
      <c r="C5891">
        <v>0</v>
      </c>
      <c r="D5891" t="s">
        <v>88</v>
      </c>
      <c r="E5891">
        <v>0</v>
      </c>
      <c r="F5891">
        <v>0</v>
      </c>
      <c r="G5891" s="1">
        <v>45084.617835648147</v>
      </c>
    </row>
    <row r="5892" spans="1:7" x14ac:dyDescent="0.4">
      <c r="A5892">
        <v>31</v>
      </c>
      <c r="B5892">
        <v>0</v>
      </c>
      <c r="C5892">
        <v>0</v>
      </c>
      <c r="D5892" t="s">
        <v>88</v>
      </c>
      <c r="E5892">
        <v>0</v>
      </c>
      <c r="F5892">
        <v>0</v>
      </c>
      <c r="G5892" s="1">
        <v>45084.751875000002</v>
      </c>
    </row>
    <row r="5893" spans="1:7" x14ac:dyDescent="0.4">
      <c r="A5893">
        <v>32</v>
      </c>
      <c r="B5893">
        <v>0</v>
      </c>
      <c r="C5893">
        <v>0</v>
      </c>
      <c r="D5893" t="s">
        <v>88</v>
      </c>
      <c r="E5893">
        <v>0</v>
      </c>
      <c r="F5893">
        <v>0</v>
      </c>
      <c r="G5893" s="1">
        <v>45086.787511574075</v>
      </c>
    </row>
    <row r="5894" spans="1:7" x14ac:dyDescent="0.4">
      <c r="A5894">
        <v>33</v>
      </c>
      <c r="B5894">
        <v>0</v>
      </c>
      <c r="C5894">
        <v>0</v>
      </c>
      <c r="D5894" t="s">
        <v>88</v>
      </c>
      <c r="E5894">
        <v>0</v>
      </c>
      <c r="F5894">
        <v>0</v>
      </c>
      <c r="G5894" s="1">
        <v>45086.821539351855</v>
      </c>
    </row>
    <row r="5895" spans="1:7" x14ac:dyDescent="0.4">
      <c r="A5895">
        <v>34</v>
      </c>
      <c r="B5895">
        <v>0</v>
      </c>
      <c r="C5895">
        <v>0</v>
      </c>
      <c r="D5895" t="s">
        <v>88</v>
      </c>
      <c r="E5895">
        <v>0</v>
      </c>
      <c r="F5895">
        <v>0</v>
      </c>
      <c r="G5895" s="1">
        <v>45086.943761574075</v>
      </c>
    </row>
    <row r="5896" spans="1:7" x14ac:dyDescent="0.4">
      <c r="A5896">
        <v>35</v>
      </c>
      <c r="B5896">
        <v>0</v>
      </c>
      <c r="C5896">
        <v>0</v>
      </c>
      <c r="D5896" t="s">
        <v>88</v>
      </c>
      <c r="E5896">
        <v>0</v>
      </c>
      <c r="F5896">
        <v>0</v>
      </c>
      <c r="G5896" s="1">
        <v>45087.662974537037</v>
      </c>
    </row>
    <row r="5897" spans="1:7" x14ac:dyDescent="0.4">
      <c r="A5897">
        <v>36</v>
      </c>
      <c r="B5897">
        <v>0</v>
      </c>
      <c r="C5897">
        <v>0</v>
      </c>
      <c r="D5897" t="s">
        <v>88</v>
      </c>
      <c r="E5897">
        <v>0</v>
      </c>
      <c r="F5897">
        <v>0</v>
      </c>
      <c r="G5897" s="1">
        <v>45087.707199074073</v>
      </c>
    </row>
    <row r="5898" spans="1:7" x14ac:dyDescent="0.4">
      <c r="A5898">
        <v>37</v>
      </c>
      <c r="B5898">
        <v>0</v>
      </c>
      <c r="C5898">
        <v>0</v>
      </c>
      <c r="D5898" t="s">
        <v>88</v>
      </c>
      <c r="E5898">
        <v>0</v>
      </c>
      <c r="F5898">
        <v>0</v>
      </c>
      <c r="G5898" s="1">
        <v>45088.786585648151</v>
      </c>
    </row>
    <row r="5899" spans="1:7" x14ac:dyDescent="0.4">
      <c r="A5899">
        <v>38</v>
      </c>
      <c r="B5899">
        <v>0</v>
      </c>
      <c r="C5899">
        <v>0</v>
      </c>
      <c r="D5899" t="s">
        <v>88</v>
      </c>
      <c r="E5899">
        <v>0</v>
      </c>
      <c r="F5899">
        <v>0</v>
      </c>
      <c r="G5899" s="1">
        <v>45088.79446759259</v>
      </c>
    </row>
    <row r="5900" spans="1:7" x14ac:dyDescent="0.4">
      <c r="A5900">
        <v>39</v>
      </c>
      <c r="B5900">
        <v>0</v>
      </c>
      <c r="C5900">
        <v>0</v>
      </c>
      <c r="D5900" t="s">
        <v>88</v>
      </c>
      <c r="E5900">
        <v>0</v>
      </c>
      <c r="F5900">
        <v>0</v>
      </c>
      <c r="G5900" s="1">
        <v>45088.835196759261</v>
      </c>
    </row>
    <row r="5901" spans="1:7" x14ac:dyDescent="0.4">
      <c r="A5901">
        <v>40</v>
      </c>
      <c r="B5901">
        <v>0</v>
      </c>
      <c r="C5901">
        <v>0</v>
      </c>
      <c r="D5901" t="s">
        <v>88</v>
      </c>
      <c r="E5901">
        <v>0</v>
      </c>
      <c r="F5901">
        <v>0</v>
      </c>
      <c r="G5901" s="1">
        <v>45088.865289351852</v>
      </c>
    </row>
    <row r="5902" spans="1:7" x14ac:dyDescent="0.4">
      <c r="A5902">
        <v>41</v>
      </c>
      <c r="B5902">
        <v>0</v>
      </c>
      <c r="C5902">
        <v>0</v>
      </c>
      <c r="D5902" t="s">
        <v>88</v>
      </c>
      <c r="E5902">
        <v>0</v>
      </c>
      <c r="F5902">
        <v>0</v>
      </c>
      <c r="G5902" s="1">
        <v>45088.8671412037</v>
      </c>
    </row>
    <row r="5903" spans="1:7" x14ac:dyDescent="0.4">
      <c r="A5903">
        <v>42</v>
      </c>
      <c r="B5903">
        <v>0</v>
      </c>
      <c r="C5903">
        <v>0</v>
      </c>
      <c r="D5903" t="s">
        <v>88</v>
      </c>
      <c r="E5903">
        <v>0</v>
      </c>
      <c r="F5903">
        <v>0</v>
      </c>
      <c r="G5903" s="1">
        <v>45088.867835648147</v>
      </c>
    </row>
    <row r="5904" spans="1:7" x14ac:dyDescent="0.4">
      <c r="A5904">
        <v>43</v>
      </c>
      <c r="B5904">
        <v>0</v>
      </c>
      <c r="C5904">
        <v>0</v>
      </c>
      <c r="D5904" t="s">
        <v>88</v>
      </c>
      <c r="E5904">
        <v>0</v>
      </c>
      <c r="F5904">
        <v>0</v>
      </c>
      <c r="G5904" s="1">
        <v>45088.886354166665</v>
      </c>
    </row>
    <row r="5905" spans="1:22" x14ac:dyDescent="0.4">
      <c r="A5905">
        <v>44</v>
      </c>
      <c r="B5905">
        <v>0</v>
      </c>
      <c r="C5905">
        <v>0</v>
      </c>
      <c r="D5905" t="s">
        <v>88</v>
      </c>
      <c r="E5905">
        <v>0</v>
      </c>
      <c r="F5905">
        <v>0</v>
      </c>
      <c r="G5905" s="1">
        <v>45088.892604166664</v>
      </c>
    </row>
    <row r="5906" spans="1:22" x14ac:dyDescent="0.4">
      <c r="A5906" t="s">
        <v>0</v>
      </c>
      <c r="B5906" t="s">
        <v>1070</v>
      </c>
      <c r="C5906" t="s">
        <v>45</v>
      </c>
      <c r="D5906" t="s">
        <v>1071</v>
      </c>
      <c r="E5906" t="s">
        <v>1072</v>
      </c>
      <c r="F5906" t="s">
        <v>1073</v>
      </c>
      <c r="G5906" t="s">
        <v>1074</v>
      </c>
      <c r="H5906" t="s">
        <v>96</v>
      </c>
      <c r="I5906" t="s">
        <v>1075</v>
      </c>
      <c r="J5906" t="s">
        <v>1076</v>
      </c>
      <c r="K5906" t="s">
        <v>1077</v>
      </c>
      <c r="L5906" t="s">
        <v>48</v>
      </c>
      <c r="M5906" t="s">
        <v>1078</v>
      </c>
      <c r="N5906" t="s">
        <v>1079</v>
      </c>
      <c r="O5906" t="s">
        <v>1080</v>
      </c>
      <c r="P5906" t="s">
        <v>1081</v>
      </c>
      <c r="Q5906" t="s">
        <v>1082</v>
      </c>
      <c r="R5906" t="s">
        <v>1083</v>
      </c>
      <c r="S5906" t="s">
        <v>1084</v>
      </c>
      <c r="T5906" t="s">
        <v>47</v>
      </c>
      <c r="U5906" t="s">
        <v>1085</v>
      </c>
      <c r="V5906" t="s">
        <v>6</v>
      </c>
    </row>
    <row r="5907" spans="1:22" x14ac:dyDescent="0.4">
      <c r="A5907">
        <v>1</v>
      </c>
      <c r="B5907">
        <v>6</v>
      </c>
      <c r="C5907" t="s">
        <v>1086</v>
      </c>
      <c r="D5907">
        <v>0</v>
      </c>
      <c r="E5907">
        <v>0</v>
      </c>
      <c r="F5907">
        <v>0</v>
      </c>
      <c r="G5907">
        <v>0</v>
      </c>
      <c r="H5907">
        <v>0</v>
      </c>
      <c r="I5907">
        <v>0</v>
      </c>
      <c r="J5907">
        <v>0</v>
      </c>
      <c r="K5907">
        <v>0</v>
      </c>
      <c r="L5907">
        <v>0</v>
      </c>
      <c r="M5907">
        <v>0</v>
      </c>
      <c r="N5907">
        <v>0</v>
      </c>
      <c r="O5907">
        <v>500</v>
      </c>
      <c r="P5907">
        <v>0</v>
      </c>
      <c r="Q5907">
        <v>0</v>
      </c>
      <c r="R5907">
        <v>0</v>
      </c>
      <c r="S5907">
        <v>0</v>
      </c>
      <c r="T5907">
        <v>0</v>
      </c>
      <c r="U5907">
        <v>0</v>
      </c>
      <c r="V5907" s="1">
        <v>44697.761250000003</v>
      </c>
    </row>
    <row r="5908" spans="1:22" x14ac:dyDescent="0.4">
      <c r="A5908" t="s">
        <v>0</v>
      </c>
      <c r="B5908" t="s">
        <v>358</v>
      </c>
      <c r="C5908" t="s">
        <v>1087</v>
      </c>
      <c r="D5908" t="s">
        <v>6</v>
      </c>
    </row>
    <row r="5909" spans="1:22" x14ac:dyDescent="0.4">
      <c r="A5909">
        <v>1</v>
      </c>
      <c r="B5909" t="s">
        <v>1088</v>
      </c>
      <c r="C5909">
        <v>0</v>
      </c>
      <c r="D5909" s="1">
        <v>44697.396493055552</v>
      </c>
    </row>
    <row r="5910" spans="1:22" x14ac:dyDescent="0.4">
      <c r="A5910">
        <v>2</v>
      </c>
      <c r="B5910" t="s">
        <v>1089</v>
      </c>
      <c r="C5910">
        <v>0</v>
      </c>
      <c r="D5910" s="1">
        <v>44697.396493055552</v>
      </c>
    </row>
    <row r="5911" spans="1:22" x14ac:dyDescent="0.4">
      <c r="A5911">
        <v>3</v>
      </c>
      <c r="B5911" t="s">
        <v>1090</v>
      </c>
      <c r="C5911">
        <v>0</v>
      </c>
      <c r="D5911" s="1">
        <v>44697.399363425924</v>
      </c>
    </row>
    <row r="5912" spans="1:22" x14ac:dyDescent="0.4">
      <c r="A5912">
        <v>4</v>
      </c>
      <c r="B5912" t="s">
        <v>1091</v>
      </c>
      <c r="C5912">
        <v>0</v>
      </c>
      <c r="D5912" s="1">
        <v>44697.399363425924</v>
      </c>
    </row>
    <row r="5913" spans="1:22" x14ac:dyDescent="0.4">
      <c r="A5913">
        <v>5</v>
      </c>
      <c r="B5913" t="s">
        <v>1092</v>
      </c>
      <c r="C5913">
        <v>0</v>
      </c>
      <c r="D5913" s="1">
        <v>44697.400358796294</v>
      </c>
    </row>
    <row r="5914" spans="1:22" x14ac:dyDescent="0.4">
      <c r="A5914">
        <v>6</v>
      </c>
      <c r="B5914" t="s">
        <v>1093</v>
      </c>
      <c r="C5914">
        <v>0</v>
      </c>
      <c r="D5914" s="1">
        <v>44697.400358796294</v>
      </c>
    </row>
    <row r="5915" spans="1:22" x14ac:dyDescent="0.4">
      <c r="A5915">
        <v>7</v>
      </c>
      <c r="B5915" t="s">
        <v>1094</v>
      </c>
      <c r="C5915">
        <v>0</v>
      </c>
      <c r="D5915" s="1">
        <v>44697.401250000003</v>
      </c>
    </row>
    <row r="5916" spans="1:22" x14ac:dyDescent="0.4">
      <c r="A5916">
        <v>8</v>
      </c>
      <c r="B5916" t="s">
        <v>1095</v>
      </c>
      <c r="C5916">
        <v>0</v>
      </c>
      <c r="D5916" s="1">
        <v>44697.401250000003</v>
      </c>
    </row>
    <row r="5917" spans="1:22" x14ac:dyDescent="0.4">
      <c r="A5917" t="s">
        <v>0</v>
      </c>
      <c r="B5917" t="s">
        <v>1096</v>
      </c>
      <c r="C5917" t="s">
        <v>1097</v>
      </c>
      <c r="D5917" t="s">
        <v>1098</v>
      </c>
      <c r="E5917" t="s">
        <v>1099</v>
      </c>
      <c r="F5917" t="s">
        <v>1100</v>
      </c>
      <c r="G5917" t="s">
        <v>1101</v>
      </c>
      <c r="H5917" t="s">
        <v>1102</v>
      </c>
      <c r="I5917" t="s">
        <v>1103</v>
      </c>
      <c r="J5917" t="s">
        <v>1104</v>
      </c>
      <c r="K5917" t="s">
        <v>1105</v>
      </c>
      <c r="L5917" t="s">
        <v>1106</v>
      </c>
      <c r="M5917" t="s">
        <v>1107</v>
      </c>
      <c r="N5917" t="s">
        <v>1108</v>
      </c>
      <c r="O5917" t="s">
        <v>1109</v>
      </c>
      <c r="P5917" t="s">
        <v>1110</v>
      </c>
      <c r="Q5917" t="s">
        <v>1111</v>
      </c>
      <c r="R5917" t="s">
        <v>6</v>
      </c>
    </row>
    <row r="5918" spans="1:22" x14ac:dyDescent="0.4">
      <c r="A5918">
        <v>1</v>
      </c>
      <c r="B5918" t="s">
        <v>1112</v>
      </c>
      <c r="C5918" s="3">
        <v>0.41666666666666669</v>
      </c>
      <c r="D5918" s="3">
        <v>0.20833333333333334</v>
      </c>
      <c r="E5918">
        <v>15</v>
      </c>
      <c r="F5918" t="s">
        <v>1113</v>
      </c>
      <c r="G5918">
        <v>15</v>
      </c>
      <c r="I5918" t="s">
        <v>1114</v>
      </c>
      <c r="J5918" t="s">
        <v>1115</v>
      </c>
      <c r="K5918" t="s">
        <v>1116</v>
      </c>
      <c r="N5918" t="s">
        <v>1117</v>
      </c>
      <c r="O5918" t="s">
        <v>1118</v>
      </c>
      <c r="P5918" t="s">
        <v>1119</v>
      </c>
      <c r="Q5918" t="s">
        <v>1120</v>
      </c>
      <c r="R5918" s="1">
        <v>44575.69027777778</v>
      </c>
    </row>
    <row r="5919" spans="1:22" x14ac:dyDescent="0.4">
      <c r="A5919">
        <v>2</v>
      </c>
      <c r="B5919" t="s">
        <v>1121</v>
      </c>
      <c r="C5919" s="3">
        <v>0.5</v>
      </c>
      <c r="D5919" s="3">
        <v>0.20833333333333334</v>
      </c>
      <c r="E5919">
        <v>0</v>
      </c>
      <c r="F5919">
        <v>0</v>
      </c>
      <c r="G5919">
        <v>9999</v>
      </c>
      <c r="H5919" t="s">
        <v>1119</v>
      </c>
      <c r="I5919" t="s">
        <v>1120</v>
      </c>
      <c r="J5919" t="s">
        <v>1122</v>
      </c>
      <c r="K5919" t="s">
        <v>1123</v>
      </c>
      <c r="L5919" t="s">
        <v>1124</v>
      </c>
      <c r="M5919" t="s">
        <v>1125</v>
      </c>
      <c r="N5919" s="4">
        <v>0.70833333333333337</v>
      </c>
      <c r="O5919" s="4">
        <v>0.20833333333333334</v>
      </c>
      <c r="P5919" t="s">
        <v>1126</v>
      </c>
      <c r="Q5919" t="s">
        <v>1127</v>
      </c>
      <c r="R5919" s="1">
        <v>44656.788819444446</v>
      </c>
    </row>
    <row r="5920" spans="1:22" x14ac:dyDescent="0.4">
      <c r="A5920">
        <v>3</v>
      </c>
      <c r="B5920" t="s">
        <v>1128</v>
      </c>
      <c r="C5920" s="3">
        <v>0.5</v>
      </c>
      <c r="D5920" s="3">
        <v>0.20833333333333334</v>
      </c>
      <c r="E5920" t="s">
        <v>88</v>
      </c>
      <c r="G5920">
        <v>1234</v>
      </c>
      <c r="R5920" s="1">
        <v>44686.669953703706</v>
      </c>
    </row>
    <row r="5921" spans="1:5" x14ac:dyDescent="0.4">
      <c r="A5921" t="s">
        <v>0</v>
      </c>
      <c r="B5921" t="s">
        <v>1</v>
      </c>
      <c r="C5921" t="s">
        <v>2</v>
      </c>
      <c r="D5921" t="s">
        <v>1129</v>
      </c>
      <c r="E5921" t="s">
        <v>1087</v>
      </c>
    </row>
    <row r="5922" spans="1:5" x14ac:dyDescent="0.4">
      <c r="A5922">
        <v>1</v>
      </c>
      <c r="B5922">
        <v>0</v>
      </c>
      <c r="C5922">
        <v>0</v>
      </c>
      <c r="D5922" t="s">
        <v>14</v>
      </c>
      <c r="E5922">
        <v>0</v>
      </c>
    </row>
    <row r="5923" spans="1:5" x14ac:dyDescent="0.4">
      <c r="A5923">
        <v>2</v>
      </c>
      <c r="B5923">
        <v>0</v>
      </c>
      <c r="C5923">
        <v>0</v>
      </c>
      <c r="D5923" t="s">
        <v>1130</v>
      </c>
      <c r="E5923">
        <v>0</v>
      </c>
    </row>
    <row r="5924" spans="1:5" x14ac:dyDescent="0.4">
      <c r="A5924">
        <v>3</v>
      </c>
      <c r="B5924">
        <v>0</v>
      </c>
      <c r="C5924">
        <v>0</v>
      </c>
      <c r="D5924" t="s">
        <v>25</v>
      </c>
      <c r="E5924">
        <v>0</v>
      </c>
    </row>
    <row r="5925" spans="1:5" x14ac:dyDescent="0.4">
      <c r="A5925">
        <v>4</v>
      </c>
      <c r="B5925">
        <v>0</v>
      </c>
      <c r="C5925">
        <v>0</v>
      </c>
      <c r="D5925" t="s">
        <v>10</v>
      </c>
      <c r="E5925">
        <v>0</v>
      </c>
    </row>
    <row r="5926" spans="1:5" x14ac:dyDescent="0.4">
      <c r="A5926">
        <v>5</v>
      </c>
      <c r="B5926">
        <v>0</v>
      </c>
      <c r="C5926">
        <v>0</v>
      </c>
      <c r="D5926" t="s">
        <v>26</v>
      </c>
      <c r="E5926">
        <v>0</v>
      </c>
    </row>
    <row r="5927" spans="1:5" x14ac:dyDescent="0.4">
      <c r="A5927">
        <v>6</v>
      </c>
      <c r="B5927">
        <v>0</v>
      </c>
      <c r="C5927">
        <v>0</v>
      </c>
      <c r="D5927" t="s">
        <v>11</v>
      </c>
      <c r="E5927">
        <v>0</v>
      </c>
    </row>
    <row r="5928" spans="1:5" x14ac:dyDescent="0.4">
      <c r="A5928">
        <v>7</v>
      </c>
      <c r="B5928">
        <v>0</v>
      </c>
      <c r="C5928">
        <v>0</v>
      </c>
      <c r="D5928" t="s">
        <v>7</v>
      </c>
      <c r="E5928">
        <v>0</v>
      </c>
    </row>
    <row r="5929" spans="1:5" x14ac:dyDescent="0.4">
      <c r="A5929">
        <v>8</v>
      </c>
      <c r="B5929">
        <v>0</v>
      </c>
      <c r="C5929">
        <v>0</v>
      </c>
      <c r="D5929" t="s">
        <v>1131</v>
      </c>
      <c r="E5929">
        <v>0</v>
      </c>
    </row>
    <row r="5930" spans="1:5" x14ac:dyDescent="0.4">
      <c r="A5930">
        <v>9</v>
      </c>
      <c r="B5930">
        <v>0</v>
      </c>
      <c r="C5930">
        <v>0</v>
      </c>
      <c r="D5930" t="s">
        <v>15</v>
      </c>
      <c r="E5930">
        <v>0</v>
      </c>
    </row>
    <row r="5931" spans="1:5" x14ac:dyDescent="0.4">
      <c r="A5931">
        <v>10</v>
      </c>
      <c r="B5931">
        <v>0</v>
      </c>
      <c r="C5931">
        <v>0</v>
      </c>
      <c r="D5931" t="s">
        <v>9</v>
      </c>
      <c r="E5931">
        <v>0</v>
      </c>
    </row>
    <row r="5932" spans="1:5" x14ac:dyDescent="0.4">
      <c r="A5932">
        <v>11</v>
      </c>
      <c r="B5932">
        <v>0</v>
      </c>
      <c r="C5932">
        <v>0</v>
      </c>
      <c r="D5932" t="s">
        <v>1132</v>
      </c>
      <c r="E5932">
        <v>0</v>
      </c>
    </row>
    <row r="5933" spans="1:5" x14ac:dyDescent="0.4">
      <c r="A5933">
        <v>12</v>
      </c>
      <c r="B5933">
        <v>23</v>
      </c>
      <c r="C5933">
        <v>0</v>
      </c>
      <c r="D5933" t="s">
        <v>1133</v>
      </c>
      <c r="E5933">
        <v>0</v>
      </c>
    </row>
    <row r="5934" spans="1:5" x14ac:dyDescent="0.4">
      <c r="A5934">
        <v>13</v>
      </c>
      <c r="B5934">
        <v>0</v>
      </c>
      <c r="C5934">
        <v>0</v>
      </c>
      <c r="D5934" t="s">
        <v>1134</v>
      </c>
      <c r="E5934">
        <v>0</v>
      </c>
    </row>
    <row r="5935" spans="1:5" x14ac:dyDescent="0.4">
      <c r="A5935">
        <v>14</v>
      </c>
      <c r="B5935">
        <v>0</v>
      </c>
      <c r="C5935">
        <v>0</v>
      </c>
      <c r="D5935" t="s">
        <v>1135</v>
      </c>
      <c r="E5935">
        <v>0</v>
      </c>
    </row>
    <row r="5936" spans="1:5" x14ac:dyDescent="0.4">
      <c r="A5936">
        <v>15</v>
      </c>
      <c r="B5936">
        <v>0</v>
      </c>
      <c r="C5936">
        <v>0</v>
      </c>
      <c r="D5936" t="s">
        <v>1136</v>
      </c>
      <c r="E5936">
        <v>0</v>
      </c>
    </row>
    <row r="5937" spans="1:5" x14ac:dyDescent="0.4">
      <c r="A5937">
        <v>16</v>
      </c>
      <c r="B5937">
        <v>0</v>
      </c>
      <c r="C5937">
        <v>0</v>
      </c>
      <c r="E5937">
        <v>0</v>
      </c>
    </row>
    <row r="5938" spans="1:5" x14ac:dyDescent="0.4">
      <c r="A5938">
        <v>17</v>
      </c>
      <c r="B5938">
        <v>0</v>
      </c>
      <c r="C5938">
        <v>0</v>
      </c>
      <c r="E5938">
        <v>0</v>
      </c>
    </row>
    <row r="5939" spans="1:5" x14ac:dyDescent="0.4">
      <c r="A5939">
        <v>18</v>
      </c>
      <c r="B5939">
        <v>0</v>
      </c>
      <c r="C5939">
        <v>0</v>
      </c>
      <c r="E5939">
        <v>0</v>
      </c>
    </row>
    <row r="5940" spans="1:5" x14ac:dyDescent="0.4">
      <c r="A5940">
        <v>19</v>
      </c>
      <c r="B5940">
        <v>0</v>
      </c>
      <c r="C5940">
        <v>0</v>
      </c>
      <c r="E5940">
        <v>0</v>
      </c>
    </row>
    <row r="5941" spans="1:5" x14ac:dyDescent="0.4">
      <c r="A5941">
        <v>20</v>
      </c>
      <c r="B5941">
        <v>0</v>
      </c>
      <c r="C5941">
        <v>0</v>
      </c>
      <c r="E5941">
        <v>0</v>
      </c>
    </row>
    <row r="5942" spans="1:5" x14ac:dyDescent="0.4">
      <c r="A5942">
        <v>21</v>
      </c>
      <c r="B5942">
        <v>0</v>
      </c>
      <c r="C5942">
        <v>0</v>
      </c>
      <c r="E5942">
        <v>0</v>
      </c>
    </row>
    <row r="5943" spans="1:5" x14ac:dyDescent="0.4">
      <c r="A5943">
        <v>22</v>
      </c>
      <c r="B5943">
        <v>0</v>
      </c>
      <c r="C5943">
        <v>0</v>
      </c>
      <c r="E5943">
        <v>0</v>
      </c>
    </row>
    <row r="5944" spans="1:5" x14ac:dyDescent="0.4">
      <c r="A5944">
        <v>23</v>
      </c>
      <c r="B5944">
        <v>0</v>
      </c>
      <c r="C5944">
        <v>0</v>
      </c>
      <c r="D5944" t="s">
        <v>88</v>
      </c>
      <c r="E5944">
        <v>0</v>
      </c>
    </row>
    <row r="5945" spans="1:5" x14ac:dyDescent="0.4">
      <c r="A5945">
        <v>24</v>
      </c>
      <c r="B5945">
        <v>0</v>
      </c>
      <c r="C5945">
        <v>0</v>
      </c>
      <c r="D5945" t="s">
        <v>88</v>
      </c>
      <c r="E5945">
        <v>0</v>
      </c>
    </row>
    <row r="5946" spans="1:5" x14ac:dyDescent="0.4">
      <c r="A5946">
        <v>25</v>
      </c>
      <c r="B5946">
        <v>0</v>
      </c>
      <c r="C5946">
        <v>0</v>
      </c>
      <c r="D5946" t="s">
        <v>88</v>
      </c>
      <c r="E5946">
        <v>0</v>
      </c>
    </row>
    <row r="5947" spans="1:5" x14ac:dyDescent="0.4">
      <c r="A5947">
        <v>26</v>
      </c>
      <c r="B5947">
        <v>0</v>
      </c>
      <c r="C5947">
        <v>0</v>
      </c>
      <c r="D5947" t="s">
        <v>88</v>
      </c>
      <c r="E5947">
        <v>0</v>
      </c>
    </row>
    <row r="5948" spans="1:5" x14ac:dyDescent="0.4">
      <c r="A5948">
        <v>27</v>
      </c>
      <c r="B5948">
        <v>0</v>
      </c>
      <c r="C5948">
        <v>0</v>
      </c>
      <c r="D5948" t="s">
        <v>88</v>
      </c>
      <c r="E5948">
        <v>0</v>
      </c>
    </row>
    <row r="5949" spans="1:5" x14ac:dyDescent="0.4">
      <c r="A5949">
        <v>28</v>
      </c>
      <c r="B5949">
        <v>0</v>
      </c>
      <c r="C5949">
        <v>0</v>
      </c>
      <c r="D5949" t="s">
        <v>88</v>
      </c>
      <c r="E5949">
        <v>0</v>
      </c>
    </row>
    <row r="5950" spans="1:5" x14ac:dyDescent="0.4">
      <c r="A5950">
        <v>29</v>
      </c>
      <c r="B5950">
        <v>0</v>
      </c>
      <c r="C5950">
        <v>0</v>
      </c>
      <c r="D5950" t="s">
        <v>88</v>
      </c>
      <c r="E5950">
        <v>0</v>
      </c>
    </row>
    <row r="5951" spans="1:5" x14ac:dyDescent="0.4">
      <c r="A5951">
        <v>30</v>
      </c>
      <c r="B5951">
        <v>0</v>
      </c>
      <c r="C5951">
        <v>0</v>
      </c>
      <c r="D5951" t="s">
        <v>88</v>
      </c>
      <c r="E5951">
        <v>0</v>
      </c>
    </row>
    <row r="5952" spans="1:5" x14ac:dyDescent="0.4">
      <c r="A5952">
        <v>31</v>
      </c>
      <c r="B5952">
        <v>0</v>
      </c>
      <c r="C5952">
        <v>0</v>
      </c>
      <c r="D5952" t="s">
        <v>88</v>
      </c>
      <c r="E5952">
        <v>0</v>
      </c>
    </row>
    <row r="5953" spans="1:5" x14ac:dyDescent="0.4">
      <c r="A5953">
        <v>32</v>
      </c>
      <c r="B5953">
        <v>0</v>
      </c>
      <c r="C5953">
        <v>0</v>
      </c>
      <c r="D5953" t="s">
        <v>88</v>
      </c>
      <c r="E5953">
        <v>0</v>
      </c>
    </row>
    <row r="5954" spans="1:5" x14ac:dyDescent="0.4">
      <c r="A5954">
        <v>33</v>
      </c>
      <c r="B5954">
        <v>0</v>
      </c>
      <c r="C5954">
        <v>0</v>
      </c>
      <c r="D5954" t="s">
        <v>88</v>
      </c>
      <c r="E5954">
        <v>0</v>
      </c>
    </row>
    <row r="5955" spans="1:5" x14ac:dyDescent="0.4">
      <c r="A5955">
        <v>34</v>
      </c>
      <c r="B5955">
        <v>0</v>
      </c>
      <c r="C5955">
        <v>0</v>
      </c>
      <c r="D5955" t="s">
        <v>88</v>
      </c>
      <c r="E5955">
        <v>0</v>
      </c>
    </row>
    <row r="5956" spans="1:5" x14ac:dyDescent="0.4">
      <c r="A5956">
        <v>35</v>
      </c>
      <c r="B5956">
        <v>0</v>
      </c>
      <c r="C5956">
        <v>0</v>
      </c>
      <c r="D5956" t="s">
        <v>88</v>
      </c>
      <c r="E5956">
        <v>0</v>
      </c>
    </row>
    <row r="5957" spans="1:5" x14ac:dyDescent="0.4">
      <c r="A5957">
        <v>36</v>
      </c>
      <c r="B5957">
        <v>0</v>
      </c>
      <c r="C5957">
        <v>0</v>
      </c>
      <c r="D5957" t="s">
        <v>88</v>
      </c>
      <c r="E5957">
        <v>0</v>
      </c>
    </row>
    <row r="5958" spans="1:5" x14ac:dyDescent="0.4">
      <c r="A5958">
        <v>37</v>
      </c>
      <c r="B5958">
        <v>0</v>
      </c>
      <c r="C5958">
        <v>0</v>
      </c>
      <c r="D5958" t="s">
        <v>88</v>
      </c>
      <c r="E5958">
        <v>0</v>
      </c>
    </row>
    <row r="5959" spans="1:5" x14ac:dyDescent="0.4">
      <c r="A5959">
        <v>38</v>
      </c>
      <c r="B5959">
        <v>0</v>
      </c>
      <c r="C5959">
        <v>0</v>
      </c>
      <c r="D5959" t="s">
        <v>88</v>
      </c>
      <c r="E5959">
        <v>0</v>
      </c>
    </row>
    <row r="5960" spans="1:5" x14ac:dyDescent="0.4">
      <c r="A5960">
        <v>39</v>
      </c>
      <c r="B5960">
        <v>0</v>
      </c>
      <c r="C5960">
        <v>0</v>
      </c>
      <c r="D5960" t="s">
        <v>88</v>
      </c>
      <c r="E5960">
        <v>0</v>
      </c>
    </row>
    <row r="5961" spans="1:5" x14ac:dyDescent="0.4">
      <c r="A5961">
        <v>40</v>
      </c>
      <c r="B5961">
        <v>0</v>
      </c>
      <c r="C5961">
        <v>0</v>
      </c>
      <c r="D5961" t="s">
        <v>88</v>
      </c>
      <c r="E5961">
        <v>0</v>
      </c>
    </row>
    <row r="5962" spans="1:5" x14ac:dyDescent="0.4">
      <c r="A5962">
        <v>41</v>
      </c>
      <c r="B5962">
        <v>0</v>
      </c>
      <c r="C5962">
        <v>0</v>
      </c>
      <c r="D5962" t="s">
        <v>88</v>
      </c>
      <c r="E5962">
        <v>0</v>
      </c>
    </row>
    <row r="5963" spans="1:5" x14ac:dyDescent="0.4">
      <c r="A5963">
        <v>42</v>
      </c>
      <c r="B5963">
        <v>0</v>
      </c>
      <c r="C5963">
        <v>0</v>
      </c>
      <c r="D5963" t="s">
        <v>88</v>
      </c>
      <c r="E5963">
        <v>0</v>
      </c>
    </row>
    <row r="5964" spans="1:5" x14ac:dyDescent="0.4">
      <c r="A5964">
        <v>43</v>
      </c>
      <c r="B5964">
        <v>0</v>
      </c>
      <c r="C5964">
        <v>0</v>
      </c>
      <c r="D5964" t="s">
        <v>88</v>
      </c>
      <c r="E5964">
        <v>0</v>
      </c>
    </row>
    <row r="5965" spans="1:5" x14ac:dyDescent="0.4">
      <c r="A5965">
        <v>44</v>
      </c>
      <c r="B5965">
        <v>0</v>
      </c>
      <c r="C5965">
        <v>0</v>
      </c>
      <c r="D5965" t="s">
        <v>88</v>
      </c>
      <c r="E5965">
        <v>0</v>
      </c>
    </row>
    <row r="5966" spans="1:5" x14ac:dyDescent="0.4">
      <c r="A5966">
        <v>45</v>
      </c>
      <c r="B5966">
        <v>0</v>
      </c>
      <c r="C5966">
        <v>0</v>
      </c>
      <c r="D5966" t="s">
        <v>88</v>
      </c>
      <c r="E5966">
        <v>0</v>
      </c>
    </row>
    <row r="5967" spans="1:5" x14ac:dyDescent="0.4">
      <c r="A5967">
        <v>46</v>
      </c>
      <c r="B5967">
        <v>0</v>
      </c>
      <c r="C5967">
        <v>0</v>
      </c>
      <c r="D5967" t="s">
        <v>88</v>
      </c>
      <c r="E5967">
        <v>0</v>
      </c>
    </row>
    <row r="5968" spans="1:5" x14ac:dyDescent="0.4">
      <c r="A5968">
        <v>47</v>
      </c>
      <c r="B5968">
        <v>0</v>
      </c>
      <c r="C5968">
        <v>0</v>
      </c>
      <c r="D5968" t="s">
        <v>88</v>
      </c>
      <c r="E5968">
        <v>0</v>
      </c>
    </row>
    <row r="5969" spans="1:5" x14ac:dyDescent="0.4">
      <c r="A5969">
        <v>48</v>
      </c>
      <c r="B5969">
        <v>0</v>
      </c>
      <c r="C5969">
        <v>0</v>
      </c>
      <c r="D5969" t="s">
        <v>88</v>
      </c>
      <c r="E5969">
        <v>0</v>
      </c>
    </row>
    <row r="5970" spans="1:5" x14ac:dyDescent="0.4">
      <c r="A5970">
        <v>49</v>
      </c>
      <c r="B5970">
        <v>0</v>
      </c>
      <c r="C5970">
        <v>0</v>
      </c>
      <c r="D5970" t="s">
        <v>88</v>
      </c>
      <c r="E5970">
        <v>0</v>
      </c>
    </row>
    <row r="5971" spans="1:5" x14ac:dyDescent="0.4">
      <c r="A5971">
        <v>50</v>
      </c>
      <c r="B5971">
        <v>0</v>
      </c>
      <c r="C5971">
        <v>0</v>
      </c>
      <c r="D5971" t="s">
        <v>88</v>
      </c>
      <c r="E5971">
        <v>0</v>
      </c>
    </row>
    <row r="5972" spans="1:5" x14ac:dyDescent="0.4">
      <c r="A5972">
        <v>51</v>
      </c>
      <c r="B5972">
        <v>0</v>
      </c>
      <c r="C5972">
        <v>0</v>
      </c>
      <c r="D5972" t="s">
        <v>88</v>
      </c>
      <c r="E5972">
        <v>0</v>
      </c>
    </row>
    <row r="5973" spans="1:5" x14ac:dyDescent="0.4">
      <c r="A5973">
        <v>52</v>
      </c>
      <c r="B5973">
        <v>0</v>
      </c>
      <c r="C5973">
        <v>0</v>
      </c>
      <c r="D5973" t="s">
        <v>88</v>
      </c>
      <c r="E5973">
        <v>0</v>
      </c>
    </row>
    <row r="5974" spans="1:5" x14ac:dyDescent="0.4">
      <c r="A5974">
        <v>53</v>
      </c>
      <c r="B5974">
        <v>0</v>
      </c>
      <c r="C5974">
        <v>0</v>
      </c>
      <c r="D5974" t="s">
        <v>88</v>
      </c>
      <c r="E5974">
        <v>0</v>
      </c>
    </row>
    <row r="5975" spans="1:5" x14ac:dyDescent="0.4">
      <c r="A5975">
        <v>54</v>
      </c>
      <c r="B5975">
        <v>0</v>
      </c>
      <c r="C5975">
        <v>0</v>
      </c>
      <c r="D5975" t="s">
        <v>88</v>
      </c>
      <c r="E5975">
        <v>0</v>
      </c>
    </row>
    <row r="5976" spans="1:5" x14ac:dyDescent="0.4">
      <c r="A5976">
        <v>55</v>
      </c>
      <c r="B5976">
        <v>0</v>
      </c>
      <c r="C5976">
        <v>0</v>
      </c>
      <c r="D5976" t="s">
        <v>88</v>
      </c>
      <c r="E5976">
        <v>0</v>
      </c>
    </row>
    <row r="5977" spans="1:5" x14ac:dyDescent="0.4">
      <c r="A5977">
        <v>56</v>
      </c>
      <c r="B5977">
        <v>0</v>
      </c>
      <c r="C5977">
        <v>0</v>
      </c>
      <c r="D5977" t="s">
        <v>88</v>
      </c>
      <c r="E5977">
        <v>0</v>
      </c>
    </row>
    <row r="5978" spans="1:5" x14ac:dyDescent="0.4">
      <c r="A5978">
        <v>57</v>
      </c>
      <c r="B5978">
        <v>0</v>
      </c>
      <c r="C5978">
        <v>0</v>
      </c>
      <c r="D5978" t="s">
        <v>88</v>
      </c>
      <c r="E5978">
        <v>0</v>
      </c>
    </row>
    <row r="5979" spans="1:5" x14ac:dyDescent="0.4">
      <c r="A5979">
        <v>58</v>
      </c>
      <c r="B5979">
        <v>0</v>
      </c>
      <c r="C5979">
        <v>0</v>
      </c>
      <c r="D5979" t="s">
        <v>88</v>
      </c>
      <c r="E5979">
        <v>0</v>
      </c>
    </row>
    <row r="5980" spans="1:5" x14ac:dyDescent="0.4">
      <c r="A5980">
        <v>59</v>
      </c>
      <c r="B5980">
        <v>0</v>
      </c>
      <c r="C5980">
        <v>0</v>
      </c>
      <c r="D5980" t="s">
        <v>88</v>
      </c>
      <c r="E5980">
        <v>0</v>
      </c>
    </row>
    <row r="5981" spans="1:5" x14ac:dyDescent="0.4">
      <c r="A5981">
        <v>60</v>
      </c>
      <c r="B5981">
        <v>0</v>
      </c>
      <c r="C5981">
        <v>0</v>
      </c>
      <c r="D5981" t="s">
        <v>88</v>
      </c>
      <c r="E5981">
        <v>0</v>
      </c>
    </row>
    <row r="5982" spans="1:5" x14ac:dyDescent="0.4">
      <c r="A5982">
        <v>61</v>
      </c>
      <c r="B5982">
        <v>0</v>
      </c>
      <c r="C5982">
        <v>0</v>
      </c>
      <c r="D5982" t="s">
        <v>88</v>
      </c>
      <c r="E5982">
        <v>0</v>
      </c>
    </row>
    <row r="5983" spans="1:5" x14ac:dyDescent="0.4">
      <c r="A5983">
        <v>62</v>
      </c>
      <c r="B5983">
        <v>0</v>
      </c>
      <c r="C5983">
        <v>0</v>
      </c>
      <c r="D5983" t="s">
        <v>88</v>
      </c>
      <c r="E5983">
        <v>0</v>
      </c>
    </row>
    <row r="5984" spans="1:5" x14ac:dyDescent="0.4">
      <c r="A5984">
        <v>63</v>
      </c>
      <c r="B5984">
        <v>0</v>
      </c>
      <c r="C5984">
        <v>0</v>
      </c>
      <c r="D5984" t="s">
        <v>88</v>
      </c>
      <c r="E5984">
        <v>0</v>
      </c>
    </row>
    <row r="5985" spans="1:5" x14ac:dyDescent="0.4">
      <c r="A5985">
        <v>64</v>
      </c>
      <c r="B5985">
        <v>0</v>
      </c>
      <c r="C5985">
        <v>0</v>
      </c>
      <c r="D5985" t="s">
        <v>88</v>
      </c>
      <c r="E5985">
        <v>0</v>
      </c>
    </row>
    <row r="5986" spans="1:5" x14ac:dyDescent="0.4">
      <c r="A5986">
        <v>65</v>
      </c>
      <c r="B5986">
        <v>0</v>
      </c>
      <c r="C5986">
        <v>0</v>
      </c>
      <c r="D5986" t="s">
        <v>88</v>
      </c>
      <c r="E5986">
        <v>0</v>
      </c>
    </row>
    <row r="5987" spans="1:5" x14ac:dyDescent="0.4">
      <c r="A5987">
        <v>66</v>
      </c>
      <c r="B5987">
        <v>0</v>
      </c>
      <c r="C5987">
        <v>0</v>
      </c>
      <c r="D5987" t="s">
        <v>88</v>
      </c>
      <c r="E5987">
        <v>0</v>
      </c>
    </row>
    <row r="5988" spans="1:5" x14ac:dyDescent="0.4">
      <c r="A5988">
        <v>67</v>
      </c>
      <c r="B5988">
        <v>0</v>
      </c>
      <c r="C5988">
        <v>0</v>
      </c>
      <c r="D5988" t="s">
        <v>88</v>
      </c>
      <c r="E5988">
        <v>0</v>
      </c>
    </row>
    <row r="5989" spans="1:5" x14ac:dyDescent="0.4">
      <c r="A5989">
        <v>68</v>
      </c>
      <c r="B5989">
        <v>0</v>
      </c>
      <c r="C5989">
        <v>0</v>
      </c>
      <c r="D5989" t="s">
        <v>88</v>
      </c>
      <c r="E5989">
        <v>0</v>
      </c>
    </row>
    <row r="5990" spans="1:5" x14ac:dyDescent="0.4">
      <c r="A5990">
        <v>69</v>
      </c>
      <c r="B5990">
        <v>0</v>
      </c>
      <c r="C5990">
        <v>0</v>
      </c>
      <c r="D5990" t="s">
        <v>88</v>
      </c>
      <c r="E5990">
        <v>0</v>
      </c>
    </row>
    <row r="5991" spans="1:5" x14ac:dyDescent="0.4">
      <c r="A5991">
        <v>70</v>
      </c>
      <c r="B5991">
        <v>0</v>
      </c>
      <c r="C5991">
        <v>0</v>
      </c>
      <c r="D5991" t="s">
        <v>88</v>
      </c>
      <c r="E5991">
        <v>0</v>
      </c>
    </row>
    <row r="5992" spans="1:5" x14ac:dyDescent="0.4">
      <c r="A5992">
        <v>71</v>
      </c>
      <c r="B5992">
        <v>0</v>
      </c>
      <c r="C5992">
        <v>0</v>
      </c>
      <c r="D5992" t="s">
        <v>88</v>
      </c>
      <c r="E5992">
        <v>0</v>
      </c>
    </row>
    <row r="5993" spans="1:5" x14ac:dyDescent="0.4">
      <c r="A5993">
        <v>72</v>
      </c>
      <c r="B5993">
        <v>0</v>
      </c>
      <c r="C5993">
        <v>0</v>
      </c>
      <c r="D5993" t="s">
        <v>88</v>
      </c>
      <c r="E5993">
        <v>0</v>
      </c>
    </row>
    <row r="5994" spans="1:5" x14ac:dyDescent="0.4">
      <c r="A5994">
        <v>73</v>
      </c>
      <c r="B5994">
        <v>0</v>
      </c>
      <c r="C5994">
        <v>0</v>
      </c>
      <c r="D5994" t="s">
        <v>88</v>
      </c>
      <c r="E5994">
        <v>0</v>
      </c>
    </row>
    <row r="5995" spans="1:5" x14ac:dyDescent="0.4">
      <c r="A5995">
        <v>74</v>
      </c>
      <c r="B5995">
        <v>0</v>
      </c>
      <c r="C5995">
        <v>0</v>
      </c>
      <c r="D5995" t="s">
        <v>88</v>
      </c>
      <c r="E5995">
        <v>0</v>
      </c>
    </row>
    <row r="5996" spans="1:5" x14ac:dyDescent="0.4">
      <c r="A5996">
        <v>75</v>
      </c>
      <c r="B5996">
        <v>0</v>
      </c>
      <c r="C5996">
        <v>0</v>
      </c>
      <c r="D5996" t="s">
        <v>88</v>
      </c>
      <c r="E5996">
        <v>0</v>
      </c>
    </row>
    <row r="5997" spans="1:5" x14ac:dyDescent="0.4">
      <c r="A5997">
        <v>76</v>
      </c>
      <c r="B5997">
        <v>0</v>
      </c>
      <c r="C5997">
        <v>0</v>
      </c>
      <c r="D5997" t="s">
        <v>88</v>
      </c>
      <c r="E5997">
        <v>0</v>
      </c>
    </row>
    <row r="5998" spans="1:5" x14ac:dyDescent="0.4">
      <c r="A5998">
        <v>77</v>
      </c>
      <c r="B5998">
        <v>0</v>
      </c>
      <c r="C5998">
        <v>0</v>
      </c>
      <c r="D5998" t="s">
        <v>88</v>
      </c>
      <c r="E5998">
        <v>0</v>
      </c>
    </row>
    <row r="5999" spans="1:5" x14ac:dyDescent="0.4">
      <c r="A5999">
        <v>78</v>
      </c>
      <c r="B5999">
        <v>0</v>
      </c>
      <c r="C5999">
        <v>0</v>
      </c>
      <c r="D5999" t="s">
        <v>88</v>
      </c>
      <c r="E5999">
        <v>0</v>
      </c>
    </row>
    <row r="6000" spans="1:5" x14ac:dyDescent="0.4">
      <c r="A6000">
        <v>79</v>
      </c>
      <c r="B6000">
        <v>0</v>
      </c>
      <c r="C6000">
        <v>0</v>
      </c>
      <c r="D6000" t="s">
        <v>88</v>
      </c>
      <c r="E6000">
        <v>0</v>
      </c>
    </row>
    <row r="6001" spans="1:5" x14ac:dyDescent="0.4">
      <c r="A6001">
        <v>80</v>
      </c>
      <c r="B6001">
        <v>0</v>
      </c>
      <c r="C6001">
        <v>0</v>
      </c>
      <c r="D6001" t="s">
        <v>88</v>
      </c>
      <c r="E6001">
        <v>0</v>
      </c>
    </row>
    <row r="6002" spans="1:5" x14ac:dyDescent="0.4">
      <c r="A6002">
        <v>81</v>
      </c>
      <c r="B6002">
        <v>0</v>
      </c>
      <c r="C6002">
        <v>0</v>
      </c>
      <c r="D6002" t="s">
        <v>88</v>
      </c>
      <c r="E6002">
        <v>0</v>
      </c>
    </row>
    <row r="6003" spans="1:5" x14ac:dyDescent="0.4">
      <c r="A6003">
        <v>82</v>
      </c>
      <c r="B6003">
        <v>0</v>
      </c>
      <c r="C6003">
        <v>0</v>
      </c>
      <c r="D6003" t="s">
        <v>88</v>
      </c>
      <c r="E6003">
        <v>0</v>
      </c>
    </row>
    <row r="6004" spans="1:5" x14ac:dyDescent="0.4">
      <c r="A6004">
        <v>83</v>
      </c>
      <c r="B6004">
        <v>0</v>
      </c>
      <c r="C6004">
        <v>0</v>
      </c>
      <c r="D6004" t="s">
        <v>88</v>
      </c>
      <c r="E6004">
        <v>0</v>
      </c>
    </row>
    <row r="6005" spans="1:5" x14ac:dyDescent="0.4">
      <c r="A6005">
        <v>84</v>
      </c>
      <c r="B6005">
        <v>0</v>
      </c>
      <c r="C6005">
        <v>0</v>
      </c>
      <c r="D6005" t="s">
        <v>88</v>
      </c>
      <c r="E6005">
        <v>0</v>
      </c>
    </row>
    <row r="6006" spans="1:5" x14ac:dyDescent="0.4">
      <c r="A6006">
        <v>85</v>
      </c>
      <c r="B6006">
        <v>0</v>
      </c>
      <c r="C6006">
        <v>0</v>
      </c>
      <c r="D6006" t="s">
        <v>88</v>
      </c>
      <c r="E6006">
        <v>0</v>
      </c>
    </row>
    <row r="6007" spans="1:5" x14ac:dyDescent="0.4">
      <c r="A6007">
        <v>86</v>
      </c>
      <c r="B6007">
        <v>0</v>
      </c>
      <c r="C6007">
        <v>0</v>
      </c>
      <c r="D6007" t="s">
        <v>88</v>
      </c>
      <c r="E6007">
        <v>0</v>
      </c>
    </row>
    <row r="6008" spans="1:5" x14ac:dyDescent="0.4">
      <c r="A6008">
        <v>87</v>
      </c>
      <c r="B6008">
        <v>0</v>
      </c>
      <c r="C6008">
        <v>0</v>
      </c>
      <c r="D6008" t="s">
        <v>88</v>
      </c>
      <c r="E6008">
        <v>0</v>
      </c>
    </row>
    <row r="6009" spans="1:5" x14ac:dyDescent="0.4">
      <c r="A6009">
        <v>88</v>
      </c>
      <c r="B6009">
        <v>0</v>
      </c>
      <c r="C6009">
        <v>0</v>
      </c>
      <c r="D6009" t="s">
        <v>88</v>
      </c>
      <c r="E6009">
        <v>0</v>
      </c>
    </row>
    <row r="6010" spans="1:5" x14ac:dyDescent="0.4">
      <c r="A6010">
        <v>89</v>
      </c>
      <c r="B6010">
        <v>0</v>
      </c>
      <c r="C6010">
        <v>0</v>
      </c>
      <c r="D6010" t="s">
        <v>88</v>
      </c>
      <c r="E6010">
        <v>0</v>
      </c>
    </row>
    <row r="6011" spans="1:5" x14ac:dyDescent="0.4">
      <c r="A6011">
        <v>90</v>
      </c>
      <c r="B6011">
        <v>0</v>
      </c>
      <c r="C6011">
        <v>0</v>
      </c>
      <c r="D6011" t="s">
        <v>88</v>
      </c>
      <c r="E6011">
        <v>0</v>
      </c>
    </row>
    <row r="6012" spans="1:5" x14ac:dyDescent="0.4">
      <c r="A6012">
        <v>91</v>
      </c>
      <c r="B6012">
        <v>0</v>
      </c>
      <c r="C6012">
        <v>0</v>
      </c>
      <c r="D6012" t="s">
        <v>88</v>
      </c>
      <c r="E6012">
        <v>0</v>
      </c>
    </row>
    <row r="6013" spans="1:5" x14ac:dyDescent="0.4">
      <c r="A6013">
        <v>92</v>
      </c>
      <c r="B6013">
        <v>0</v>
      </c>
      <c r="C6013">
        <v>0</v>
      </c>
      <c r="D6013" t="s">
        <v>88</v>
      </c>
      <c r="E6013">
        <v>0</v>
      </c>
    </row>
    <row r="6014" spans="1:5" x14ac:dyDescent="0.4">
      <c r="A6014">
        <v>93</v>
      </c>
      <c r="B6014">
        <v>0</v>
      </c>
      <c r="C6014">
        <v>0</v>
      </c>
      <c r="D6014" t="s">
        <v>88</v>
      </c>
      <c r="E6014">
        <v>0</v>
      </c>
    </row>
    <row r="6015" spans="1:5" x14ac:dyDescent="0.4">
      <c r="A6015">
        <v>94</v>
      </c>
      <c r="B6015">
        <v>0</v>
      </c>
      <c r="C6015">
        <v>0</v>
      </c>
      <c r="D6015" t="s">
        <v>88</v>
      </c>
      <c r="E6015">
        <v>0</v>
      </c>
    </row>
    <row r="6016" spans="1:5" x14ac:dyDescent="0.4">
      <c r="A6016">
        <v>95</v>
      </c>
      <c r="B6016">
        <v>0</v>
      </c>
      <c r="C6016">
        <v>0</v>
      </c>
      <c r="D6016" t="s">
        <v>88</v>
      </c>
      <c r="E6016">
        <v>0</v>
      </c>
    </row>
    <row r="6017" spans="1:5" x14ac:dyDescent="0.4">
      <c r="A6017">
        <v>96</v>
      </c>
      <c r="B6017">
        <v>0</v>
      </c>
      <c r="C6017">
        <v>0</v>
      </c>
      <c r="D6017" t="s">
        <v>88</v>
      </c>
      <c r="E6017">
        <v>0</v>
      </c>
    </row>
    <row r="6018" spans="1:5" x14ac:dyDescent="0.4">
      <c r="A6018">
        <v>97</v>
      </c>
      <c r="B6018">
        <v>0</v>
      </c>
      <c r="C6018">
        <v>0</v>
      </c>
      <c r="D6018" t="s">
        <v>88</v>
      </c>
      <c r="E6018">
        <v>0</v>
      </c>
    </row>
    <row r="6019" spans="1:5" x14ac:dyDescent="0.4">
      <c r="A6019">
        <v>98</v>
      </c>
      <c r="B6019">
        <v>0</v>
      </c>
      <c r="C6019">
        <v>0</v>
      </c>
      <c r="D6019" t="s">
        <v>88</v>
      </c>
      <c r="E6019">
        <v>0</v>
      </c>
    </row>
    <row r="6020" spans="1:5" x14ac:dyDescent="0.4">
      <c r="A6020">
        <v>99</v>
      </c>
      <c r="B6020">
        <v>0</v>
      </c>
      <c r="C6020">
        <v>0</v>
      </c>
      <c r="D6020" t="s">
        <v>88</v>
      </c>
      <c r="E6020">
        <v>0</v>
      </c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bsuihzhf_s12 (2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SHIKURA</dc:creator>
  <cp:lastModifiedBy>YOSHIKURA</cp:lastModifiedBy>
  <dcterms:created xsi:type="dcterms:W3CDTF">2023-06-12T06:03:26Z</dcterms:created>
  <dcterms:modified xsi:type="dcterms:W3CDTF">2023-06-12T06:03:27Z</dcterms:modified>
</cp:coreProperties>
</file>